
<file path=[Content_Types].xml><?xml version="1.0" encoding="utf-8"?>
<Types xmlns="http://schemas.openxmlformats.org/package/2006/content-types">
  <Default Extension="emf" ContentType="image/x-emf"/>
  <Default Extension="jpeg" ContentType="image/jpeg"/>
  <Default Extension="jpg" ContentType="image/jp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theme/theme2.xml" ContentType="application/vnd.openxmlformats-officedocument.theme+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3.xml" ContentType="application/vnd.openxmlformats-officedocument.theme+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theme/theme4.xml" ContentType="application/vnd.openxmlformats-officedocument.theme+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theme/theme5.xml" ContentType="application/vnd.openxmlformats-officedocument.theme+xml"/>
  <Override PartName="/ppt/theme/theme6.xml" ContentType="application/vnd.openxmlformats-officedocument.theme+xml"/>
  <Override PartName="/ppt/theme/theme7.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drawings/drawing1.xml" ContentType="application/vnd.openxmlformats-officedocument.drawingml.chartshapes+xml"/>
  <Override PartName="/ppt/notesSlides/notesSlide3.xml" ContentType="application/vnd.openxmlformats-officedocument.presentationml.notesSlide+xml"/>
  <Override PartName="/ppt/notesSlides/notesSlide4.xml" ContentType="application/vnd.openxmlformats-officedocument.presentationml.notesSlide+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2" r:id="rId1"/>
    <p:sldMasterId id="2147483685" r:id="rId2"/>
    <p:sldMasterId id="2147483701" r:id="rId3"/>
    <p:sldMasterId id="2147483704" r:id="rId4"/>
    <p:sldMasterId id="2147483899" r:id="rId5"/>
  </p:sldMasterIdLst>
  <p:notesMasterIdLst>
    <p:notesMasterId r:id="rId104"/>
  </p:notesMasterIdLst>
  <p:handoutMasterIdLst>
    <p:handoutMasterId r:id="rId105"/>
  </p:handoutMasterIdLst>
  <p:sldIdLst>
    <p:sldId id="2819" r:id="rId6"/>
    <p:sldId id="2818" r:id="rId7"/>
    <p:sldId id="2991" r:id="rId8"/>
    <p:sldId id="2787" r:id="rId9"/>
    <p:sldId id="2812" r:id="rId10"/>
    <p:sldId id="2866" r:id="rId11"/>
    <p:sldId id="2893" r:id="rId12"/>
    <p:sldId id="257" r:id="rId13"/>
    <p:sldId id="2947" r:id="rId14"/>
    <p:sldId id="258" r:id="rId15"/>
    <p:sldId id="259" r:id="rId16"/>
    <p:sldId id="260" r:id="rId17"/>
    <p:sldId id="261" r:id="rId18"/>
    <p:sldId id="262" r:id="rId19"/>
    <p:sldId id="264" r:id="rId20"/>
    <p:sldId id="265" r:id="rId21"/>
    <p:sldId id="266" r:id="rId22"/>
    <p:sldId id="267" r:id="rId23"/>
    <p:sldId id="268" r:id="rId24"/>
    <p:sldId id="269" r:id="rId25"/>
    <p:sldId id="270" r:id="rId26"/>
    <p:sldId id="271" r:id="rId27"/>
    <p:sldId id="272" r:id="rId28"/>
    <p:sldId id="273" r:id="rId29"/>
    <p:sldId id="274" r:id="rId30"/>
    <p:sldId id="2948" r:id="rId31"/>
    <p:sldId id="275" r:id="rId32"/>
    <p:sldId id="276" r:id="rId33"/>
    <p:sldId id="277" r:id="rId34"/>
    <p:sldId id="279" r:id="rId35"/>
    <p:sldId id="2952" r:id="rId36"/>
    <p:sldId id="2992" r:id="rId37"/>
    <p:sldId id="2954" r:id="rId38"/>
    <p:sldId id="2955" r:id="rId39"/>
    <p:sldId id="2956" r:id="rId40"/>
    <p:sldId id="2957" r:id="rId41"/>
    <p:sldId id="2958" r:id="rId42"/>
    <p:sldId id="2959" r:id="rId43"/>
    <p:sldId id="263" r:id="rId44"/>
    <p:sldId id="2960" r:id="rId45"/>
    <p:sldId id="2961" r:id="rId46"/>
    <p:sldId id="2962" r:id="rId47"/>
    <p:sldId id="2963" r:id="rId48"/>
    <p:sldId id="2964" r:id="rId49"/>
    <p:sldId id="2967" r:id="rId50"/>
    <p:sldId id="2968" r:id="rId51"/>
    <p:sldId id="2969" r:id="rId52"/>
    <p:sldId id="2970" r:id="rId53"/>
    <p:sldId id="2973" r:id="rId54"/>
    <p:sldId id="2974" r:id="rId55"/>
    <p:sldId id="2975" r:id="rId56"/>
    <p:sldId id="2976" r:id="rId57"/>
    <p:sldId id="2978" r:id="rId58"/>
    <p:sldId id="2979" r:id="rId59"/>
    <p:sldId id="2980" r:id="rId60"/>
    <p:sldId id="2981" r:id="rId61"/>
    <p:sldId id="2982" r:id="rId62"/>
    <p:sldId id="2983" r:id="rId63"/>
    <p:sldId id="2984" r:id="rId64"/>
    <p:sldId id="2985" r:id="rId65"/>
    <p:sldId id="2993" r:id="rId66"/>
    <p:sldId id="2995" r:id="rId67"/>
    <p:sldId id="2996" r:id="rId68"/>
    <p:sldId id="3000" r:id="rId69"/>
    <p:sldId id="3001" r:id="rId70"/>
    <p:sldId id="3002" r:id="rId71"/>
    <p:sldId id="3003" r:id="rId72"/>
    <p:sldId id="3004" r:id="rId73"/>
    <p:sldId id="3005" r:id="rId74"/>
    <p:sldId id="3006" r:id="rId75"/>
    <p:sldId id="3007" r:id="rId76"/>
    <p:sldId id="3008" r:id="rId77"/>
    <p:sldId id="2987" r:id="rId78"/>
    <p:sldId id="2999" r:id="rId79"/>
    <p:sldId id="775" r:id="rId80"/>
    <p:sldId id="2917" r:id="rId81"/>
    <p:sldId id="2920" r:id="rId82"/>
    <p:sldId id="2880" r:id="rId83"/>
    <p:sldId id="2936" r:id="rId84"/>
    <p:sldId id="2882" r:id="rId85"/>
    <p:sldId id="428" r:id="rId86"/>
    <p:sldId id="1230" r:id="rId87"/>
    <p:sldId id="427" r:id="rId88"/>
    <p:sldId id="1716" r:id="rId89"/>
    <p:sldId id="1711" r:id="rId90"/>
    <p:sldId id="1717" r:id="rId91"/>
    <p:sldId id="798" r:id="rId92"/>
    <p:sldId id="2896" r:id="rId93"/>
    <p:sldId id="2759" r:id="rId94"/>
    <p:sldId id="2771" r:id="rId95"/>
    <p:sldId id="667" r:id="rId96"/>
    <p:sldId id="2935" r:id="rId97"/>
    <p:sldId id="2988" r:id="rId98"/>
    <p:sldId id="256" r:id="rId99"/>
    <p:sldId id="2990" r:id="rId100"/>
    <p:sldId id="431" r:id="rId101"/>
    <p:sldId id="2949" r:id="rId102"/>
    <p:sldId id="1172" r:id="rId103"/>
  </p:sldIdLst>
  <p:sldSz cx="9144000" cy="6858000" type="screen4x3"/>
  <p:notesSz cx="6858000" cy="9144000"/>
  <p:defaultTextStyle>
    <a:defPPr>
      <a:defRPr lang="ja-JP"/>
    </a:defPPr>
    <a:lvl1pPr marL="0" algn="l" defTabSz="1038977" rtl="0" eaLnBrk="1" latinLnBrk="0" hangingPunct="1">
      <a:defRPr kumimoji="1" sz="2045" kern="1200">
        <a:solidFill>
          <a:schemeClr val="tx1"/>
        </a:solidFill>
        <a:latin typeface="+mn-lt"/>
        <a:ea typeface="+mn-ea"/>
        <a:cs typeface="+mn-cs"/>
      </a:defRPr>
    </a:lvl1pPr>
    <a:lvl2pPr marL="519488" algn="l" defTabSz="1038977" rtl="0" eaLnBrk="1" latinLnBrk="0" hangingPunct="1">
      <a:defRPr kumimoji="1" sz="2045" kern="1200">
        <a:solidFill>
          <a:schemeClr val="tx1"/>
        </a:solidFill>
        <a:latin typeface="+mn-lt"/>
        <a:ea typeface="+mn-ea"/>
        <a:cs typeface="+mn-cs"/>
      </a:defRPr>
    </a:lvl2pPr>
    <a:lvl3pPr marL="1038977" algn="l" defTabSz="1038977" rtl="0" eaLnBrk="1" latinLnBrk="0" hangingPunct="1">
      <a:defRPr kumimoji="1" sz="2045" kern="1200">
        <a:solidFill>
          <a:schemeClr val="tx1"/>
        </a:solidFill>
        <a:latin typeface="+mn-lt"/>
        <a:ea typeface="+mn-ea"/>
        <a:cs typeface="+mn-cs"/>
      </a:defRPr>
    </a:lvl3pPr>
    <a:lvl4pPr marL="1558465" algn="l" defTabSz="1038977" rtl="0" eaLnBrk="1" latinLnBrk="0" hangingPunct="1">
      <a:defRPr kumimoji="1" sz="2045" kern="1200">
        <a:solidFill>
          <a:schemeClr val="tx1"/>
        </a:solidFill>
        <a:latin typeface="+mn-lt"/>
        <a:ea typeface="+mn-ea"/>
        <a:cs typeface="+mn-cs"/>
      </a:defRPr>
    </a:lvl4pPr>
    <a:lvl5pPr marL="2077952" algn="l" defTabSz="1038977" rtl="0" eaLnBrk="1" latinLnBrk="0" hangingPunct="1">
      <a:defRPr kumimoji="1" sz="2045" kern="1200">
        <a:solidFill>
          <a:schemeClr val="tx1"/>
        </a:solidFill>
        <a:latin typeface="+mn-lt"/>
        <a:ea typeface="+mn-ea"/>
        <a:cs typeface="+mn-cs"/>
      </a:defRPr>
    </a:lvl5pPr>
    <a:lvl6pPr marL="2597440" algn="l" defTabSz="1038977" rtl="0" eaLnBrk="1" latinLnBrk="0" hangingPunct="1">
      <a:defRPr kumimoji="1" sz="2045" kern="1200">
        <a:solidFill>
          <a:schemeClr val="tx1"/>
        </a:solidFill>
        <a:latin typeface="+mn-lt"/>
        <a:ea typeface="+mn-ea"/>
        <a:cs typeface="+mn-cs"/>
      </a:defRPr>
    </a:lvl6pPr>
    <a:lvl7pPr marL="3116929" algn="l" defTabSz="1038977" rtl="0" eaLnBrk="1" latinLnBrk="0" hangingPunct="1">
      <a:defRPr kumimoji="1" sz="2045" kern="1200">
        <a:solidFill>
          <a:schemeClr val="tx1"/>
        </a:solidFill>
        <a:latin typeface="+mn-lt"/>
        <a:ea typeface="+mn-ea"/>
        <a:cs typeface="+mn-cs"/>
      </a:defRPr>
    </a:lvl7pPr>
    <a:lvl8pPr marL="3636417" algn="l" defTabSz="1038977" rtl="0" eaLnBrk="1" latinLnBrk="0" hangingPunct="1">
      <a:defRPr kumimoji="1" sz="2045" kern="1200">
        <a:solidFill>
          <a:schemeClr val="tx1"/>
        </a:solidFill>
        <a:latin typeface="+mn-lt"/>
        <a:ea typeface="+mn-ea"/>
        <a:cs typeface="+mn-cs"/>
      </a:defRPr>
    </a:lvl8pPr>
    <a:lvl9pPr marL="4155905" algn="l" defTabSz="1038977" rtl="0" eaLnBrk="1" latinLnBrk="0" hangingPunct="1">
      <a:defRPr kumimoji="1" sz="2045"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2880" userDrawn="1">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00FF"/>
    <a:srgbClr val="FFCCFF"/>
    <a:srgbClr val="3333FF"/>
    <a:srgbClr val="0000FF"/>
    <a:srgbClr val="D0E9FC"/>
    <a:srgbClr val="DEEFF8"/>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2AAE6ABA-C2BA-43D9-8D48-DEFB9C929E7B}" v="162" dt="2024-08-16T09:10:24.180"/>
  </p1510:revLst>
</p1510:revInfo>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14995" autoAdjust="0"/>
    <p:restoredTop sz="83431" autoAdjust="0"/>
  </p:normalViewPr>
  <p:slideViewPr>
    <p:cSldViewPr snapToGrid="0">
      <p:cViewPr varScale="1">
        <p:scale>
          <a:sx n="68" d="100"/>
          <a:sy n="68" d="100"/>
        </p:scale>
        <p:origin x="954" y="48"/>
      </p:cViewPr>
      <p:guideLst>
        <p:guide orient="horz" pos="2160"/>
        <p:guide pos="2880"/>
      </p:guideLst>
    </p:cSldViewPr>
  </p:slideViewPr>
  <p:notesTextViewPr>
    <p:cViewPr>
      <p:scale>
        <a:sx n="1" d="1"/>
        <a:sy n="1" d="1"/>
      </p:scale>
      <p:origin x="0" y="0"/>
    </p:cViewPr>
  </p:notesTextViewPr>
  <p:notesViewPr>
    <p:cSldViewPr snapToGrid="0">
      <p:cViewPr varScale="1">
        <p:scale>
          <a:sx n="75" d="100"/>
          <a:sy n="75" d="100"/>
        </p:scale>
        <p:origin x="2938" y="43"/>
      </p:cViewPr>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1.xml"/><Relationship Id="rId21" Type="http://schemas.openxmlformats.org/officeDocument/2006/relationships/slide" Target="slides/slide16.xml"/><Relationship Id="rId42" Type="http://schemas.openxmlformats.org/officeDocument/2006/relationships/slide" Target="slides/slide37.xml"/><Relationship Id="rId47" Type="http://schemas.openxmlformats.org/officeDocument/2006/relationships/slide" Target="slides/slide42.xml"/><Relationship Id="rId63" Type="http://schemas.openxmlformats.org/officeDocument/2006/relationships/slide" Target="slides/slide58.xml"/><Relationship Id="rId68" Type="http://schemas.openxmlformats.org/officeDocument/2006/relationships/slide" Target="slides/slide63.xml"/><Relationship Id="rId84" Type="http://schemas.openxmlformats.org/officeDocument/2006/relationships/slide" Target="slides/slide79.xml"/><Relationship Id="rId89" Type="http://schemas.openxmlformats.org/officeDocument/2006/relationships/slide" Target="slides/slide84.xml"/><Relationship Id="rId2" Type="http://schemas.openxmlformats.org/officeDocument/2006/relationships/slideMaster" Target="slideMasters/slideMaster2.xml"/><Relationship Id="rId16" Type="http://schemas.openxmlformats.org/officeDocument/2006/relationships/slide" Target="slides/slide11.xml"/><Relationship Id="rId29" Type="http://schemas.openxmlformats.org/officeDocument/2006/relationships/slide" Target="slides/slide24.xml"/><Relationship Id="rId107" Type="http://schemas.openxmlformats.org/officeDocument/2006/relationships/viewProps" Target="viewProps.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slide" Target="slides/slide27.xml"/><Relationship Id="rId37" Type="http://schemas.openxmlformats.org/officeDocument/2006/relationships/slide" Target="slides/slide32.xml"/><Relationship Id="rId40" Type="http://schemas.openxmlformats.org/officeDocument/2006/relationships/slide" Target="slides/slide35.xml"/><Relationship Id="rId45" Type="http://schemas.openxmlformats.org/officeDocument/2006/relationships/slide" Target="slides/slide40.xml"/><Relationship Id="rId53" Type="http://schemas.openxmlformats.org/officeDocument/2006/relationships/slide" Target="slides/slide48.xml"/><Relationship Id="rId58" Type="http://schemas.openxmlformats.org/officeDocument/2006/relationships/slide" Target="slides/slide53.xml"/><Relationship Id="rId66" Type="http://schemas.openxmlformats.org/officeDocument/2006/relationships/slide" Target="slides/slide61.xml"/><Relationship Id="rId74" Type="http://schemas.openxmlformats.org/officeDocument/2006/relationships/slide" Target="slides/slide69.xml"/><Relationship Id="rId79" Type="http://schemas.openxmlformats.org/officeDocument/2006/relationships/slide" Target="slides/slide74.xml"/><Relationship Id="rId87" Type="http://schemas.openxmlformats.org/officeDocument/2006/relationships/slide" Target="slides/slide82.xml"/><Relationship Id="rId102" Type="http://schemas.openxmlformats.org/officeDocument/2006/relationships/slide" Target="slides/slide97.xml"/><Relationship Id="rId110" Type="http://schemas.microsoft.com/office/2016/11/relationships/changesInfo" Target="changesInfos/changesInfo1.xml"/><Relationship Id="rId5" Type="http://schemas.openxmlformats.org/officeDocument/2006/relationships/slideMaster" Target="slideMasters/slideMaster5.xml"/><Relationship Id="rId61" Type="http://schemas.openxmlformats.org/officeDocument/2006/relationships/slide" Target="slides/slide56.xml"/><Relationship Id="rId82" Type="http://schemas.openxmlformats.org/officeDocument/2006/relationships/slide" Target="slides/slide77.xml"/><Relationship Id="rId90" Type="http://schemas.openxmlformats.org/officeDocument/2006/relationships/slide" Target="slides/slide85.xml"/><Relationship Id="rId95" Type="http://schemas.openxmlformats.org/officeDocument/2006/relationships/slide" Target="slides/slide90.xml"/><Relationship Id="rId19" Type="http://schemas.openxmlformats.org/officeDocument/2006/relationships/slide" Target="slides/slide1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slide" Target="slides/slide38.xml"/><Relationship Id="rId48" Type="http://schemas.openxmlformats.org/officeDocument/2006/relationships/slide" Target="slides/slide43.xml"/><Relationship Id="rId56" Type="http://schemas.openxmlformats.org/officeDocument/2006/relationships/slide" Target="slides/slide51.xml"/><Relationship Id="rId64" Type="http://schemas.openxmlformats.org/officeDocument/2006/relationships/slide" Target="slides/slide59.xml"/><Relationship Id="rId69" Type="http://schemas.openxmlformats.org/officeDocument/2006/relationships/slide" Target="slides/slide64.xml"/><Relationship Id="rId77" Type="http://schemas.openxmlformats.org/officeDocument/2006/relationships/slide" Target="slides/slide72.xml"/><Relationship Id="rId100" Type="http://schemas.openxmlformats.org/officeDocument/2006/relationships/slide" Target="slides/slide95.xml"/><Relationship Id="rId105" Type="http://schemas.openxmlformats.org/officeDocument/2006/relationships/handoutMaster" Target="handoutMasters/handoutMaster1.xml"/><Relationship Id="rId8" Type="http://schemas.openxmlformats.org/officeDocument/2006/relationships/slide" Target="slides/slide3.xml"/><Relationship Id="rId51" Type="http://schemas.openxmlformats.org/officeDocument/2006/relationships/slide" Target="slides/slide46.xml"/><Relationship Id="rId72" Type="http://schemas.openxmlformats.org/officeDocument/2006/relationships/slide" Target="slides/slide67.xml"/><Relationship Id="rId80" Type="http://schemas.openxmlformats.org/officeDocument/2006/relationships/slide" Target="slides/slide75.xml"/><Relationship Id="rId85" Type="http://schemas.openxmlformats.org/officeDocument/2006/relationships/slide" Target="slides/slide80.xml"/><Relationship Id="rId93" Type="http://schemas.openxmlformats.org/officeDocument/2006/relationships/slide" Target="slides/slide88.xml"/><Relationship Id="rId98" Type="http://schemas.openxmlformats.org/officeDocument/2006/relationships/slide" Target="slides/slide93.xml"/><Relationship Id="rId3" Type="http://schemas.openxmlformats.org/officeDocument/2006/relationships/slideMaster" Target="slideMasters/slideMaster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slide" Target="slides/slide41.xml"/><Relationship Id="rId59" Type="http://schemas.openxmlformats.org/officeDocument/2006/relationships/slide" Target="slides/slide54.xml"/><Relationship Id="rId67" Type="http://schemas.openxmlformats.org/officeDocument/2006/relationships/slide" Target="slides/slide62.xml"/><Relationship Id="rId103" Type="http://schemas.openxmlformats.org/officeDocument/2006/relationships/slide" Target="slides/slide98.xml"/><Relationship Id="rId108" Type="http://schemas.openxmlformats.org/officeDocument/2006/relationships/theme" Target="theme/theme1.xml"/><Relationship Id="rId20" Type="http://schemas.openxmlformats.org/officeDocument/2006/relationships/slide" Target="slides/slide15.xml"/><Relationship Id="rId41" Type="http://schemas.openxmlformats.org/officeDocument/2006/relationships/slide" Target="slides/slide36.xml"/><Relationship Id="rId54" Type="http://schemas.openxmlformats.org/officeDocument/2006/relationships/slide" Target="slides/slide49.xml"/><Relationship Id="rId62" Type="http://schemas.openxmlformats.org/officeDocument/2006/relationships/slide" Target="slides/slide57.xml"/><Relationship Id="rId70" Type="http://schemas.openxmlformats.org/officeDocument/2006/relationships/slide" Target="slides/slide65.xml"/><Relationship Id="rId75" Type="http://schemas.openxmlformats.org/officeDocument/2006/relationships/slide" Target="slides/slide70.xml"/><Relationship Id="rId83" Type="http://schemas.openxmlformats.org/officeDocument/2006/relationships/slide" Target="slides/slide78.xml"/><Relationship Id="rId88" Type="http://schemas.openxmlformats.org/officeDocument/2006/relationships/slide" Target="slides/slide83.xml"/><Relationship Id="rId91" Type="http://schemas.openxmlformats.org/officeDocument/2006/relationships/slide" Target="slides/slide86.xml"/><Relationship Id="rId96" Type="http://schemas.openxmlformats.org/officeDocument/2006/relationships/slide" Target="slides/slide91.xml"/><Relationship Id="rId111" Type="http://schemas.microsoft.com/office/2015/10/relationships/revisionInfo" Target="revisionInfo.xml"/><Relationship Id="rId1" Type="http://schemas.openxmlformats.org/officeDocument/2006/relationships/slideMaster" Target="slideMasters/slideMaster1.xml"/><Relationship Id="rId6" Type="http://schemas.openxmlformats.org/officeDocument/2006/relationships/slide" Target="slides/slide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slide" Target="slides/slide44.xml"/><Relationship Id="rId57" Type="http://schemas.openxmlformats.org/officeDocument/2006/relationships/slide" Target="slides/slide52.xml"/><Relationship Id="rId106" Type="http://schemas.openxmlformats.org/officeDocument/2006/relationships/presProps" Target="presProps.xml"/><Relationship Id="rId10" Type="http://schemas.openxmlformats.org/officeDocument/2006/relationships/slide" Target="slides/slide5.xml"/><Relationship Id="rId31" Type="http://schemas.openxmlformats.org/officeDocument/2006/relationships/slide" Target="slides/slide26.xml"/><Relationship Id="rId44" Type="http://schemas.openxmlformats.org/officeDocument/2006/relationships/slide" Target="slides/slide39.xml"/><Relationship Id="rId52" Type="http://schemas.openxmlformats.org/officeDocument/2006/relationships/slide" Target="slides/slide47.xml"/><Relationship Id="rId60" Type="http://schemas.openxmlformats.org/officeDocument/2006/relationships/slide" Target="slides/slide55.xml"/><Relationship Id="rId65" Type="http://schemas.openxmlformats.org/officeDocument/2006/relationships/slide" Target="slides/slide60.xml"/><Relationship Id="rId73" Type="http://schemas.openxmlformats.org/officeDocument/2006/relationships/slide" Target="slides/slide68.xml"/><Relationship Id="rId78" Type="http://schemas.openxmlformats.org/officeDocument/2006/relationships/slide" Target="slides/slide73.xml"/><Relationship Id="rId81" Type="http://schemas.openxmlformats.org/officeDocument/2006/relationships/slide" Target="slides/slide76.xml"/><Relationship Id="rId86" Type="http://schemas.openxmlformats.org/officeDocument/2006/relationships/slide" Target="slides/slide81.xml"/><Relationship Id="rId94" Type="http://schemas.openxmlformats.org/officeDocument/2006/relationships/slide" Target="slides/slide89.xml"/><Relationship Id="rId99" Type="http://schemas.openxmlformats.org/officeDocument/2006/relationships/slide" Target="slides/slide94.xml"/><Relationship Id="rId101" Type="http://schemas.openxmlformats.org/officeDocument/2006/relationships/slide" Target="slides/slide96.xml"/><Relationship Id="rId4" Type="http://schemas.openxmlformats.org/officeDocument/2006/relationships/slideMaster" Target="slideMasters/slideMaster4.xml"/><Relationship Id="rId9" Type="http://schemas.openxmlformats.org/officeDocument/2006/relationships/slide" Target="slides/slide4.xml"/><Relationship Id="rId13" Type="http://schemas.openxmlformats.org/officeDocument/2006/relationships/slide" Target="slides/slide8.xml"/><Relationship Id="rId18" Type="http://schemas.openxmlformats.org/officeDocument/2006/relationships/slide" Target="slides/slide13.xml"/><Relationship Id="rId39" Type="http://schemas.openxmlformats.org/officeDocument/2006/relationships/slide" Target="slides/slide34.xml"/><Relationship Id="rId109" Type="http://schemas.openxmlformats.org/officeDocument/2006/relationships/tableStyles" Target="tableStyles.xml"/><Relationship Id="rId34" Type="http://schemas.openxmlformats.org/officeDocument/2006/relationships/slide" Target="slides/slide29.xml"/><Relationship Id="rId50" Type="http://schemas.openxmlformats.org/officeDocument/2006/relationships/slide" Target="slides/slide45.xml"/><Relationship Id="rId55" Type="http://schemas.openxmlformats.org/officeDocument/2006/relationships/slide" Target="slides/slide50.xml"/><Relationship Id="rId76" Type="http://schemas.openxmlformats.org/officeDocument/2006/relationships/slide" Target="slides/slide71.xml"/><Relationship Id="rId97" Type="http://schemas.openxmlformats.org/officeDocument/2006/relationships/slide" Target="slides/slide92.xml"/><Relationship Id="rId104" Type="http://schemas.openxmlformats.org/officeDocument/2006/relationships/notesMaster" Target="notesMasters/notesMaster1.xml"/><Relationship Id="rId7" Type="http://schemas.openxmlformats.org/officeDocument/2006/relationships/slide" Target="slides/slide2.xml"/><Relationship Id="rId71" Type="http://schemas.openxmlformats.org/officeDocument/2006/relationships/slide" Target="slides/slide66.xml"/><Relationship Id="rId92" Type="http://schemas.openxmlformats.org/officeDocument/2006/relationships/slide" Target="slides/slide87.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芳彦 植野" userId="86ab4e6fb1040a80" providerId="LiveId" clId="{EACDFAC7-3E19-40C4-A49C-7FAFADAE6068}"/>
    <pc:docChg chg="addSld modSld">
      <pc:chgData name="芳彦 植野" userId="86ab4e6fb1040a80" providerId="LiveId" clId="{EACDFAC7-3E19-40C4-A49C-7FAFADAE6068}" dt="2024-06-15T21:04:06.242" v="26" actId="2711"/>
      <pc:docMkLst>
        <pc:docMk/>
      </pc:docMkLst>
      <pc:sldChg chg="modSp mod">
        <pc:chgData name="芳彦 植野" userId="86ab4e6fb1040a80" providerId="LiveId" clId="{EACDFAC7-3E19-40C4-A49C-7FAFADAE6068}" dt="2024-06-15T21:04:06.242" v="26" actId="2711"/>
        <pc:sldMkLst>
          <pc:docMk/>
          <pc:sldMk cId="2459585590" sldId="2819"/>
        </pc:sldMkLst>
        <pc:spChg chg="mod">
          <ac:chgData name="芳彦 植野" userId="86ab4e6fb1040a80" providerId="LiveId" clId="{EACDFAC7-3E19-40C4-A49C-7FAFADAE6068}" dt="2024-06-15T21:04:06.242" v="26" actId="2711"/>
          <ac:spMkLst>
            <pc:docMk/>
            <pc:sldMk cId="2459585590" sldId="2819"/>
            <ac:spMk id="4100" creationId="{9B9A8C65-54AC-55C9-76E5-843269FC650F}"/>
          </ac:spMkLst>
        </pc:spChg>
      </pc:sldChg>
      <pc:sldChg chg="addSp modSp new mod">
        <pc:chgData name="芳彦 植野" userId="86ab4e6fb1040a80" providerId="LiveId" clId="{EACDFAC7-3E19-40C4-A49C-7FAFADAE6068}" dt="2024-06-15T21:02:30.436" v="5" actId="21"/>
        <pc:sldMkLst>
          <pc:docMk/>
          <pc:sldMk cId="2350647466" sldId="2923"/>
        </pc:sldMkLst>
        <pc:spChg chg="add mod">
          <ac:chgData name="芳彦 植野" userId="86ab4e6fb1040a80" providerId="LiveId" clId="{EACDFAC7-3E19-40C4-A49C-7FAFADAE6068}" dt="2024-06-15T21:02:30.436" v="5" actId="21"/>
          <ac:spMkLst>
            <pc:docMk/>
            <pc:sldMk cId="2350647466" sldId="2923"/>
            <ac:spMk id="4" creationId="{7F1C0E09-4110-D99E-B619-3EB8A1C58E00}"/>
          </ac:spMkLst>
        </pc:spChg>
      </pc:sldChg>
    </pc:docChg>
  </pc:docChgLst>
  <pc:docChgLst>
    <pc:chgData name="芳彦 植野" userId="86ab4e6fb1040a80" providerId="LiveId" clId="{2AAE6ABA-C2BA-43D9-8D48-DEFB9C929E7B}"/>
    <pc:docChg chg="undo custSel addSld delSld modSld">
      <pc:chgData name="芳彦 植野" userId="86ab4e6fb1040a80" providerId="LiveId" clId="{2AAE6ABA-C2BA-43D9-8D48-DEFB9C929E7B}" dt="2024-08-18T22:47:38.925" v="5798" actId="6549"/>
      <pc:docMkLst>
        <pc:docMk/>
      </pc:docMkLst>
      <pc:sldChg chg="add">
        <pc:chgData name="芳彦 植野" userId="86ab4e6fb1040a80" providerId="LiveId" clId="{2AAE6ABA-C2BA-43D9-8D48-DEFB9C929E7B}" dt="2024-08-15T23:27:03.491" v="4853"/>
        <pc:sldMkLst>
          <pc:docMk/>
          <pc:sldMk cId="0" sldId="256"/>
        </pc:sldMkLst>
      </pc:sldChg>
      <pc:sldChg chg="modSp mod">
        <pc:chgData name="芳彦 植野" userId="86ab4e6fb1040a80" providerId="LiveId" clId="{2AAE6ABA-C2BA-43D9-8D48-DEFB9C929E7B}" dt="2024-08-10T08:05:53.374" v="3468" actId="14100"/>
        <pc:sldMkLst>
          <pc:docMk/>
          <pc:sldMk cId="0" sldId="257"/>
        </pc:sldMkLst>
        <pc:spChg chg="mod">
          <ac:chgData name="芳彦 植野" userId="86ab4e6fb1040a80" providerId="LiveId" clId="{2AAE6ABA-C2BA-43D9-8D48-DEFB9C929E7B}" dt="2024-08-10T08:04:58.954" v="3459" actId="1076"/>
          <ac:spMkLst>
            <pc:docMk/>
            <pc:sldMk cId="0" sldId="257"/>
            <ac:spMk id="7" creationId="{00000000-0000-0000-0000-000000000000}"/>
          </ac:spMkLst>
        </pc:spChg>
        <pc:spChg chg="mod">
          <ac:chgData name="芳彦 植野" userId="86ab4e6fb1040a80" providerId="LiveId" clId="{2AAE6ABA-C2BA-43D9-8D48-DEFB9C929E7B}" dt="2024-08-10T08:05:20.512" v="3463" actId="14100"/>
          <ac:spMkLst>
            <pc:docMk/>
            <pc:sldMk cId="0" sldId="257"/>
            <ac:spMk id="8" creationId="{00000000-0000-0000-0000-000000000000}"/>
          </ac:spMkLst>
        </pc:spChg>
        <pc:spChg chg="mod">
          <ac:chgData name="芳彦 植野" userId="86ab4e6fb1040a80" providerId="LiveId" clId="{2AAE6ABA-C2BA-43D9-8D48-DEFB9C929E7B}" dt="2024-08-10T08:05:53.374" v="3468" actId="14100"/>
          <ac:spMkLst>
            <pc:docMk/>
            <pc:sldMk cId="0" sldId="257"/>
            <ac:spMk id="20" creationId="{00000000-0000-0000-0000-000000000000}"/>
          </ac:spMkLst>
        </pc:spChg>
        <pc:spChg chg="mod">
          <ac:chgData name="芳彦 植野" userId="86ab4e6fb1040a80" providerId="LiveId" clId="{2AAE6ABA-C2BA-43D9-8D48-DEFB9C929E7B}" dt="2024-08-10T08:05:03.918" v="3460" actId="1076"/>
          <ac:spMkLst>
            <pc:docMk/>
            <pc:sldMk cId="0" sldId="257"/>
            <ac:spMk id="36" creationId="{00000000-0000-0000-0000-000000000000}"/>
          </ac:spMkLst>
        </pc:spChg>
        <pc:grpChg chg="mod">
          <ac:chgData name="芳彦 植野" userId="86ab4e6fb1040a80" providerId="LiveId" clId="{2AAE6ABA-C2BA-43D9-8D48-DEFB9C929E7B}" dt="2024-08-10T08:04:54.730" v="3458" actId="1076"/>
          <ac:grpSpMkLst>
            <pc:docMk/>
            <pc:sldMk cId="0" sldId="257"/>
            <ac:grpSpMk id="4" creationId="{00000000-0000-0000-0000-000000000000}"/>
          </ac:grpSpMkLst>
        </pc:grpChg>
        <pc:graphicFrameChg chg="mod modGraphic">
          <ac:chgData name="芳彦 植野" userId="86ab4e6fb1040a80" providerId="LiveId" clId="{2AAE6ABA-C2BA-43D9-8D48-DEFB9C929E7B}" dt="2024-08-10T08:05:34.602" v="3466" actId="14100"/>
          <ac:graphicFrameMkLst>
            <pc:docMk/>
            <pc:sldMk cId="0" sldId="257"/>
            <ac:graphicFrameMk id="21" creationId="{00000000-0000-0000-0000-000000000000}"/>
          </ac:graphicFrameMkLst>
        </pc:graphicFrameChg>
        <pc:picChg chg="mod">
          <ac:chgData name="芳彦 植野" userId="86ab4e6fb1040a80" providerId="LiveId" clId="{2AAE6ABA-C2BA-43D9-8D48-DEFB9C929E7B}" dt="2024-08-10T08:05:42.289" v="3467" actId="14100"/>
          <ac:picMkLst>
            <pc:docMk/>
            <pc:sldMk cId="0" sldId="257"/>
            <ac:picMk id="2" creationId="{00000000-0000-0000-0000-000000000000}"/>
          </ac:picMkLst>
        </pc:picChg>
      </pc:sldChg>
      <pc:sldChg chg="delSp modSp add del mod">
        <pc:chgData name="芳彦 植野" userId="86ab4e6fb1040a80" providerId="LiveId" clId="{2AAE6ABA-C2BA-43D9-8D48-DEFB9C929E7B}" dt="2024-08-12T22:51:02.890" v="3733" actId="14100"/>
        <pc:sldMkLst>
          <pc:docMk/>
          <pc:sldMk cId="0" sldId="258"/>
        </pc:sldMkLst>
        <pc:spChg chg="mod">
          <ac:chgData name="芳彦 植野" userId="86ab4e6fb1040a80" providerId="LiveId" clId="{2AAE6ABA-C2BA-43D9-8D48-DEFB9C929E7B}" dt="2024-08-12T22:45:56.374" v="3696" actId="255"/>
          <ac:spMkLst>
            <pc:docMk/>
            <pc:sldMk cId="0" sldId="258"/>
            <ac:spMk id="3" creationId="{00000000-0000-0000-0000-000000000000}"/>
          </ac:spMkLst>
        </pc:spChg>
        <pc:spChg chg="mod">
          <ac:chgData name="芳彦 植野" userId="86ab4e6fb1040a80" providerId="LiveId" clId="{2AAE6ABA-C2BA-43D9-8D48-DEFB9C929E7B}" dt="2024-08-12T22:50:21.987" v="3730" actId="14100"/>
          <ac:spMkLst>
            <pc:docMk/>
            <pc:sldMk cId="0" sldId="258"/>
            <ac:spMk id="9" creationId="{00000000-0000-0000-0000-000000000000}"/>
          </ac:spMkLst>
        </pc:spChg>
        <pc:spChg chg="mod">
          <ac:chgData name="芳彦 植野" userId="86ab4e6fb1040a80" providerId="LiveId" clId="{2AAE6ABA-C2BA-43D9-8D48-DEFB9C929E7B}" dt="2024-08-12T22:46:40.426" v="3702" actId="1076"/>
          <ac:spMkLst>
            <pc:docMk/>
            <pc:sldMk cId="0" sldId="258"/>
            <ac:spMk id="10" creationId="{00000000-0000-0000-0000-000000000000}"/>
          </ac:spMkLst>
        </pc:spChg>
        <pc:spChg chg="mod">
          <ac:chgData name="芳彦 植野" userId="86ab4e6fb1040a80" providerId="LiveId" clId="{2AAE6ABA-C2BA-43D9-8D48-DEFB9C929E7B}" dt="2024-08-12T22:46:36.296" v="3701" actId="1076"/>
          <ac:spMkLst>
            <pc:docMk/>
            <pc:sldMk cId="0" sldId="258"/>
            <ac:spMk id="11" creationId="{00000000-0000-0000-0000-000000000000}"/>
          </ac:spMkLst>
        </pc:spChg>
        <pc:spChg chg="mod">
          <ac:chgData name="芳彦 植野" userId="86ab4e6fb1040a80" providerId="LiveId" clId="{2AAE6ABA-C2BA-43D9-8D48-DEFB9C929E7B}" dt="2024-06-25T20:54:08.590" v="26"/>
          <ac:spMkLst>
            <pc:docMk/>
            <pc:sldMk cId="0" sldId="258"/>
            <ac:spMk id="12" creationId="{00000000-0000-0000-0000-000000000000}"/>
          </ac:spMkLst>
        </pc:spChg>
        <pc:spChg chg="mod">
          <ac:chgData name="芳彦 植野" userId="86ab4e6fb1040a80" providerId="LiveId" clId="{2AAE6ABA-C2BA-43D9-8D48-DEFB9C929E7B}" dt="2024-08-12T22:48:34.273" v="3719" actId="1076"/>
          <ac:spMkLst>
            <pc:docMk/>
            <pc:sldMk cId="0" sldId="258"/>
            <ac:spMk id="20" creationId="{00000000-0000-0000-0000-000000000000}"/>
          </ac:spMkLst>
        </pc:spChg>
        <pc:spChg chg="mod">
          <ac:chgData name="芳彦 植野" userId="86ab4e6fb1040a80" providerId="LiveId" clId="{2AAE6ABA-C2BA-43D9-8D48-DEFB9C929E7B}" dt="2024-08-12T22:48:48.646" v="3721" actId="14100"/>
          <ac:spMkLst>
            <pc:docMk/>
            <pc:sldMk cId="0" sldId="258"/>
            <ac:spMk id="21" creationId="{00000000-0000-0000-0000-000000000000}"/>
          </ac:spMkLst>
        </pc:spChg>
        <pc:spChg chg="mod">
          <ac:chgData name="芳彦 植野" userId="86ab4e6fb1040a80" providerId="LiveId" clId="{2AAE6ABA-C2BA-43D9-8D48-DEFB9C929E7B}" dt="2024-08-12T22:49:04.652" v="3723" actId="1076"/>
          <ac:spMkLst>
            <pc:docMk/>
            <pc:sldMk cId="0" sldId="258"/>
            <ac:spMk id="22" creationId="{00000000-0000-0000-0000-000000000000}"/>
          </ac:spMkLst>
        </pc:spChg>
        <pc:spChg chg="mod">
          <ac:chgData name="芳彦 植野" userId="86ab4e6fb1040a80" providerId="LiveId" clId="{2AAE6ABA-C2BA-43D9-8D48-DEFB9C929E7B}" dt="2024-08-12T22:50:14.499" v="3729" actId="1076"/>
          <ac:spMkLst>
            <pc:docMk/>
            <pc:sldMk cId="0" sldId="258"/>
            <ac:spMk id="24" creationId="{00000000-0000-0000-0000-000000000000}"/>
          </ac:spMkLst>
        </pc:spChg>
        <pc:spChg chg="mod">
          <ac:chgData name="芳彦 植野" userId="86ab4e6fb1040a80" providerId="LiveId" clId="{2AAE6ABA-C2BA-43D9-8D48-DEFB9C929E7B}" dt="2024-08-12T22:50:06.597" v="3728" actId="1076"/>
          <ac:spMkLst>
            <pc:docMk/>
            <pc:sldMk cId="0" sldId="258"/>
            <ac:spMk id="25" creationId="{00000000-0000-0000-0000-000000000000}"/>
          </ac:spMkLst>
        </pc:spChg>
        <pc:spChg chg="mod">
          <ac:chgData name="芳彦 植野" userId="86ab4e6fb1040a80" providerId="LiveId" clId="{2AAE6ABA-C2BA-43D9-8D48-DEFB9C929E7B}" dt="2024-08-12T22:49:29.280" v="3725" actId="14100"/>
          <ac:spMkLst>
            <pc:docMk/>
            <pc:sldMk cId="0" sldId="258"/>
            <ac:spMk id="34" creationId="{00000000-0000-0000-0000-000000000000}"/>
          </ac:spMkLst>
        </pc:spChg>
        <pc:spChg chg="mod">
          <ac:chgData name="芳彦 植野" userId="86ab4e6fb1040a80" providerId="LiveId" clId="{2AAE6ABA-C2BA-43D9-8D48-DEFB9C929E7B}" dt="2024-08-12T22:47:08.329" v="3705" actId="1076"/>
          <ac:spMkLst>
            <pc:docMk/>
            <pc:sldMk cId="0" sldId="258"/>
            <ac:spMk id="45" creationId="{00000000-0000-0000-0000-000000000000}"/>
          </ac:spMkLst>
        </pc:spChg>
        <pc:spChg chg="mod">
          <ac:chgData name="芳彦 植野" userId="86ab4e6fb1040a80" providerId="LiveId" clId="{2AAE6ABA-C2BA-43D9-8D48-DEFB9C929E7B}" dt="2024-08-12T22:47:26.941" v="3708" actId="1076"/>
          <ac:spMkLst>
            <pc:docMk/>
            <pc:sldMk cId="0" sldId="258"/>
            <ac:spMk id="51" creationId="{00000000-0000-0000-0000-000000000000}"/>
          </ac:spMkLst>
        </pc:spChg>
        <pc:spChg chg="mod">
          <ac:chgData name="芳彦 植野" userId="86ab4e6fb1040a80" providerId="LiveId" clId="{2AAE6ABA-C2BA-43D9-8D48-DEFB9C929E7B}" dt="2024-08-12T22:47:32.031" v="3709" actId="1076"/>
          <ac:spMkLst>
            <pc:docMk/>
            <pc:sldMk cId="0" sldId="258"/>
            <ac:spMk id="52" creationId="{00000000-0000-0000-0000-000000000000}"/>
          </ac:spMkLst>
        </pc:spChg>
        <pc:spChg chg="mod">
          <ac:chgData name="芳彦 植野" userId="86ab4e6fb1040a80" providerId="LiveId" clId="{2AAE6ABA-C2BA-43D9-8D48-DEFB9C929E7B}" dt="2024-08-12T22:47:20.092" v="3707" actId="14100"/>
          <ac:spMkLst>
            <pc:docMk/>
            <pc:sldMk cId="0" sldId="258"/>
            <ac:spMk id="62" creationId="{00000000-0000-0000-0000-000000000000}"/>
          </ac:spMkLst>
        </pc:spChg>
        <pc:spChg chg="mod">
          <ac:chgData name="芳彦 植野" userId="86ab4e6fb1040a80" providerId="LiveId" clId="{2AAE6ABA-C2BA-43D9-8D48-DEFB9C929E7B}" dt="2024-08-12T22:51:02.890" v="3733" actId="14100"/>
          <ac:spMkLst>
            <pc:docMk/>
            <pc:sldMk cId="0" sldId="258"/>
            <ac:spMk id="65" creationId="{00000000-0000-0000-0000-000000000000}"/>
          </ac:spMkLst>
        </pc:spChg>
        <pc:spChg chg="mod">
          <ac:chgData name="芳彦 植野" userId="86ab4e6fb1040a80" providerId="LiveId" clId="{2AAE6ABA-C2BA-43D9-8D48-DEFB9C929E7B}" dt="2024-08-12T22:50:32.433" v="3731" actId="1076"/>
          <ac:spMkLst>
            <pc:docMk/>
            <pc:sldMk cId="0" sldId="258"/>
            <ac:spMk id="74" creationId="{00000000-0000-0000-0000-000000000000}"/>
          </ac:spMkLst>
        </pc:spChg>
        <pc:spChg chg="mod">
          <ac:chgData name="芳彦 植野" userId="86ab4e6fb1040a80" providerId="LiveId" clId="{2AAE6ABA-C2BA-43D9-8D48-DEFB9C929E7B}" dt="2024-08-12T22:49:35.607" v="3726" actId="1076"/>
          <ac:spMkLst>
            <pc:docMk/>
            <pc:sldMk cId="0" sldId="258"/>
            <ac:spMk id="75" creationId="{00000000-0000-0000-0000-000000000000}"/>
          </ac:spMkLst>
        </pc:spChg>
        <pc:spChg chg="mod">
          <ac:chgData name="芳彦 植野" userId="86ab4e6fb1040a80" providerId="LiveId" clId="{2AAE6ABA-C2BA-43D9-8D48-DEFB9C929E7B}" dt="2024-08-12T22:47:01.090" v="3704" actId="1076"/>
          <ac:spMkLst>
            <pc:docMk/>
            <pc:sldMk cId="0" sldId="258"/>
            <ac:spMk id="77" creationId="{00000000-0000-0000-0000-000000000000}"/>
          </ac:spMkLst>
        </pc:spChg>
        <pc:spChg chg="mod">
          <ac:chgData name="芳彦 植野" userId="86ab4e6fb1040a80" providerId="LiveId" clId="{2AAE6ABA-C2BA-43D9-8D48-DEFB9C929E7B}" dt="2024-08-12T22:46:26.676" v="3699" actId="1076"/>
          <ac:spMkLst>
            <pc:docMk/>
            <pc:sldMk cId="0" sldId="258"/>
            <ac:spMk id="78" creationId="{00000000-0000-0000-0000-000000000000}"/>
          </ac:spMkLst>
        </pc:spChg>
        <pc:spChg chg="mod">
          <ac:chgData name="芳彦 植野" userId="86ab4e6fb1040a80" providerId="LiveId" clId="{2AAE6ABA-C2BA-43D9-8D48-DEFB9C929E7B}" dt="2024-08-12T22:46:32.255" v="3700" actId="1076"/>
          <ac:spMkLst>
            <pc:docMk/>
            <pc:sldMk cId="0" sldId="258"/>
            <ac:spMk id="79" creationId="{00000000-0000-0000-0000-000000000000}"/>
          </ac:spMkLst>
        </pc:spChg>
        <pc:spChg chg="mod">
          <ac:chgData name="芳彦 植野" userId="86ab4e6fb1040a80" providerId="LiveId" clId="{2AAE6ABA-C2BA-43D9-8D48-DEFB9C929E7B}" dt="2024-08-12T22:48:22.262" v="3718" actId="1076"/>
          <ac:spMkLst>
            <pc:docMk/>
            <pc:sldMk cId="0" sldId="258"/>
            <ac:spMk id="81" creationId="{00000000-0000-0000-0000-000000000000}"/>
          </ac:spMkLst>
        </pc:spChg>
        <pc:spChg chg="mod">
          <ac:chgData name="芳彦 植野" userId="86ab4e6fb1040a80" providerId="LiveId" clId="{2AAE6ABA-C2BA-43D9-8D48-DEFB9C929E7B}" dt="2024-08-12T22:48:17.190" v="3717" actId="1076"/>
          <ac:spMkLst>
            <pc:docMk/>
            <pc:sldMk cId="0" sldId="258"/>
            <ac:spMk id="86" creationId="{00000000-0000-0000-0000-000000000000}"/>
          </ac:spMkLst>
        </pc:spChg>
        <pc:grpChg chg="mod">
          <ac:chgData name="芳彦 植野" userId="86ab4e6fb1040a80" providerId="LiveId" clId="{2AAE6ABA-C2BA-43D9-8D48-DEFB9C929E7B}" dt="2024-08-12T22:48:38.608" v="3720" actId="1076"/>
          <ac:grpSpMkLst>
            <pc:docMk/>
            <pc:sldMk cId="0" sldId="258"/>
            <ac:grpSpMk id="17" creationId="{00000000-0000-0000-0000-000000000000}"/>
          </ac:grpSpMkLst>
        </pc:grpChg>
        <pc:grpChg chg="mod">
          <ac:chgData name="芳彦 植野" userId="86ab4e6fb1040a80" providerId="LiveId" clId="{2AAE6ABA-C2BA-43D9-8D48-DEFB9C929E7B}" dt="2024-08-10T08:11:05.467" v="3513" actId="14100"/>
          <ac:grpSpMkLst>
            <pc:docMk/>
            <pc:sldMk cId="0" sldId="258"/>
            <ac:grpSpMk id="67" creationId="{00000000-0000-0000-0000-000000000000}"/>
          </ac:grpSpMkLst>
        </pc:grpChg>
        <pc:grpChg chg="del mod">
          <ac:chgData name="芳彦 植野" userId="86ab4e6fb1040a80" providerId="LiveId" clId="{2AAE6ABA-C2BA-43D9-8D48-DEFB9C929E7B}" dt="2024-08-12T22:48:12.807" v="3716" actId="21"/>
          <ac:grpSpMkLst>
            <pc:docMk/>
            <pc:sldMk cId="0" sldId="258"/>
            <ac:grpSpMk id="83" creationId="{00000000-0000-0000-0000-000000000000}"/>
          </ac:grpSpMkLst>
        </pc:grpChg>
        <pc:picChg chg="mod">
          <ac:chgData name="芳彦 植野" userId="86ab4e6fb1040a80" providerId="LiveId" clId="{2AAE6ABA-C2BA-43D9-8D48-DEFB9C929E7B}" dt="2024-08-10T08:10:46.630" v="3510" actId="1076"/>
          <ac:picMkLst>
            <pc:docMk/>
            <pc:sldMk cId="0" sldId="258"/>
            <ac:picMk id="2" creationId="{00000000-0000-0000-0000-000000000000}"/>
          </ac:picMkLst>
        </pc:picChg>
        <pc:picChg chg="mod">
          <ac:chgData name="芳彦 植野" userId="86ab4e6fb1040a80" providerId="LiveId" clId="{2AAE6ABA-C2BA-43D9-8D48-DEFB9C929E7B}" dt="2024-08-12T22:47:59.757" v="3713" actId="14100"/>
          <ac:picMkLst>
            <pc:docMk/>
            <pc:sldMk cId="0" sldId="258"/>
            <ac:picMk id="82" creationId="{00000000-0000-0000-0000-000000000000}"/>
          </ac:picMkLst>
        </pc:picChg>
      </pc:sldChg>
      <pc:sldChg chg="modSp add del mod">
        <pc:chgData name="芳彦 植野" userId="86ab4e6fb1040a80" providerId="LiveId" clId="{2AAE6ABA-C2BA-43D9-8D48-DEFB9C929E7B}" dt="2024-08-12T22:51:42.541" v="3736" actId="14100"/>
        <pc:sldMkLst>
          <pc:docMk/>
          <pc:sldMk cId="0" sldId="259"/>
        </pc:sldMkLst>
        <pc:spChg chg="mod">
          <ac:chgData name="芳彦 植野" userId="86ab4e6fb1040a80" providerId="LiveId" clId="{2AAE6ABA-C2BA-43D9-8D48-DEFB9C929E7B}" dt="2024-06-25T20:54:21.243" v="27"/>
          <ac:spMkLst>
            <pc:docMk/>
            <pc:sldMk cId="0" sldId="259"/>
            <ac:spMk id="12" creationId="{00000000-0000-0000-0000-000000000000}"/>
          </ac:spMkLst>
        </pc:spChg>
        <pc:spChg chg="mod">
          <ac:chgData name="芳彦 植野" userId="86ab4e6fb1040a80" providerId="LiveId" clId="{2AAE6ABA-C2BA-43D9-8D48-DEFB9C929E7B}" dt="2024-06-25T20:54:21.243" v="27"/>
          <ac:spMkLst>
            <pc:docMk/>
            <pc:sldMk cId="0" sldId="259"/>
            <ac:spMk id="13" creationId="{00000000-0000-0000-0000-000000000000}"/>
          </ac:spMkLst>
        </pc:spChg>
        <pc:spChg chg="mod">
          <ac:chgData name="芳彦 植野" userId="86ab4e6fb1040a80" providerId="LiveId" clId="{2AAE6ABA-C2BA-43D9-8D48-DEFB9C929E7B}" dt="2024-08-09T19:19:52.828" v="3314"/>
          <ac:spMkLst>
            <pc:docMk/>
            <pc:sldMk cId="0" sldId="259"/>
            <ac:spMk id="18" creationId="{00000000-0000-0000-0000-000000000000}"/>
          </ac:spMkLst>
        </pc:spChg>
        <pc:graphicFrameChg chg="mod modGraphic">
          <ac:chgData name="芳彦 植野" userId="86ab4e6fb1040a80" providerId="LiveId" clId="{2AAE6ABA-C2BA-43D9-8D48-DEFB9C929E7B}" dt="2024-08-12T22:51:42.541" v="3736" actId="14100"/>
          <ac:graphicFrameMkLst>
            <pc:docMk/>
            <pc:sldMk cId="0" sldId="259"/>
            <ac:graphicFrameMk id="13" creationId="{00000000-0000-0000-0000-000000000000}"/>
          </ac:graphicFrameMkLst>
        </pc:graphicFrameChg>
      </pc:sldChg>
      <pc:sldChg chg="modSp add del mod">
        <pc:chgData name="芳彦 植野" userId="86ab4e6fb1040a80" providerId="LiveId" clId="{2AAE6ABA-C2BA-43D9-8D48-DEFB9C929E7B}" dt="2024-08-12T22:54:22.811" v="3758" actId="1076"/>
        <pc:sldMkLst>
          <pc:docMk/>
          <pc:sldMk cId="0" sldId="260"/>
        </pc:sldMkLst>
        <pc:spChg chg="mod">
          <ac:chgData name="芳彦 植野" userId="86ab4e6fb1040a80" providerId="LiveId" clId="{2AAE6ABA-C2BA-43D9-8D48-DEFB9C929E7B}" dt="2024-08-12T22:54:04.851" v="3756" actId="1076"/>
          <ac:spMkLst>
            <pc:docMk/>
            <pc:sldMk cId="0" sldId="260"/>
            <ac:spMk id="6" creationId="{00000000-0000-0000-0000-000000000000}"/>
          </ac:spMkLst>
        </pc:spChg>
        <pc:spChg chg="mod">
          <ac:chgData name="芳彦 植野" userId="86ab4e6fb1040a80" providerId="LiveId" clId="{2AAE6ABA-C2BA-43D9-8D48-DEFB9C929E7B}" dt="2024-06-25T20:54:34.473" v="28"/>
          <ac:spMkLst>
            <pc:docMk/>
            <pc:sldMk cId="0" sldId="260"/>
            <ac:spMk id="11" creationId="{00000000-0000-0000-0000-000000000000}"/>
          </ac:spMkLst>
        </pc:spChg>
        <pc:spChg chg="mod">
          <ac:chgData name="芳彦 植野" userId="86ab4e6fb1040a80" providerId="LiveId" clId="{2AAE6ABA-C2BA-43D9-8D48-DEFB9C929E7B}" dt="2024-06-25T20:54:34.473" v="28"/>
          <ac:spMkLst>
            <pc:docMk/>
            <pc:sldMk cId="0" sldId="260"/>
            <ac:spMk id="12" creationId="{00000000-0000-0000-0000-000000000000}"/>
          </ac:spMkLst>
        </pc:spChg>
        <pc:spChg chg="mod">
          <ac:chgData name="芳彦 植野" userId="86ab4e6fb1040a80" providerId="LiveId" clId="{2AAE6ABA-C2BA-43D9-8D48-DEFB9C929E7B}" dt="2024-08-12T22:53:34.700" v="3751" actId="1076"/>
          <ac:spMkLst>
            <pc:docMk/>
            <pc:sldMk cId="0" sldId="260"/>
            <ac:spMk id="16" creationId="{00000000-0000-0000-0000-000000000000}"/>
          </ac:spMkLst>
        </pc:spChg>
        <pc:spChg chg="mod">
          <ac:chgData name="芳彦 植野" userId="86ab4e6fb1040a80" providerId="LiveId" clId="{2AAE6ABA-C2BA-43D9-8D48-DEFB9C929E7B}" dt="2024-08-12T22:53:21.733" v="3749" actId="1076"/>
          <ac:spMkLst>
            <pc:docMk/>
            <pc:sldMk cId="0" sldId="260"/>
            <ac:spMk id="36" creationId="{00000000-0000-0000-0000-000000000000}"/>
          </ac:spMkLst>
        </pc:spChg>
        <pc:spChg chg="mod">
          <ac:chgData name="芳彦 植野" userId="86ab4e6fb1040a80" providerId="LiveId" clId="{2AAE6ABA-C2BA-43D9-8D48-DEFB9C929E7B}" dt="2024-08-12T22:53:41.968" v="3752" actId="1076"/>
          <ac:spMkLst>
            <pc:docMk/>
            <pc:sldMk cId="0" sldId="260"/>
            <ac:spMk id="37" creationId="{00000000-0000-0000-0000-000000000000}"/>
          </ac:spMkLst>
        </pc:spChg>
        <pc:spChg chg="mod">
          <ac:chgData name="芳彦 植野" userId="86ab4e6fb1040a80" providerId="LiveId" clId="{2AAE6ABA-C2BA-43D9-8D48-DEFB9C929E7B}" dt="2024-08-12T22:53:44.996" v="3753" actId="1076"/>
          <ac:spMkLst>
            <pc:docMk/>
            <pc:sldMk cId="0" sldId="260"/>
            <ac:spMk id="41" creationId="{00000000-0000-0000-0000-000000000000}"/>
          </ac:spMkLst>
        </pc:spChg>
        <pc:spChg chg="mod">
          <ac:chgData name="芳彦 植野" userId="86ab4e6fb1040a80" providerId="LiveId" clId="{2AAE6ABA-C2BA-43D9-8D48-DEFB9C929E7B}" dt="2024-08-12T22:54:18.466" v="3757" actId="1076"/>
          <ac:spMkLst>
            <pc:docMk/>
            <pc:sldMk cId="0" sldId="260"/>
            <ac:spMk id="42" creationId="{00000000-0000-0000-0000-000000000000}"/>
          </ac:spMkLst>
        </pc:spChg>
        <pc:spChg chg="mod">
          <ac:chgData name="芳彦 植野" userId="86ab4e6fb1040a80" providerId="LiveId" clId="{2AAE6ABA-C2BA-43D9-8D48-DEFB9C929E7B}" dt="2024-08-12T22:54:22.811" v="3758" actId="1076"/>
          <ac:spMkLst>
            <pc:docMk/>
            <pc:sldMk cId="0" sldId="260"/>
            <ac:spMk id="43" creationId="{00000000-0000-0000-0000-000000000000}"/>
          </ac:spMkLst>
        </pc:spChg>
        <pc:spChg chg="mod">
          <ac:chgData name="芳彦 植野" userId="86ab4e6fb1040a80" providerId="LiveId" clId="{2AAE6ABA-C2BA-43D9-8D48-DEFB9C929E7B}" dt="2024-08-09T19:20:06.534" v="3315"/>
          <ac:spMkLst>
            <pc:docMk/>
            <pc:sldMk cId="0" sldId="260"/>
            <ac:spMk id="44" creationId="{00000000-0000-0000-0000-000000000000}"/>
          </ac:spMkLst>
        </pc:spChg>
        <pc:grpChg chg="mod">
          <ac:chgData name="芳彦 植野" userId="86ab4e6fb1040a80" providerId="LiveId" clId="{2AAE6ABA-C2BA-43D9-8D48-DEFB9C929E7B}" dt="2024-08-12T22:52:49.375" v="3744" actId="1076"/>
          <ac:grpSpMkLst>
            <pc:docMk/>
            <pc:sldMk cId="0" sldId="260"/>
            <ac:grpSpMk id="7" creationId="{00000000-0000-0000-0000-000000000000}"/>
          </ac:grpSpMkLst>
        </pc:grpChg>
        <pc:grpChg chg="mod">
          <ac:chgData name="芳彦 植野" userId="86ab4e6fb1040a80" providerId="LiveId" clId="{2AAE6ABA-C2BA-43D9-8D48-DEFB9C929E7B}" dt="2024-08-12T22:53:00.277" v="3745" actId="14100"/>
          <ac:grpSpMkLst>
            <pc:docMk/>
            <pc:sldMk cId="0" sldId="260"/>
            <ac:grpSpMk id="13" creationId="{00000000-0000-0000-0000-000000000000}"/>
          </ac:grpSpMkLst>
        </pc:grpChg>
        <pc:grpChg chg="mod">
          <ac:chgData name="芳彦 植野" userId="86ab4e6fb1040a80" providerId="LiveId" clId="{2AAE6ABA-C2BA-43D9-8D48-DEFB9C929E7B}" dt="2024-08-12T22:52:12.445" v="3739" actId="14100"/>
          <ac:grpSpMkLst>
            <pc:docMk/>
            <pc:sldMk cId="0" sldId="260"/>
            <ac:grpSpMk id="17" creationId="{00000000-0000-0000-0000-000000000000}"/>
          </ac:grpSpMkLst>
        </pc:grpChg>
        <pc:grpChg chg="mod">
          <ac:chgData name="芳彦 植野" userId="86ab4e6fb1040a80" providerId="LiveId" clId="{2AAE6ABA-C2BA-43D9-8D48-DEFB9C929E7B}" dt="2024-08-12T22:52:47.531" v="3743" actId="1076"/>
          <ac:grpSpMkLst>
            <pc:docMk/>
            <pc:sldMk cId="0" sldId="260"/>
            <ac:grpSpMk id="21" creationId="{00000000-0000-0000-0000-000000000000}"/>
          </ac:grpSpMkLst>
        </pc:grpChg>
        <pc:grpChg chg="mod">
          <ac:chgData name="芳彦 植野" userId="86ab4e6fb1040a80" providerId="LiveId" clId="{2AAE6ABA-C2BA-43D9-8D48-DEFB9C929E7B}" dt="2024-08-12T22:52:30.377" v="3740" actId="14100"/>
          <ac:grpSpMkLst>
            <pc:docMk/>
            <pc:sldMk cId="0" sldId="260"/>
            <ac:grpSpMk id="24" creationId="{00000000-0000-0000-0000-000000000000}"/>
          </ac:grpSpMkLst>
        </pc:grpChg>
        <pc:grpChg chg="mod">
          <ac:chgData name="芳彦 植野" userId="86ab4e6fb1040a80" providerId="LiveId" clId="{2AAE6ABA-C2BA-43D9-8D48-DEFB9C929E7B}" dt="2024-08-12T22:52:40.369" v="3741" actId="14100"/>
          <ac:grpSpMkLst>
            <pc:docMk/>
            <pc:sldMk cId="0" sldId="260"/>
            <ac:grpSpMk id="28" creationId="{00000000-0000-0000-0000-000000000000}"/>
          </ac:grpSpMkLst>
        </pc:grpChg>
        <pc:grpChg chg="mod">
          <ac:chgData name="芳彦 植野" userId="86ab4e6fb1040a80" providerId="LiveId" clId="{2AAE6ABA-C2BA-43D9-8D48-DEFB9C929E7B}" dt="2024-08-12T22:52:45.657" v="3742" actId="1076"/>
          <ac:grpSpMkLst>
            <pc:docMk/>
            <pc:sldMk cId="0" sldId="260"/>
            <ac:grpSpMk id="32" creationId="{00000000-0000-0000-0000-000000000000}"/>
          </ac:grpSpMkLst>
        </pc:grpChg>
        <pc:graphicFrameChg chg="modGraphic">
          <ac:chgData name="芳彦 植野" userId="86ab4e6fb1040a80" providerId="LiveId" clId="{2AAE6ABA-C2BA-43D9-8D48-DEFB9C929E7B}" dt="2024-07-01T18:14:23.419" v="2273" actId="13926"/>
          <ac:graphicFrameMkLst>
            <pc:docMk/>
            <pc:sldMk cId="0" sldId="260"/>
            <ac:graphicFrameMk id="2" creationId="{00000000-0000-0000-0000-000000000000}"/>
          </ac:graphicFrameMkLst>
        </pc:graphicFrameChg>
      </pc:sldChg>
      <pc:sldChg chg="modSp add del mod">
        <pc:chgData name="芳彦 植野" userId="86ab4e6fb1040a80" providerId="LiveId" clId="{2AAE6ABA-C2BA-43D9-8D48-DEFB9C929E7B}" dt="2024-08-12T22:55:26.489" v="3764" actId="14100"/>
        <pc:sldMkLst>
          <pc:docMk/>
          <pc:sldMk cId="0" sldId="261"/>
        </pc:sldMkLst>
        <pc:spChg chg="mod">
          <ac:chgData name="芳彦 植野" userId="86ab4e6fb1040a80" providerId="LiveId" clId="{2AAE6ABA-C2BA-43D9-8D48-DEFB9C929E7B}" dt="2024-08-12T22:54:55.829" v="3760" actId="14100"/>
          <ac:spMkLst>
            <pc:docMk/>
            <pc:sldMk cId="0" sldId="261"/>
            <ac:spMk id="5" creationId="{00000000-0000-0000-0000-000000000000}"/>
          </ac:spMkLst>
        </pc:spChg>
        <pc:spChg chg="mod">
          <ac:chgData name="芳彦 植野" userId="86ab4e6fb1040a80" providerId="LiveId" clId="{2AAE6ABA-C2BA-43D9-8D48-DEFB9C929E7B}" dt="2024-08-12T22:55:06.312" v="3762" actId="1076"/>
          <ac:spMkLst>
            <pc:docMk/>
            <pc:sldMk cId="0" sldId="261"/>
            <ac:spMk id="7" creationId="{00000000-0000-0000-0000-000000000000}"/>
          </ac:spMkLst>
        </pc:spChg>
        <pc:spChg chg="mod">
          <ac:chgData name="芳彦 植野" userId="86ab4e6fb1040a80" providerId="LiveId" clId="{2AAE6ABA-C2BA-43D9-8D48-DEFB9C929E7B}" dt="2024-08-12T22:55:26.489" v="3764" actId="14100"/>
          <ac:spMkLst>
            <pc:docMk/>
            <pc:sldMk cId="0" sldId="261"/>
            <ac:spMk id="60" creationId="{00000000-0000-0000-0000-000000000000}"/>
          </ac:spMkLst>
        </pc:spChg>
        <pc:spChg chg="mod">
          <ac:chgData name="芳彦 植野" userId="86ab4e6fb1040a80" providerId="LiveId" clId="{2AAE6ABA-C2BA-43D9-8D48-DEFB9C929E7B}" dt="2024-06-25T20:54:47.063" v="29"/>
          <ac:spMkLst>
            <pc:docMk/>
            <pc:sldMk cId="0" sldId="261"/>
            <ac:spMk id="78" creationId="{00000000-0000-0000-0000-000000000000}"/>
          </ac:spMkLst>
        </pc:spChg>
        <pc:picChg chg="mod">
          <ac:chgData name="芳彦 植野" userId="86ab4e6fb1040a80" providerId="LiveId" clId="{2AAE6ABA-C2BA-43D9-8D48-DEFB9C929E7B}" dt="2024-08-12T22:55:02.829" v="3761" actId="1076"/>
          <ac:picMkLst>
            <pc:docMk/>
            <pc:sldMk cId="0" sldId="261"/>
            <ac:picMk id="2" creationId="{00000000-0000-0000-0000-000000000000}"/>
          </ac:picMkLst>
        </pc:picChg>
        <pc:picChg chg="mod">
          <ac:chgData name="芳彦 植野" userId="86ab4e6fb1040a80" providerId="LiveId" clId="{2AAE6ABA-C2BA-43D9-8D48-DEFB9C929E7B}" dt="2024-08-12T22:55:16.731" v="3763" actId="1076"/>
          <ac:picMkLst>
            <pc:docMk/>
            <pc:sldMk cId="0" sldId="261"/>
            <ac:picMk id="48" creationId="{00000000-0000-0000-0000-000000000000}"/>
          </ac:picMkLst>
        </pc:picChg>
      </pc:sldChg>
      <pc:sldChg chg="modSp add del mod">
        <pc:chgData name="芳彦 植野" userId="86ab4e6fb1040a80" providerId="LiveId" clId="{2AAE6ABA-C2BA-43D9-8D48-DEFB9C929E7B}" dt="2024-08-12T22:57:25.643" v="3780" actId="14100"/>
        <pc:sldMkLst>
          <pc:docMk/>
          <pc:sldMk cId="0" sldId="262"/>
        </pc:sldMkLst>
        <pc:spChg chg="mod">
          <ac:chgData name="芳彦 植野" userId="86ab4e6fb1040a80" providerId="LiveId" clId="{2AAE6ABA-C2BA-43D9-8D48-DEFB9C929E7B}" dt="2024-07-01T09:45:58.938" v="2045" actId="14100"/>
          <ac:spMkLst>
            <pc:docMk/>
            <pc:sldMk cId="0" sldId="262"/>
            <ac:spMk id="9" creationId="{00000000-0000-0000-0000-000000000000}"/>
          </ac:spMkLst>
        </pc:spChg>
        <pc:spChg chg="mod">
          <ac:chgData name="芳彦 植野" userId="86ab4e6fb1040a80" providerId="LiveId" clId="{2AAE6ABA-C2BA-43D9-8D48-DEFB9C929E7B}" dt="2024-08-12T22:56:43.882" v="3775" actId="14100"/>
          <ac:spMkLst>
            <pc:docMk/>
            <pc:sldMk cId="0" sldId="262"/>
            <ac:spMk id="15" creationId="{00000000-0000-0000-0000-000000000000}"/>
          </ac:spMkLst>
        </pc:spChg>
        <pc:spChg chg="mod">
          <ac:chgData name="芳彦 植野" userId="86ab4e6fb1040a80" providerId="LiveId" clId="{2AAE6ABA-C2BA-43D9-8D48-DEFB9C929E7B}" dt="2024-08-12T22:56:25.182" v="3772" actId="14100"/>
          <ac:spMkLst>
            <pc:docMk/>
            <pc:sldMk cId="0" sldId="262"/>
            <ac:spMk id="19" creationId="{00000000-0000-0000-0000-000000000000}"/>
          </ac:spMkLst>
        </pc:spChg>
        <pc:spChg chg="mod">
          <ac:chgData name="芳彦 植野" userId="86ab4e6fb1040a80" providerId="LiveId" clId="{2AAE6ABA-C2BA-43D9-8D48-DEFB9C929E7B}" dt="2024-08-12T22:56:47.371" v="3776" actId="14100"/>
          <ac:spMkLst>
            <pc:docMk/>
            <pc:sldMk cId="0" sldId="262"/>
            <ac:spMk id="23" creationId="{00000000-0000-0000-0000-000000000000}"/>
          </ac:spMkLst>
        </pc:spChg>
        <pc:spChg chg="mod">
          <ac:chgData name="芳彦 植野" userId="86ab4e6fb1040a80" providerId="LiveId" clId="{2AAE6ABA-C2BA-43D9-8D48-DEFB9C929E7B}" dt="2024-08-12T22:56:15.868" v="3771" actId="14100"/>
          <ac:spMkLst>
            <pc:docMk/>
            <pc:sldMk cId="0" sldId="262"/>
            <ac:spMk id="31" creationId="{00000000-0000-0000-0000-000000000000}"/>
          </ac:spMkLst>
        </pc:spChg>
        <pc:spChg chg="mod">
          <ac:chgData name="芳彦 植野" userId="86ab4e6fb1040a80" providerId="LiveId" clId="{2AAE6ABA-C2BA-43D9-8D48-DEFB9C929E7B}" dt="2024-08-12T22:55:54.562" v="3766" actId="1076"/>
          <ac:spMkLst>
            <pc:docMk/>
            <pc:sldMk cId="0" sldId="262"/>
            <ac:spMk id="35" creationId="{00000000-0000-0000-0000-000000000000}"/>
          </ac:spMkLst>
        </pc:spChg>
        <pc:spChg chg="mod">
          <ac:chgData name="芳彦 植野" userId="86ab4e6fb1040a80" providerId="LiveId" clId="{2AAE6ABA-C2BA-43D9-8D48-DEFB9C929E7B}" dt="2024-08-12T22:56:11.133" v="3770" actId="14100"/>
          <ac:spMkLst>
            <pc:docMk/>
            <pc:sldMk cId="0" sldId="262"/>
            <ac:spMk id="40" creationId="{00000000-0000-0000-0000-000000000000}"/>
          </ac:spMkLst>
        </pc:spChg>
        <pc:spChg chg="mod">
          <ac:chgData name="芳彦 植野" userId="86ab4e6fb1040a80" providerId="LiveId" clId="{2AAE6ABA-C2BA-43D9-8D48-DEFB9C929E7B}" dt="2024-08-12T22:56:31.248" v="3773" actId="14100"/>
          <ac:spMkLst>
            <pc:docMk/>
            <pc:sldMk cId="0" sldId="262"/>
            <ac:spMk id="65" creationId="{00000000-0000-0000-0000-000000000000}"/>
          </ac:spMkLst>
        </pc:spChg>
        <pc:spChg chg="mod">
          <ac:chgData name="芳彦 植野" userId="86ab4e6fb1040a80" providerId="LiveId" clId="{2AAE6ABA-C2BA-43D9-8D48-DEFB9C929E7B}" dt="2024-08-12T22:56:35.170" v="3774" actId="14100"/>
          <ac:spMkLst>
            <pc:docMk/>
            <pc:sldMk cId="0" sldId="262"/>
            <ac:spMk id="66" creationId="{00000000-0000-0000-0000-000000000000}"/>
          </ac:spMkLst>
        </pc:spChg>
        <pc:spChg chg="mod">
          <ac:chgData name="芳彦 植野" userId="86ab4e6fb1040a80" providerId="LiveId" clId="{2AAE6ABA-C2BA-43D9-8D48-DEFB9C929E7B}" dt="2024-08-09T19:20:34.071" v="3317"/>
          <ac:spMkLst>
            <pc:docMk/>
            <pc:sldMk cId="0" sldId="262"/>
            <ac:spMk id="68" creationId="{00000000-0000-0000-0000-000000000000}"/>
          </ac:spMkLst>
        </pc:spChg>
        <pc:spChg chg="mod">
          <ac:chgData name="芳彦 植野" userId="86ab4e6fb1040a80" providerId="LiveId" clId="{2AAE6ABA-C2BA-43D9-8D48-DEFB9C929E7B}" dt="2024-08-12T22:57:25.643" v="3780" actId="14100"/>
          <ac:spMkLst>
            <pc:docMk/>
            <pc:sldMk cId="0" sldId="262"/>
            <ac:spMk id="69" creationId="{00000000-0000-0000-0000-000000000000}"/>
          </ac:spMkLst>
        </pc:spChg>
      </pc:sldChg>
      <pc:sldChg chg="modSp add">
        <pc:chgData name="芳彦 植野" userId="86ab4e6fb1040a80" providerId="LiveId" clId="{2AAE6ABA-C2BA-43D9-8D48-DEFB9C929E7B}" dt="2024-08-13T07:46:54.350" v="4029"/>
        <pc:sldMkLst>
          <pc:docMk/>
          <pc:sldMk cId="0" sldId="263"/>
        </pc:sldMkLst>
        <pc:spChg chg="mod">
          <ac:chgData name="芳彦 植野" userId="86ab4e6fb1040a80" providerId="LiveId" clId="{2AAE6ABA-C2BA-43D9-8D48-DEFB9C929E7B}" dt="2024-06-25T21:02:39.188" v="39"/>
          <ac:spMkLst>
            <pc:docMk/>
            <pc:sldMk cId="0" sldId="263"/>
            <ac:spMk id="9" creationId="{00000000-0000-0000-0000-000000000000}"/>
          </ac:spMkLst>
        </pc:spChg>
      </pc:sldChg>
      <pc:sldChg chg="add del">
        <pc:chgData name="芳彦 植野" userId="86ab4e6fb1040a80" providerId="LiveId" clId="{2AAE6ABA-C2BA-43D9-8D48-DEFB9C929E7B}" dt="2024-08-09T19:20:49.559" v="3318"/>
        <pc:sldMkLst>
          <pc:docMk/>
          <pc:sldMk cId="0" sldId="264"/>
        </pc:sldMkLst>
      </pc:sldChg>
      <pc:sldChg chg="modSp add del mod">
        <pc:chgData name="芳彦 植野" userId="86ab4e6fb1040a80" providerId="LiveId" clId="{2AAE6ABA-C2BA-43D9-8D48-DEFB9C929E7B}" dt="2024-08-12T23:00:01.146" v="3792" actId="1076"/>
        <pc:sldMkLst>
          <pc:docMk/>
          <pc:sldMk cId="0" sldId="265"/>
        </pc:sldMkLst>
        <pc:spChg chg="mod">
          <ac:chgData name="芳彦 植野" userId="86ab4e6fb1040a80" providerId="LiveId" clId="{2AAE6ABA-C2BA-43D9-8D48-DEFB9C929E7B}" dt="2024-08-12T22:59:49.324" v="3790" actId="14100"/>
          <ac:spMkLst>
            <pc:docMk/>
            <pc:sldMk cId="0" sldId="265"/>
            <ac:spMk id="3" creationId="{00000000-0000-0000-0000-000000000000}"/>
          </ac:spMkLst>
        </pc:spChg>
        <pc:spChg chg="mod">
          <ac:chgData name="芳彦 植野" userId="86ab4e6fb1040a80" providerId="LiveId" clId="{2AAE6ABA-C2BA-43D9-8D48-DEFB9C929E7B}" dt="2024-08-12T22:59:57.722" v="3791" actId="1076"/>
          <ac:spMkLst>
            <pc:docMk/>
            <pc:sldMk cId="0" sldId="265"/>
            <ac:spMk id="5" creationId="{00000000-0000-0000-0000-000000000000}"/>
          </ac:spMkLst>
        </pc:spChg>
        <pc:spChg chg="mod">
          <ac:chgData name="芳彦 植野" userId="86ab4e6fb1040a80" providerId="LiveId" clId="{2AAE6ABA-C2BA-43D9-8D48-DEFB9C929E7B}" dt="2024-06-25T21:03:00.988" v="41"/>
          <ac:spMkLst>
            <pc:docMk/>
            <pc:sldMk cId="0" sldId="265"/>
            <ac:spMk id="9" creationId="{00000000-0000-0000-0000-000000000000}"/>
          </ac:spMkLst>
        </pc:spChg>
        <pc:spChg chg="mod">
          <ac:chgData name="芳彦 植野" userId="86ab4e6fb1040a80" providerId="LiveId" clId="{2AAE6ABA-C2BA-43D9-8D48-DEFB9C929E7B}" dt="2024-08-12T22:57:53.609" v="3781" actId="14100"/>
          <ac:spMkLst>
            <pc:docMk/>
            <pc:sldMk cId="0" sldId="265"/>
            <ac:spMk id="13" creationId="{00000000-0000-0000-0000-000000000000}"/>
          </ac:spMkLst>
        </pc:spChg>
        <pc:spChg chg="mod">
          <ac:chgData name="芳彦 植野" userId="86ab4e6fb1040a80" providerId="LiveId" clId="{2AAE6ABA-C2BA-43D9-8D48-DEFB9C929E7B}" dt="2024-08-12T22:59:25.619" v="3789" actId="14100"/>
          <ac:spMkLst>
            <pc:docMk/>
            <pc:sldMk cId="0" sldId="265"/>
            <ac:spMk id="20" creationId="{00000000-0000-0000-0000-000000000000}"/>
          </ac:spMkLst>
        </pc:spChg>
        <pc:spChg chg="mod">
          <ac:chgData name="芳彦 植野" userId="86ab4e6fb1040a80" providerId="LiveId" clId="{2AAE6ABA-C2BA-43D9-8D48-DEFB9C929E7B}" dt="2024-08-12T22:59:12.390" v="3786" actId="14100"/>
          <ac:spMkLst>
            <pc:docMk/>
            <pc:sldMk cId="0" sldId="265"/>
            <ac:spMk id="27" creationId="{00000000-0000-0000-0000-000000000000}"/>
          </ac:spMkLst>
        </pc:spChg>
        <pc:spChg chg="mod">
          <ac:chgData name="芳彦 植野" userId="86ab4e6fb1040a80" providerId="LiveId" clId="{2AAE6ABA-C2BA-43D9-8D48-DEFB9C929E7B}" dt="2024-08-12T22:58:34.636" v="3783" actId="14100"/>
          <ac:spMkLst>
            <pc:docMk/>
            <pc:sldMk cId="0" sldId="265"/>
            <ac:spMk id="43" creationId="{00000000-0000-0000-0000-000000000000}"/>
          </ac:spMkLst>
        </pc:spChg>
        <pc:grpChg chg="mod">
          <ac:chgData name="芳彦 植野" userId="86ab4e6fb1040a80" providerId="LiveId" clId="{2AAE6ABA-C2BA-43D9-8D48-DEFB9C929E7B}" dt="2024-08-12T23:00:01.146" v="3792" actId="1076"/>
          <ac:grpSpMkLst>
            <pc:docMk/>
            <pc:sldMk cId="0" sldId="265"/>
            <ac:grpSpMk id="6" creationId="{00000000-0000-0000-0000-000000000000}"/>
          </ac:grpSpMkLst>
        </pc:grpChg>
        <pc:grpChg chg="mod">
          <ac:chgData name="芳彦 植野" userId="86ab4e6fb1040a80" providerId="LiveId" clId="{2AAE6ABA-C2BA-43D9-8D48-DEFB9C929E7B}" dt="2024-08-12T22:59:22.091" v="3788" actId="14100"/>
          <ac:grpSpMkLst>
            <pc:docMk/>
            <pc:sldMk cId="0" sldId="265"/>
            <ac:grpSpMk id="17" creationId="{00000000-0000-0000-0000-000000000000}"/>
          </ac:grpSpMkLst>
        </pc:grpChg>
      </pc:sldChg>
      <pc:sldChg chg="modSp add del mod">
        <pc:chgData name="芳彦 植野" userId="86ab4e6fb1040a80" providerId="LiveId" clId="{2AAE6ABA-C2BA-43D9-8D48-DEFB9C929E7B}" dt="2024-08-12T23:00:42.896" v="3793" actId="14100"/>
        <pc:sldMkLst>
          <pc:docMk/>
          <pc:sldMk cId="0" sldId="266"/>
        </pc:sldMkLst>
        <pc:spChg chg="mod">
          <ac:chgData name="芳彦 植野" userId="86ab4e6fb1040a80" providerId="LiveId" clId="{2AAE6ABA-C2BA-43D9-8D48-DEFB9C929E7B}" dt="2024-08-12T23:00:42.896" v="3793" actId="14100"/>
          <ac:spMkLst>
            <pc:docMk/>
            <pc:sldMk cId="0" sldId="266"/>
            <ac:spMk id="3" creationId="{00000000-0000-0000-0000-000000000000}"/>
          </ac:spMkLst>
        </pc:spChg>
        <pc:spChg chg="mod">
          <ac:chgData name="芳彦 植野" userId="86ab4e6fb1040a80" providerId="LiveId" clId="{2AAE6ABA-C2BA-43D9-8D48-DEFB9C929E7B}" dt="2024-06-25T21:03:17.464" v="42"/>
          <ac:spMkLst>
            <pc:docMk/>
            <pc:sldMk cId="0" sldId="266"/>
            <ac:spMk id="9" creationId="{00000000-0000-0000-0000-000000000000}"/>
          </ac:spMkLst>
        </pc:spChg>
      </pc:sldChg>
      <pc:sldChg chg="modSp add del mod">
        <pc:chgData name="芳彦 植野" userId="86ab4e6fb1040a80" providerId="LiveId" clId="{2AAE6ABA-C2BA-43D9-8D48-DEFB9C929E7B}" dt="2024-08-12T23:01:56.395" v="3794" actId="14100"/>
        <pc:sldMkLst>
          <pc:docMk/>
          <pc:sldMk cId="0" sldId="267"/>
        </pc:sldMkLst>
        <pc:spChg chg="mod">
          <ac:chgData name="芳彦 植野" userId="86ab4e6fb1040a80" providerId="LiveId" clId="{2AAE6ABA-C2BA-43D9-8D48-DEFB9C929E7B}" dt="2024-08-12T23:01:56.395" v="3794" actId="14100"/>
          <ac:spMkLst>
            <pc:docMk/>
            <pc:sldMk cId="0" sldId="267"/>
            <ac:spMk id="3" creationId="{00000000-0000-0000-0000-000000000000}"/>
          </ac:spMkLst>
        </pc:spChg>
        <pc:spChg chg="mod">
          <ac:chgData name="芳彦 植野" userId="86ab4e6fb1040a80" providerId="LiveId" clId="{2AAE6ABA-C2BA-43D9-8D48-DEFB9C929E7B}" dt="2024-08-09T19:21:31.501" v="3321"/>
          <ac:spMkLst>
            <pc:docMk/>
            <pc:sldMk cId="0" sldId="267"/>
            <ac:spMk id="9" creationId="{00000000-0000-0000-0000-000000000000}"/>
          </ac:spMkLst>
        </pc:spChg>
        <pc:spChg chg="mod">
          <ac:chgData name="芳彦 植野" userId="86ab4e6fb1040a80" providerId="LiveId" clId="{2AAE6ABA-C2BA-43D9-8D48-DEFB9C929E7B}" dt="2024-06-25T21:03:42.864" v="43"/>
          <ac:spMkLst>
            <pc:docMk/>
            <pc:sldMk cId="0" sldId="267"/>
            <ac:spMk id="15" creationId="{00000000-0000-0000-0000-000000000000}"/>
          </ac:spMkLst>
        </pc:spChg>
      </pc:sldChg>
      <pc:sldChg chg="addSp delSp modSp add del mod">
        <pc:chgData name="芳彦 植野" userId="86ab4e6fb1040a80" providerId="LiveId" clId="{2AAE6ABA-C2BA-43D9-8D48-DEFB9C929E7B}" dt="2024-08-12T23:08:38.051" v="3898" actId="1076"/>
        <pc:sldMkLst>
          <pc:docMk/>
          <pc:sldMk cId="0" sldId="268"/>
        </pc:sldMkLst>
        <pc:spChg chg="mod">
          <ac:chgData name="芳彦 植野" userId="86ab4e6fb1040a80" providerId="LiveId" clId="{2AAE6ABA-C2BA-43D9-8D48-DEFB9C929E7B}" dt="2024-08-12T23:03:15.486" v="3805" actId="14100"/>
          <ac:spMkLst>
            <pc:docMk/>
            <pc:sldMk cId="0" sldId="268"/>
            <ac:spMk id="3" creationId="{00000000-0000-0000-0000-000000000000}"/>
          </ac:spMkLst>
        </pc:spChg>
        <pc:spChg chg="mod">
          <ac:chgData name="芳彦 植野" userId="86ab4e6fb1040a80" providerId="LiveId" clId="{2AAE6ABA-C2BA-43D9-8D48-DEFB9C929E7B}" dt="2024-08-12T23:08:18.454" v="3896" actId="1076"/>
          <ac:spMkLst>
            <pc:docMk/>
            <pc:sldMk cId="0" sldId="268"/>
            <ac:spMk id="6" creationId="{00000000-0000-0000-0000-000000000000}"/>
          </ac:spMkLst>
        </pc:spChg>
        <pc:spChg chg="mod">
          <ac:chgData name="芳彦 植野" userId="86ab4e6fb1040a80" providerId="LiveId" clId="{2AAE6ABA-C2BA-43D9-8D48-DEFB9C929E7B}" dt="2024-08-12T23:08:10.841" v="3895" actId="20577"/>
          <ac:spMkLst>
            <pc:docMk/>
            <pc:sldMk cId="0" sldId="268"/>
            <ac:spMk id="12" creationId="{00000000-0000-0000-0000-000000000000}"/>
          </ac:spMkLst>
        </pc:spChg>
        <pc:spChg chg="mod">
          <ac:chgData name="芳彦 植野" userId="86ab4e6fb1040a80" providerId="LiveId" clId="{2AAE6ABA-C2BA-43D9-8D48-DEFB9C929E7B}" dt="2024-08-12T23:04:03.630" v="3813" actId="1076"/>
          <ac:spMkLst>
            <pc:docMk/>
            <pc:sldMk cId="0" sldId="268"/>
            <ac:spMk id="16" creationId="{00000000-0000-0000-0000-000000000000}"/>
          </ac:spMkLst>
        </pc:spChg>
        <pc:spChg chg="mod">
          <ac:chgData name="芳彦 植野" userId="86ab4e6fb1040a80" providerId="LiveId" clId="{2AAE6ABA-C2BA-43D9-8D48-DEFB9C929E7B}" dt="2024-08-12T23:04:06.745" v="3814" actId="14100"/>
          <ac:spMkLst>
            <pc:docMk/>
            <pc:sldMk cId="0" sldId="268"/>
            <ac:spMk id="21" creationId="{00000000-0000-0000-0000-000000000000}"/>
          </ac:spMkLst>
        </pc:spChg>
        <pc:spChg chg="mod">
          <ac:chgData name="芳彦 植野" userId="86ab4e6fb1040a80" providerId="LiveId" clId="{2AAE6ABA-C2BA-43D9-8D48-DEFB9C929E7B}" dt="2024-08-12T23:04:10.990" v="3815" actId="14100"/>
          <ac:spMkLst>
            <pc:docMk/>
            <pc:sldMk cId="0" sldId="268"/>
            <ac:spMk id="22" creationId="{00000000-0000-0000-0000-000000000000}"/>
          </ac:spMkLst>
        </pc:spChg>
        <pc:spChg chg="mod">
          <ac:chgData name="芳彦 植野" userId="86ab4e6fb1040a80" providerId="LiveId" clId="{2AAE6ABA-C2BA-43D9-8D48-DEFB9C929E7B}" dt="2024-08-12T23:02:50.311" v="3801" actId="1076"/>
          <ac:spMkLst>
            <pc:docMk/>
            <pc:sldMk cId="0" sldId="268"/>
            <ac:spMk id="23" creationId="{00000000-0000-0000-0000-000000000000}"/>
          </ac:spMkLst>
        </pc:spChg>
        <pc:spChg chg="mod">
          <ac:chgData name="芳彦 植野" userId="86ab4e6fb1040a80" providerId="LiveId" clId="{2AAE6ABA-C2BA-43D9-8D48-DEFB9C929E7B}" dt="2024-08-12T23:08:38.051" v="3898" actId="1076"/>
          <ac:spMkLst>
            <pc:docMk/>
            <pc:sldMk cId="0" sldId="268"/>
            <ac:spMk id="24" creationId="{00000000-0000-0000-0000-000000000000}"/>
          </ac:spMkLst>
        </pc:spChg>
        <pc:spChg chg="mod">
          <ac:chgData name="芳彦 植野" userId="86ab4e6fb1040a80" providerId="LiveId" clId="{2AAE6ABA-C2BA-43D9-8D48-DEFB9C929E7B}" dt="2024-08-09T19:21:43.877" v="3322"/>
          <ac:spMkLst>
            <pc:docMk/>
            <pc:sldMk cId="0" sldId="268"/>
            <ac:spMk id="25" creationId="{00000000-0000-0000-0000-000000000000}"/>
          </ac:spMkLst>
        </pc:spChg>
        <pc:spChg chg="add">
          <ac:chgData name="芳彦 植野" userId="86ab4e6fb1040a80" providerId="LiveId" clId="{2AAE6ABA-C2BA-43D9-8D48-DEFB9C929E7B}" dt="2024-06-25T21:04:26.026" v="45" actId="22"/>
          <ac:spMkLst>
            <pc:docMk/>
            <pc:sldMk cId="0" sldId="268"/>
            <ac:spMk id="41" creationId="{3CD57FE7-966C-5695-3150-251EC065B6BE}"/>
          </ac:spMkLst>
        </pc:spChg>
        <pc:grpChg chg="mod">
          <ac:chgData name="芳彦 植野" userId="86ab4e6fb1040a80" providerId="LiveId" clId="{2AAE6ABA-C2BA-43D9-8D48-DEFB9C929E7B}" dt="2024-08-12T23:03:49.314" v="3810" actId="1076"/>
          <ac:grpSpMkLst>
            <pc:docMk/>
            <pc:sldMk cId="0" sldId="268"/>
            <ac:grpSpMk id="13" creationId="{00000000-0000-0000-0000-000000000000}"/>
          </ac:grpSpMkLst>
        </pc:grpChg>
        <pc:grpChg chg="mod">
          <ac:chgData name="芳彦 植野" userId="86ab4e6fb1040a80" providerId="LiveId" clId="{2AAE6ABA-C2BA-43D9-8D48-DEFB9C929E7B}" dt="2024-08-12T23:03:57.672" v="3812" actId="1076"/>
          <ac:grpSpMkLst>
            <pc:docMk/>
            <pc:sldMk cId="0" sldId="268"/>
            <ac:grpSpMk id="17" creationId="{00000000-0000-0000-0000-000000000000}"/>
          </ac:grpSpMkLst>
        </pc:grpChg>
        <pc:picChg chg="mod">
          <ac:chgData name="芳彦 植野" userId="86ab4e6fb1040a80" providerId="LiveId" clId="{2AAE6ABA-C2BA-43D9-8D48-DEFB9C929E7B}" dt="2024-08-12T23:03:03.906" v="3803" actId="1076"/>
          <ac:picMkLst>
            <pc:docMk/>
            <pc:sldMk cId="0" sldId="268"/>
            <ac:picMk id="2" creationId="{00000000-0000-0000-0000-000000000000}"/>
          </ac:picMkLst>
        </pc:picChg>
        <pc:picChg chg="del">
          <ac:chgData name="芳彦 植野" userId="86ab4e6fb1040a80" providerId="LiveId" clId="{2AAE6ABA-C2BA-43D9-8D48-DEFB9C929E7B}" dt="2024-08-12T23:05:19.363" v="3827" actId="21"/>
          <ac:picMkLst>
            <pc:docMk/>
            <pc:sldMk cId="0" sldId="268"/>
            <ac:picMk id="4" creationId="{00000000-0000-0000-0000-000000000000}"/>
          </ac:picMkLst>
        </pc:picChg>
        <pc:picChg chg="del">
          <ac:chgData name="芳彦 植野" userId="86ab4e6fb1040a80" providerId="LiveId" clId="{2AAE6ABA-C2BA-43D9-8D48-DEFB9C929E7B}" dt="2024-08-12T23:05:24.101" v="3828" actId="21"/>
          <ac:picMkLst>
            <pc:docMk/>
            <pc:sldMk cId="0" sldId="268"/>
            <ac:picMk id="5" creationId="{00000000-0000-0000-0000-000000000000}"/>
          </ac:picMkLst>
        </pc:picChg>
        <pc:picChg chg="del">
          <ac:chgData name="芳彦 植野" userId="86ab4e6fb1040a80" providerId="LiveId" clId="{2AAE6ABA-C2BA-43D9-8D48-DEFB9C929E7B}" dt="2024-08-12T23:04:41.542" v="3821" actId="21"/>
          <ac:picMkLst>
            <pc:docMk/>
            <pc:sldMk cId="0" sldId="268"/>
            <ac:picMk id="7" creationId="{00000000-0000-0000-0000-000000000000}"/>
          </ac:picMkLst>
        </pc:picChg>
        <pc:picChg chg="del">
          <ac:chgData name="芳彦 植野" userId="86ab4e6fb1040a80" providerId="LiveId" clId="{2AAE6ABA-C2BA-43D9-8D48-DEFB9C929E7B}" dt="2024-08-12T23:04:37.116" v="3820" actId="21"/>
          <ac:picMkLst>
            <pc:docMk/>
            <pc:sldMk cId="0" sldId="268"/>
            <ac:picMk id="8" creationId="{00000000-0000-0000-0000-000000000000}"/>
          </ac:picMkLst>
        </pc:picChg>
        <pc:picChg chg="del mod">
          <ac:chgData name="芳彦 植野" userId="86ab4e6fb1040a80" providerId="LiveId" clId="{2AAE6ABA-C2BA-43D9-8D48-DEFB9C929E7B}" dt="2024-08-12T23:04:44.782" v="3822" actId="21"/>
          <ac:picMkLst>
            <pc:docMk/>
            <pc:sldMk cId="0" sldId="268"/>
            <ac:picMk id="9" creationId="{00000000-0000-0000-0000-000000000000}"/>
          </ac:picMkLst>
        </pc:picChg>
        <pc:picChg chg="del">
          <ac:chgData name="芳彦 植野" userId="86ab4e6fb1040a80" providerId="LiveId" clId="{2AAE6ABA-C2BA-43D9-8D48-DEFB9C929E7B}" dt="2024-08-12T23:04:48.692" v="3823" actId="21"/>
          <ac:picMkLst>
            <pc:docMk/>
            <pc:sldMk cId="0" sldId="268"/>
            <ac:picMk id="10" creationId="{00000000-0000-0000-0000-000000000000}"/>
          </ac:picMkLst>
        </pc:picChg>
        <pc:picChg chg="del mod">
          <ac:chgData name="芳彦 植野" userId="86ab4e6fb1040a80" providerId="LiveId" clId="{2AAE6ABA-C2BA-43D9-8D48-DEFB9C929E7B}" dt="2024-08-12T23:06:45.115" v="3849" actId="21"/>
          <ac:picMkLst>
            <pc:docMk/>
            <pc:sldMk cId="0" sldId="268"/>
            <ac:picMk id="11" creationId="{00000000-0000-0000-0000-000000000000}"/>
          </ac:picMkLst>
        </pc:picChg>
      </pc:sldChg>
      <pc:sldChg chg="modSp add del mod">
        <pc:chgData name="芳彦 植野" userId="86ab4e6fb1040a80" providerId="LiveId" clId="{2AAE6ABA-C2BA-43D9-8D48-DEFB9C929E7B}" dt="2024-08-12T23:09:35.499" v="3903" actId="14100"/>
        <pc:sldMkLst>
          <pc:docMk/>
          <pc:sldMk cId="0" sldId="269"/>
        </pc:sldMkLst>
        <pc:spChg chg="mod">
          <ac:chgData name="芳彦 植野" userId="86ab4e6fb1040a80" providerId="LiveId" clId="{2AAE6ABA-C2BA-43D9-8D48-DEFB9C929E7B}" dt="2024-08-12T23:08:58.845" v="3899" actId="14100"/>
          <ac:spMkLst>
            <pc:docMk/>
            <pc:sldMk cId="0" sldId="269"/>
            <ac:spMk id="3" creationId="{00000000-0000-0000-0000-000000000000}"/>
          </ac:spMkLst>
        </pc:spChg>
        <pc:spChg chg="mod">
          <ac:chgData name="芳彦 植野" userId="86ab4e6fb1040a80" providerId="LiveId" clId="{2AAE6ABA-C2BA-43D9-8D48-DEFB9C929E7B}" dt="2024-08-12T23:09:24.921" v="3901" actId="14100"/>
          <ac:spMkLst>
            <pc:docMk/>
            <pc:sldMk cId="0" sldId="269"/>
            <ac:spMk id="9" creationId="{00000000-0000-0000-0000-000000000000}"/>
          </ac:spMkLst>
        </pc:spChg>
        <pc:spChg chg="mod">
          <ac:chgData name="芳彦 植野" userId="86ab4e6fb1040a80" providerId="LiveId" clId="{2AAE6ABA-C2BA-43D9-8D48-DEFB9C929E7B}" dt="2024-08-12T23:09:28.849" v="3902" actId="14100"/>
          <ac:spMkLst>
            <pc:docMk/>
            <pc:sldMk cId="0" sldId="269"/>
            <ac:spMk id="16" creationId="{00000000-0000-0000-0000-000000000000}"/>
          </ac:spMkLst>
        </pc:spChg>
        <pc:spChg chg="mod">
          <ac:chgData name="芳彦 植野" userId="86ab4e6fb1040a80" providerId="LiveId" clId="{2AAE6ABA-C2BA-43D9-8D48-DEFB9C929E7B}" dt="2024-08-12T23:09:35.499" v="3903" actId="14100"/>
          <ac:spMkLst>
            <pc:docMk/>
            <pc:sldMk cId="0" sldId="269"/>
            <ac:spMk id="17" creationId="{00000000-0000-0000-0000-000000000000}"/>
          </ac:spMkLst>
        </pc:spChg>
        <pc:grpChg chg="mod">
          <ac:chgData name="芳彦 植野" userId="86ab4e6fb1040a80" providerId="LiveId" clId="{2AAE6ABA-C2BA-43D9-8D48-DEFB9C929E7B}" dt="2024-08-12T23:09:18.412" v="3900" actId="14100"/>
          <ac:grpSpMkLst>
            <pc:docMk/>
            <pc:sldMk cId="0" sldId="269"/>
            <ac:grpSpMk id="10" creationId="{00000000-0000-0000-0000-000000000000}"/>
          </ac:grpSpMkLst>
        </pc:grpChg>
      </pc:sldChg>
      <pc:sldChg chg="add">
        <pc:chgData name="芳彦 植野" userId="86ab4e6fb1040a80" providerId="LiveId" clId="{2AAE6ABA-C2BA-43D9-8D48-DEFB9C929E7B}" dt="2024-08-09T19:22:06.994" v="3324"/>
        <pc:sldMkLst>
          <pc:docMk/>
          <pc:sldMk cId="0" sldId="270"/>
        </pc:sldMkLst>
      </pc:sldChg>
      <pc:sldChg chg="modSp add mod">
        <pc:chgData name="芳彦 植野" userId="86ab4e6fb1040a80" providerId="LiveId" clId="{2AAE6ABA-C2BA-43D9-8D48-DEFB9C929E7B}" dt="2024-08-12T23:12:42.629" v="3914" actId="14100"/>
        <pc:sldMkLst>
          <pc:docMk/>
          <pc:sldMk cId="0" sldId="271"/>
        </pc:sldMkLst>
        <pc:spChg chg="mod">
          <ac:chgData name="芳彦 植野" userId="86ab4e6fb1040a80" providerId="LiveId" clId="{2AAE6ABA-C2BA-43D9-8D48-DEFB9C929E7B}" dt="2024-08-12T23:10:27.062" v="3905" actId="1076"/>
          <ac:spMkLst>
            <pc:docMk/>
            <pc:sldMk cId="0" sldId="271"/>
            <ac:spMk id="15" creationId="{00000000-0000-0000-0000-000000000000}"/>
          </ac:spMkLst>
        </pc:spChg>
        <pc:spChg chg="mod">
          <ac:chgData name="芳彦 植野" userId="86ab4e6fb1040a80" providerId="LiveId" clId="{2AAE6ABA-C2BA-43D9-8D48-DEFB9C929E7B}" dt="2024-08-12T23:11:34.395" v="3909" actId="1076"/>
          <ac:spMkLst>
            <pc:docMk/>
            <pc:sldMk cId="0" sldId="271"/>
            <ac:spMk id="17" creationId="{00000000-0000-0000-0000-000000000000}"/>
          </ac:spMkLst>
        </pc:spChg>
        <pc:spChg chg="mod">
          <ac:chgData name="芳彦 植野" userId="86ab4e6fb1040a80" providerId="LiveId" clId="{2AAE6ABA-C2BA-43D9-8D48-DEFB9C929E7B}" dt="2024-08-12T23:12:42.629" v="3914" actId="14100"/>
          <ac:spMkLst>
            <pc:docMk/>
            <pc:sldMk cId="0" sldId="271"/>
            <ac:spMk id="25" creationId="{00000000-0000-0000-0000-000000000000}"/>
          </ac:spMkLst>
        </pc:spChg>
        <pc:spChg chg="mod">
          <ac:chgData name="芳彦 植野" userId="86ab4e6fb1040a80" providerId="LiveId" clId="{2AAE6ABA-C2BA-43D9-8D48-DEFB9C929E7B}" dt="2024-08-12T23:12:32.189" v="3913" actId="1076"/>
          <ac:spMkLst>
            <pc:docMk/>
            <pc:sldMk cId="0" sldId="271"/>
            <ac:spMk id="30" creationId="{00000000-0000-0000-0000-000000000000}"/>
          </ac:spMkLst>
        </pc:spChg>
        <pc:spChg chg="mod">
          <ac:chgData name="芳彦 植野" userId="86ab4e6fb1040a80" providerId="LiveId" clId="{2AAE6ABA-C2BA-43D9-8D48-DEFB9C929E7B}" dt="2024-08-12T23:10:41.344" v="3907" actId="14100"/>
          <ac:spMkLst>
            <pc:docMk/>
            <pc:sldMk cId="0" sldId="271"/>
            <ac:spMk id="37" creationId="{00000000-0000-0000-0000-000000000000}"/>
          </ac:spMkLst>
        </pc:spChg>
        <pc:spChg chg="mod">
          <ac:chgData name="芳彦 植野" userId="86ab4e6fb1040a80" providerId="LiveId" clId="{2AAE6ABA-C2BA-43D9-8D48-DEFB9C929E7B}" dt="2024-08-12T23:11:02.816" v="3908" actId="14100"/>
          <ac:spMkLst>
            <pc:docMk/>
            <pc:sldMk cId="0" sldId="271"/>
            <ac:spMk id="44" creationId="{00000000-0000-0000-0000-000000000000}"/>
          </ac:spMkLst>
        </pc:spChg>
        <pc:grpChg chg="mod">
          <ac:chgData name="芳彦 植野" userId="86ab4e6fb1040a80" providerId="LiveId" clId="{2AAE6ABA-C2BA-43D9-8D48-DEFB9C929E7B}" dt="2024-08-12T23:12:09.752" v="3911" actId="14100"/>
          <ac:grpSpMkLst>
            <pc:docMk/>
            <pc:sldMk cId="0" sldId="271"/>
            <ac:grpSpMk id="18" creationId="{00000000-0000-0000-0000-000000000000}"/>
          </ac:grpSpMkLst>
        </pc:grpChg>
      </pc:sldChg>
      <pc:sldChg chg="modSp add mod">
        <pc:chgData name="芳彦 植野" userId="86ab4e6fb1040a80" providerId="LiveId" clId="{2AAE6ABA-C2BA-43D9-8D48-DEFB9C929E7B}" dt="2024-08-12T23:14:36.735" v="3920" actId="1076"/>
        <pc:sldMkLst>
          <pc:docMk/>
          <pc:sldMk cId="0" sldId="272"/>
        </pc:sldMkLst>
        <pc:graphicFrameChg chg="mod modGraphic">
          <ac:chgData name="芳彦 植野" userId="86ab4e6fb1040a80" providerId="LiveId" clId="{2AAE6ABA-C2BA-43D9-8D48-DEFB9C929E7B}" dt="2024-08-12T23:14:02.938" v="3919" actId="14100"/>
          <ac:graphicFrameMkLst>
            <pc:docMk/>
            <pc:sldMk cId="0" sldId="272"/>
            <ac:graphicFrameMk id="10" creationId="{00000000-0000-0000-0000-000000000000}"/>
          </ac:graphicFrameMkLst>
        </pc:graphicFrameChg>
        <pc:picChg chg="mod">
          <ac:chgData name="芳彦 植野" userId="86ab4e6fb1040a80" providerId="LiveId" clId="{2AAE6ABA-C2BA-43D9-8D48-DEFB9C929E7B}" dt="2024-08-12T23:14:36.735" v="3920" actId="1076"/>
          <ac:picMkLst>
            <pc:docMk/>
            <pc:sldMk cId="0" sldId="272"/>
            <ac:picMk id="2" creationId="{00000000-0000-0000-0000-000000000000}"/>
          </ac:picMkLst>
        </pc:picChg>
      </pc:sldChg>
      <pc:sldChg chg="modSp add mod">
        <pc:chgData name="芳彦 植野" userId="86ab4e6fb1040a80" providerId="LiveId" clId="{2AAE6ABA-C2BA-43D9-8D48-DEFB9C929E7B}" dt="2024-08-12T23:16:05.320" v="3927" actId="14100"/>
        <pc:sldMkLst>
          <pc:docMk/>
          <pc:sldMk cId="0" sldId="273"/>
        </pc:sldMkLst>
        <pc:spChg chg="mod">
          <ac:chgData name="芳彦 植野" userId="86ab4e6fb1040a80" providerId="LiveId" clId="{2AAE6ABA-C2BA-43D9-8D48-DEFB9C929E7B}" dt="2024-08-09T19:22:47.358" v="3327"/>
          <ac:spMkLst>
            <pc:docMk/>
            <pc:sldMk cId="0" sldId="273"/>
            <ac:spMk id="11" creationId="{00000000-0000-0000-0000-000000000000}"/>
          </ac:spMkLst>
        </pc:spChg>
        <pc:graphicFrameChg chg="mod modGraphic">
          <ac:chgData name="芳彦 植野" userId="86ab4e6fb1040a80" providerId="LiveId" clId="{2AAE6ABA-C2BA-43D9-8D48-DEFB9C929E7B}" dt="2024-08-12T23:16:05.320" v="3927" actId="14100"/>
          <ac:graphicFrameMkLst>
            <pc:docMk/>
            <pc:sldMk cId="0" sldId="273"/>
            <ac:graphicFrameMk id="10" creationId="{00000000-0000-0000-0000-000000000000}"/>
          </ac:graphicFrameMkLst>
        </pc:graphicFrameChg>
      </pc:sldChg>
      <pc:sldChg chg="modSp add">
        <pc:chgData name="芳彦 植野" userId="86ab4e6fb1040a80" providerId="LiveId" clId="{2AAE6ABA-C2BA-43D9-8D48-DEFB9C929E7B}" dt="2024-08-09T19:23:03.868" v="3328"/>
        <pc:sldMkLst>
          <pc:docMk/>
          <pc:sldMk cId="0" sldId="274"/>
        </pc:sldMkLst>
        <pc:spChg chg="mod">
          <ac:chgData name="芳彦 植野" userId="86ab4e6fb1040a80" providerId="LiveId" clId="{2AAE6ABA-C2BA-43D9-8D48-DEFB9C929E7B}" dt="2024-08-09T19:23:03.868" v="3328"/>
          <ac:spMkLst>
            <pc:docMk/>
            <pc:sldMk cId="0" sldId="274"/>
            <ac:spMk id="17" creationId="{00000000-0000-0000-0000-000000000000}"/>
          </ac:spMkLst>
        </pc:spChg>
      </pc:sldChg>
      <pc:sldChg chg="modSp add">
        <pc:chgData name="芳彦 植野" userId="86ab4e6fb1040a80" providerId="LiveId" clId="{2AAE6ABA-C2BA-43D9-8D48-DEFB9C929E7B}" dt="2024-08-09T19:23:28.173" v="3330"/>
        <pc:sldMkLst>
          <pc:docMk/>
          <pc:sldMk cId="0" sldId="275"/>
        </pc:sldMkLst>
        <pc:spChg chg="mod">
          <ac:chgData name="芳彦 植野" userId="86ab4e6fb1040a80" providerId="LiveId" clId="{2AAE6ABA-C2BA-43D9-8D48-DEFB9C929E7B}" dt="2024-08-09T19:23:28.173" v="3330"/>
          <ac:spMkLst>
            <pc:docMk/>
            <pc:sldMk cId="0" sldId="275"/>
            <ac:spMk id="9" creationId="{00000000-0000-0000-0000-000000000000}"/>
          </ac:spMkLst>
        </pc:spChg>
      </pc:sldChg>
      <pc:sldChg chg="modSp add mod">
        <pc:chgData name="芳彦 植野" userId="86ab4e6fb1040a80" providerId="LiveId" clId="{2AAE6ABA-C2BA-43D9-8D48-DEFB9C929E7B}" dt="2024-08-14T22:53:57.243" v="4085" actId="14100"/>
        <pc:sldMkLst>
          <pc:docMk/>
          <pc:sldMk cId="0" sldId="276"/>
        </pc:sldMkLst>
        <pc:spChg chg="mod">
          <ac:chgData name="芳彦 植野" userId="86ab4e6fb1040a80" providerId="LiveId" clId="{2AAE6ABA-C2BA-43D9-8D48-DEFB9C929E7B}" dt="2024-08-14T22:53:57.243" v="4085" actId="14100"/>
          <ac:spMkLst>
            <pc:docMk/>
            <pc:sldMk cId="0" sldId="276"/>
            <ac:spMk id="2" creationId="{00000000-0000-0000-0000-000000000000}"/>
          </ac:spMkLst>
        </pc:spChg>
      </pc:sldChg>
      <pc:sldChg chg="modSp add mod">
        <pc:chgData name="芳彦 植野" userId="86ab4e6fb1040a80" providerId="LiveId" clId="{2AAE6ABA-C2BA-43D9-8D48-DEFB9C929E7B}" dt="2024-08-12T23:16:57.335" v="3928" actId="14100"/>
        <pc:sldMkLst>
          <pc:docMk/>
          <pc:sldMk cId="0" sldId="277"/>
        </pc:sldMkLst>
        <pc:spChg chg="mod">
          <ac:chgData name="芳彦 植野" userId="86ab4e6fb1040a80" providerId="LiveId" clId="{2AAE6ABA-C2BA-43D9-8D48-DEFB9C929E7B}" dt="2024-08-12T23:16:57.335" v="3928" actId="14100"/>
          <ac:spMkLst>
            <pc:docMk/>
            <pc:sldMk cId="0" sldId="277"/>
            <ac:spMk id="3" creationId="{00000000-0000-0000-0000-000000000000}"/>
          </ac:spMkLst>
        </pc:spChg>
        <pc:spChg chg="mod">
          <ac:chgData name="芳彦 植野" userId="86ab4e6fb1040a80" providerId="LiveId" clId="{2AAE6ABA-C2BA-43D9-8D48-DEFB9C929E7B}" dt="2024-08-09T19:23:55.085" v="3332"/>
          <ac:spMkLst>
            <pc:docMk/>
            <pc:sldMk cId="0" sldId="277"/>
            <ac:spMk id="11" creationId="{00000000-0000-0000-0000-000000000000}"/>
          </ac:spMkLst>
        </pc:spChg>
      </pc:sldChg>
      <pc:sldChg chg="modSp add mod">
        <pc:chgData name="芳彦 植野" userId="86ab4e6fb1040a80" providerId="LiveId" clId="{2AAE6ABA-C2BA-43D9-8D48-DEFB9C929E7B}" dt="2024-08-12T23:19:36.947" v="3939" actId="14100"/>
        <pc:sldMkLst>
          <pc:docMk/>
          <pc:sldMk cId="0" sldId="279"/>
        </pc:sldMkLst>
        <pc:spChg chg="mod">
          <ac:chgData name="芳彦 植野" userId="86ab4e6fb1040a80" providerId="LiveId" clId="{2AAE6ABA-C2BA-43D9-8D48-DEFB9C929E7B}" dt="2024-08-12T23:18:06.254" v="3931" actId="14100"/>
          <ac:spMkLst>
            <pc:docMk/>
            <pc:sldMk cId="0" sldId="279"/>
            <ac:spMk id="13" creationId="{00000000-0000-0000-0000-000000000000}"/>
          </ac:spMkLst>
        </pc:spChg>
        <pc:spChg chg="mod">
          <ac:chgData name="芳彦 植野" userId="86ab4e6fb1040a80" providerId="LiveId" clId="{2AAE6ABA-C2BA-43D9-8D48-DEFB9C929E7B}" dt="2024-08-12T23:19:03.972" v="3938" actId="1076"/>
          <ac:spMkLst>
            <pc:docMk/>
            <pc:sldMk cId="0" sldId="279"/>
            <ac:spMk id="17" creationId="{00000000-0000-0000-0000-000000000000}"/>
          </ac:spMkLst>
        </pc:spChg>
        <pc:spChg chg="mod">
          <ac:chgData name="芳彦 植野" userId="86ab4e6fb1040a80" providerId="LiveId" clId="{2AAE6ABA-C2BA-43D9-8D48-DEFB9C929E7B}" dt="2024-08-12T23:17:57.346" v="3930" actId="14100"/>
          <ac:spMkLst>
            <pc:docMk/>
            <pc:sldMk cId="0" sldId="279"/>
            <ac:spMk id="35" creationId="{00000000-0000-0000-0000-000000000000}"/>
          </ac:spMkLst>
        </pc:spChg>
        <pc:spChg chg="mod">
          <ac:chgData name="芳彦 植野" userId="86ab4e6fb1040a80" providerId="LiveId" clId="{2AAE6ABA-C2BA-43D9-8D48-DEFB9C929E7B}" dt="2024-08-12T23:17:43.051" v="3929" actId="14100"/>
          <ac:spMkLst>
            <pc:docMk/>
            <pc:sldMk cId="0" sldId="279"/>
            <ac:spMk id="38" creationId="{00000000-0000-0000-0000-000000000000}"/>
          </ac:spMkLst>
        </pc:spChg>
        <pc:spChg chg="mod">
          <ac:chgData name="芳彦 植野" userId="86ab4e6fb1040a80" providerId="LiveId" clId="{2AAE6ABA-C2BA-43D9-8D48-DEFB9C929E7B}" dt="2024-08-12T23:19:36.947" v="3939" actId="14100"/>
          <ac:spMkLst>
            <pc:docMk/>
            <pc:sldMk cId="0" sldId="279"/>
            <ac:spMk id="46" creationId="{00000000-0000-0000-0000-000000000000}"/>
          </ac:spMkLst>
        </pc:spChg>
        <pc:spChg chg="mod">
          <ac:chgData name="芳彦 植野" userId="86ab4e6fb1040a80" providerId="LiveId" clId="{2AAE6ABA-C2BA-43D9-8D48-DEFB9C929E7B}" dt="2024-08-12T23:18:22.994" v="3933" actId="14100"/>
          <ac:spMkLst>
            <pc:docMk/>
            <pc:sldMk cId="0" sldId="279"/>
            <ac:spMk id="72" creationId="{00000000-0000-0000-0000-000000000000}"/>
          </ac:spMkLst>
        </pc:spChg>
        <pc:grpChg chg="mod">
          <ac:chgData name="芳彦 植野" userId="86ab4e6fb1040a80" providerId="LiveId" clId="{2AAE6ABA-C2BA-43D9-8D48-DEFB9C929E7B}" dt="2024-08-12T23:18:43.169" v="3935" actId="14100"/>
          <ac:grpSpMkLst>
            <pc:docMk/>
            <pc:sldMk cId="0" sldId="279"/>
            <ac:grpSpMk id="14" creationId="{00000000-0000-0000-0000-000000000000}"/>
          </ac:grpSpMkLst>
        </pc:grpChg>
        <pc:grpChg chg="mod">
          <ac:chgData name="芳彦 植野" userId="86ab4e6fb1040a80" providerId="LiveId" clId="{2AAE6ABA-C2BA-43D9-8D48-DEFB9C929E7B}" dt="2024-08-12T23:18:35.606" v="3934" actId="1076"/>
          <ac:grpSpMkLst>
            <pc:docMk/>
            <pc:sldMk cId="0" sldId="279"/>
            <ac:grpSpMk id="39" creationId="{00000000-0000-0000-0000-000000000000}"/>
          </ac:grpSpMkLst>
        </pc:grpChg>
      </pc:sldChg>
      <pc:sldChg chg="del">
        <pc:chgData name="芳彦 植野" userId="86ab4e6fb1040a80" providerId="LiveId" clId="{2AAE6ABA-C2BA-43D9-8D48-DEFB9C929E7B}" dt="2024-06-30T09:16:19.218" v="48" actId="2696"/>
        <pc:sldMkLst>
          <pc:docMk/>
          <pc:sldMk cId="2446934337" sldId="344"/>
        </pc:sldMkLst>
      </pc:sldChg>
      <pc:sldChg chg="modSp add del">
        <pc:chgData name="芳彦 植野" userId="86ab4e6fb1040a80" providerId="LiveId" clId="{2AAE6ABA-C2BA-43D9-8D48-DEFB9C929E7B}" dt="2024-08-14T03:51:07.632" v="4067"/>
        <pc:sldMkLst>
          <pc:docMk/>
          <pc:sldMk cId="1732934232" sldId="427"/>
        </pc:sldMkLst>
        <pc:picChg chg="mod">
          <ac:chgData name="芳彦 植野" userId="86ab4e6fb1040a80" providerId="LiveId" clId="{2AAE6ABA-C2BA-43D9-8D48-DEFB9C929E7B}" dt="2024-06-16T10:09:55.613" v="0" actId="1076"/>
          <ac:picMkLst>
            <pc:docMk/>
            <pc:sldMk cId="1732934232" sldId="427"/>
            <ac:picMk id="6146" creationId="{00000000-0000-0000-0000-000000000000}"/>
          </ac:picMkLst>
        </pc:picChg>
      </pc:sldChg>
      <pc:sldChg chg="add">
        <pc:chgData name="芳彦 植野" userId="86ab4e6fb1040a80" providerId="LiveId" clId="{2AAE6ABA-C2BA-43D9-8D48-DEFB9C929E7B}" dt="2024-08-14T03:50:30.971" v="4065"/>
        <pc:sldMkLst>
          <pc:docMk/>
          <pc:sldMk cId="148789479" sldId="428"/>
        </pc:sldMkLst>
      </pc:sldChg>
      <pc:sldChg chg="del">
        <pc:chgData name="芳彦 植野" userId="86ab4e6fb1040a80" providerId="LiveId" clId="{2AAE6ABA-C2BA-43D9-8D48-DEFB9C929E7B}" dt="2024-06-30T09:16:21.340" v="50" actId="2696"/>
        <pc:sldMkLst>
          <pc:docMk/>
          <pc:sldMk cId="2321441655" sldId="430"/>
        </pc:sldMkLst>
      </pc:sldChg>
      <pc:sldChg chg="del">
        <pc:chgData name="芳彦 植野" userId="86ab4e6fb1040a80" providerId="LiveId" clId="{2AAE6ABA-C2BA-43D9-8D48-DEFB9C929E7B}" dt="2024-06-25T20:51:27.148" v="11" actId="2696"/>
        <pc:sldMkLst>
          <pc:docMk/>
          <pc:sldMk cId="350902380" sldId="431"/>
        </pc:sldMkLst>
      </pc:sldChg>
      <pc:sldChg chg="modSp add mod modTransition">
        <pc:chgData name="芳彦 植野" userId="86ab4e6fb1040a80" providerId="LiveId" clId="{2AAE6ABA-C2BA-43D9-8D48-DEFB9C929E7B}" dt="2024-08-16T00:21:42.303" v="5046" actId="113"/>
        <pc:sldMkLst>
          <pc:docMk/>
          <pc:sldMk cId="2669608264" sldId="431"/>
        </pc:sldMkLst>
        <pc:spChg chg="mod">
          <ac:chgData name="芳彦 植野" userId="86ab4e6fb1040a80" providerId="LiveId" clId="{2AAE6ABA-C2BA-43D9-8D48-DEFB9C929E7B}" dt="2024-08-16T00:21:33.461" v="5044" actId="113"/>
          <ac:spMkLst>
            <pc:docMk/>
            <pc:sldMk cId="2669608264" sldId="431"/>
            <ac:spMk id="27" creationId="{00000000-0000-0000-0000-000000000000}"/>
          </ac:spMkLst>
        </pc:spChg>
        <pc:spChg chg="mod">
          <ac:chgData name="芳彦 植野" userId="86ab4e6fb1040a80" providerId="LiveId" clId="{2AAE6ABA-C2BA-43D9-8D48-DEFB9C929E7B}" dt="2024-08-16T00:21:03.992" v="5043" actId="113"/>
          <ac:spMkLst>
            <pc:docMk/>
            <pc:sldMk cId="2669608264" sldId="431"/>
            <ac:spMk id="28" creationId="{00000000-0000-0000-0000-000000000000}"/>
          </ac:spMkLst>
        </pc:spChg>
        <pc:spChg chg="mod">
          <ac:chgData name="芳彦 植野" userId="86ab4e6fb1040a80" providerId="LiveId" clId="{2AAE6ABA-C2BA-43D9-8D48-DEFB9C929E7B}" dt="2024-08-16T00:21:42.303" v="5046" actId="113"/>
          <ac:spMkLst>
            <pc:docMk/>
            <pc:sldMk cId="2669608264" sldId="431"/>
            <ac:spMk id="31" creationId="{00000000-0000-0000-0000-000000000000}"/>
          </ac:spMkLst>
        </pc:spChg>
      </pc:sldChg>
      <pc:sldChg chg="add del">
        <pc:chgData name="芳彦 植野" userId="86ab4e6fb1040a80" providerId="LiveId" clId="{2AAE6ABA-C2BA-43D9-8D48-DEFB9C929E7B}" dt="2024-08-11T09:16:38.342" v="3517" actId="2696"/>
        <pc:sldMkLst>
          <pc:docMk/>
          <pc:sldMk cId="915389535" sldId="432"/>
        </pc:sldMkLst>
      </pc:sldChg>
      <pc:sldChg chg="add del">
        <pc:chgData name="芳彦 植野" userId="86ab4e6fb1040a80" providerId="LiveId" clId="{2AAE6ABA-C2BA-43D9-8D48-DEFB9C929E7B}" dt="2024-08-11T09:16:39.161" v="3518" actId="2696"/>
        <pc:sldMkLst>
          <pc:docMk/>
          <pc:sldMk cId="0" sldId="433"/>
        </pc:sldMkLst>
      </pc:sldChg>
      <pc:sldChg chg="add del">
        <pc:chgData name="芳彦 植野" userId="86ab4e6fb1040a80" providerId="LiveId" clId="{2AAE6ABA-C2BA-43D9-8D48-DEFB9C929E7B}" dt="2024-06-30T09:22:42.750" v="92" actId="2696"/>
        <pc:sldMkLst>
          <pc:docMk/>
          <pc:sldMk cId="872061318" sldId="443"/>
        </pc:sldMkLst>
      </pc:sldChg>
      <pc:sldChg chg="add">
        <pc:chgData name="芳彦 植野" userId="86ab4e6fb1040a80" providerId="LiveId" clId="{2AAE6ABA-C2BA-43D9-8D48-DEFB9C929E7B}" dt="2024-08-15T01:29:58.970" v="4852"/>
        <pc:sldMkLst>
          <pc:docMk/>
          <pc:sldMk cId="0" sldId="667"/>
        </pc:sldMkLst>
      </pc:sldChg>
      <pc:sldChg chg="del">
        <pc:chgData name="芳彦 植野" userId="86ab4e6fb1040a80" providerId="LiveId" clId="{2AAE6ABA-C2BA-43D9-8D48-DEFB9C929E7B}" dt="2024-06-25T20:51:29.632" v="12" actId="2696"/>
        <pc:sldMkLst>
          <pc:docMk/>
          <pc:sldMk cId="2636498378" sldId="758"/>
        </pc:sldMkLst>
      </pc:sldChg>
      <pc:sldChg chg="del">
        <pc:chgData name="芳彦 植野" userId="86ab4e6fb1040a80" providerId="LiveId" clId="{2AAE6ABA-C2BA-43D9-8D48-DEFB9C929E7B}" dt="2024-06-30T09:16:23.944" v="52" actId="2696"/>
        <pc:sldMkLst>
          <pc:docMk/>
          <pc:sldMk cId="1395234089" sldId="769"/>
        </pc:sldMkLst>
      </pc:sldChg>
      <pc:sldChg chg="add">
        <pc:chgData name="芳彦 植野" userId="86ab4e6fb1040a80" providerId="LiveId" clId="{2AAE6ABA-C2BA-43D9-8D48-DEFB9C929E7B}" dt="2024-08-14T23:13:10.358" v="4625"/>
        <pc:sldMkLst>
          <pc:docMk/>
          <pc:sldMk cId="1523704085" sldId="775"/>
        </pc:sldMkLst>
      </pc:sldChg>
      <pc:sldChg chg="add del modTransition">
        <pc:chgData name="芳彦 植野" userId="86ab4e6fb1040a80" providerId="LiveId" clId="{2AAE6ABA-C2BA-43D9-8D48-DEFB9C929E7B}" dt="2024-08-14T23:13:01.867" v="4624" actId="2696"/>
        <pc:sldMkLst>
          <pc:docMk/>
          <pc:sldMk cId="4096410388" sldId="775"/>
        </pc:sldMkLst>
      </pc:sldChg>
      <pc:sldChg chg="del">
        <pc:chgData name="芳彦 植野" userId="86ab4e6fb1040a80" providerId="LiveId" clId="{2AAE6ABA-C2BA-43D9-8D48-DEFB9C929E7B}" dt="2024-06-30T09:16:20.331" v="49" actId="2696"/>
        <pc:sldMkLst>
          <pc:docMk/>
          <pc:sldMk cId="3009567186" sldId="789"/>
        </pc:sldMkLst>
      </pc:sldChg>
      <pc:sldChg chg="add">
        <pc:chgData name="芳彦 植野" userId="86ab4e6fb1040a80" providerId="LiveId" clId="{2AAE6ABA-C2BA-43D9-8D48-DEFB9C929E7B}" dt="2024-08-14T03:53:28.196" v="4071"/>
        <pc:sldMkLst>
          <pc:docMk/>
          <pc:sldMk cId="2278124977" sldId="798"/>
        </pc:sldMkLst>
      </pc:sldChg>
      <pc:sldChg chg="add del">
        <pc:chgData name="芳彦 植野" userId="86ab4e6fb1040a80" providerId="LiveId" clId="{2AAE6ABA-C2BA-43D9-8D48-DEFB9C929E7B}" dt="2024-08-14T09:23:24.866" v="4084" actId="2696"/>
        <pc:sldMkLst>
          <pc:docMk/>
          <pc:sldMk cId="2640511429" sldId="874"/>
        </pc:sldMkLst>
      </pc:sldChg>
      <pc:sldChg chg="del">
        <pc:chgData name="芳彦 植野" userId="86ab4e6fb1040a80" providerId="LiveId" clId="{2AAE6ABA-C2BA-43D9-8D48-DEFB9C929E7B}" dt="2024-06-30T09:16:38.791" v="62" actId="2696"/>
        <pc:sldMkLst>
          <pc:docMk/>
          <pc:sldMk cId="0" sldId="987"/>
        </pc:sldMkLst>
      </pc:sldChg>
      <pc:sldChg chg="add">
        <pc:chgData name="芳彦 植野" userId="86ab4e6fb1040a80" providerId="LiveId" clId="{2AAE6ABA-C2BA-43D9-8D48-DEFB9C929E7B}" dt="2024-08-14T03:50:47.527" v="4066"/>
        <pc:sldMkLst>
          <pc:docMk/>
          <pc:sldMk cId="0" sldId="1230"/>
        </pc:sldMkLst>
      </pc:sldChg>
      <pc:sldChg chg="modSp add del mod">
        <pc:chgData name="芳彦 植野" userId="86ab4e6fb1040a80" providerId="LiveId" clId="{2AAE6ABA-C2BA-43D9-8D48-DEFB9C929E7B}" dt="2024-08-14T03:56:11.700" v="4079" actId="2696"/>
        <pc:sldMkLst>
          <pc:docMk/>
          <pc:sldMk cId="1770998640" sldId="1232"/>
        </pc:sldMkLst>
        <pc:spChg chg="mod">
          <ac:chgData name="芳彦 植野" userId="86ab4e6fb1040a80" providerId="LiveId" clId="{2AAE6ABA-C2BA-43D9-8D48-DEFB9C929E7B}" dt="2024-07-01T18:25:16.741" v="2663" actId="20577"/>
          <ac:spMkLst>
            <pc:docMk/>
            <pc:sldMk cId="1770998640" sldId="1232"/>
            <ac:spMk id="3" creationId="{E773F89C-87A3-A08E-6A22-739AC29DEDFD}"/>
          </ac:spMkLst>
        </pc:spChg>
      </pc:sldChg>
      <pc:sldChg chg="modSp del mod">
        <pc:chgData name="芳彦 植野" userId="86ab4e6fb1040a80" providerId="LiveId" clId="{2AAE6ABA-C2BA-43D9-8D48-DEFB9C929E7B}" dt="2024-06-30T23:34:59.400" v="2031" actId="2696"/>
        <pc:sldMkLst>
          <pc:docMk/>
          <pc:sldMk cId="2173692482" sldId="1232"/>
        </pc:sldMkLst>
        <pc:spChg chg="mod">
          <ac:chgData name="芳彦 植野" userId="86ab4e6fb1040a80" providerId="LiveId" clId="{2AAE6ABA-C2BA-43D9-8D48-DEFB9C929E7B}" dt="2024-06-30T23:32:01.701" v="1566" actId="20577"/>
          <ac:spMkLst>
            <pc:docMk/>
            <pc:sldMk cId="2173692482" sldId="1232"/>
            <ac:spMk id="3" creationId="{E773F89C-87A3-A08E-6A22-739AC29DEDFD}"/>
          </ac:spMkLst>
        </pc:spChg>
      </pc:sldChg>
      <pc:sldChg chg="addSp delSp modSp add del mod">
        <pc:chgData name="芳彦 植野" userId="86ab4e6fb1040a80" providerId="LiveId" clId="{2AAE6ABA-C2BA-43D9-8D48-DEFB9C929E7B}" dt="2024-08-14T03:55:58.557" v="4078" actId="2696"/>
        <pc:sldMkLst>
          <pc:docMk/>
          <pc:sldMk cId="0" sldId="1233"/>
        </pc:sldMkLst>
        <pc:spChg chg="mod">
          <ac:chgData name="芳彦 植野" userId="86ab4e6fb1040a80" providerId="LiveId" clId="{2AAE6ABA-C2BA-43D9-8D48-DEFB9C929E7B}" dt="2024-06-30T23:14:36.625" v="1011" actId="14100"/>
          <ac:spMkLst>
            <pc:docMk/>
            <pc:sldMk cId="0" sldId="1233"/>
            <ac:spMk id="2" creationId="{B64353EA-E128-93F5-0316-A58A9812D702}"/>
          </ac:spMkLst>
        </pc:spChg>
        <pc:spChg chg="mod">
          <ac:chgData name="芳彦 植野" userId="86ab4e6fb1040a80" providerId="LiveId" clId="{2AAE6ABA-C2BA-43D9-8D48-DEFB9C929E7B}" dt="2024-06-30T23:14:26.960" v="1009" actId="1076"/>
          <ac:spMkLst>
            <pc:docMk/>
            <pc:sldMk cId="0" sldId="1233"/>
            <ac:spMk id="3" creationId="{1A95B5F5-2A65-E2F2-431E-AD040B34B230}"/>
          </ac:spMkLst>
        </pc:spChg>
        <pc:spChg chg="add mod">
          <ac:chgData name="芳彦 植野" userId="86ab4e6fb1040a80" providerId="LiveId" clId="{2AAE6ABA-C2BA-43D9-8D48-DEFB9C929E7B}" dt="2024-06-30T23:13:00.431" v="985" actId="14100"/>
          <ac:spMkLst>
            <pc:docMk/>
            <pc:sldMk cId="0" sldId="1233"/>
            <ac:spMk id="4" creationId="{38768EF4-BAF8-C032-AE9D-7ADD411FF8B4}"/>
          </ac:spMkLst>
        </pc:spChg>
        <pc:spChg chg="add mod">
          <ac:chgData name="芳彦 植野" userId="86ab4e6fb1040a80" providerId="LiveId" clId="{2AAE6ABA-C2BA-43D9-8D48-DEFB9C929E7B}" dt="2024-06-30T23:12:53.765" v="984" actId="20577"/>
          <ac:spMkLst>
            <pc:docMk/>
            <pc:sldMk cId="0" sldId="1233"/>
            <ac:spMk id="6" creationId="{79ACB93B-DEF9-07B7-207B-7B3D7738D938}"/>
          </ac:spMkLst>
        </pc:spChg>
        <pc:spChg chg="mod">
          <ac:chgData name="芳彦 植野" userId="86ab4e6fb1040a80" providerId="LiveId" clId="{2AAE6ABA-C2BA-43D9-8D48-DEFB9C929E7B}" dt="2024-06-30T23:20:02.767" v="1132" actId="14100"/>
          <ac:spMkLst>
            <pc:docMk/>
            <pc:sldMk cId="0" sldId="1233"/>
            <ac:spMk id="7" creationId="{B73D7BE3-2B04-DEA2-43D4-776D22A05989}"/>
          </ac:spMkLst>
        </pc:spChg>
        <pc:spChg chg="mod">
          <ac:chgData name="芳彦 植野" userId="86ab4e6fb1040a80" providerId="LiveId" clId="{2AAE6ABA-C2BA-43D9-8D48-DEFB9C929E7B}" dt="2024-06-30T23:12:02.152" v="941" actId="1076"/>
          <ac:spMkLst>
            <pc:docMk/>
            <pc:sldMk cId="0" sldId="1233"/>
            <ac:spMk id="8" creationId="{674F90C2-6B90-3973-85B7-5DEAD68DA77A}"/>
          </ac:spMkLst>
        </pc:spChg>
        <pc:spChg chg="add mod">
          <ac:chgData name="芳彦 植野" userId="86ab4e6fb1040a80" providerId="LiveId" clId="{2AAE6ABA-C2BA-43D9-8D48-DEFB9C929E7B}" dt="2024-06-30T23:14:01.381" v="1007" actId="14100"/>
          <ac:spMkLst>
            <pc:docMk/>
            <pc:sldMk cId="0" sldId="1233"/>
            <ac:spMk id="9" creationId="{4EEF44FF-836B-DE9F-727C-46358343615C}"/>
          </ac:spMkLst>
        </pc:spChg>
        <pc:spChg chg="mod">
          <ac:chgData name="芳彦 植野" userId="86ab4e6fb1040a80" providerId="LiveId" clId="{2AAE6ABA-C2BA-43D9-8D48-DEFB9C929E7B}" dt="2024-06-30T23:12:06.505" v="942" actId="1076"/>
          <ac:spMkLst>
            <pc:docMk/>
            <pc:sldMk cId="0" sldId="1233"/>
            <ac:spMk id="10" creationId="{AD9071EA-C24A-171F-7BE3-49163CD10792}"/>
          </ac:spMkLst>
        </pc:spChg>
        <pc:spChg chg="add mod">
          <ac:chgData name="芳彦 植野" userId="86ab4e6fb1040a80" providerId="LiveId" clId="{2AAE6ABA-C2BA-43D9-8D48-DEFB9C929E7B}" dt="2024-06-30T23:13:54.193" v="1006" actId="6549"/>
          <ac:spMkLst>
            <pc:docMk/>
            <pc:sldMk cId="0" sldId="1233"/>
            <ac:spMk id="11" creationId="{39931248-CDFA-434B-B43A-8498CCAD9C63}"/>
          </ac:spMkLst>
        </pc:spChg>
        <pc:spChg chg="add mod">
          <ac:chgData name="芳彦 植野" userId="86ab4e6fb1040a80" providerId="LiveId" clId="{2AAE6ABA-C2BA-43D9-8D48-DEFB9C929E7B}" dt="2024-06-30T23:14:54.169" v="1013" actId="14100"/>
          <ac:spMkLst>
            <pc:docMk/>
            <pc:sldMk cId="0" sldId="1233"/>
            <ac:spMk id="12" creationId="{E40CEDE8-F7CC-083B-3AF1-6674990DB466}"/>
          </ac:spMkLst>
        </pc:spChg>
        <pc:spChg chg="add del mod">
          <ac:chgData name="芳彦 植野" userId="86ab4e6fb1040a80" providerId="LiveId" clId="{2AAE6ABA-C2BA-43D9-8D48-DEFB9C929E7B}" dt="2024-06-30T23:15:30.713" v="1015" actId="21"/>
          <ac:spMkLst>
            <pc:docMk/>
            <pc:sldMk cId="0" sldId="1233"/>
            <ac:spMk id="13" creationId="{17A72D9A-0D46-70BB-E6DA-8290C173359F}"/>
          </ac:spMkLst>
        </pc:spChg>
        <pc:spChg chg="add mod">
          <ac:chgData name="芳彦 植野" userId="86ab4e6fb1040a80" providerId="LiveId" clId="{2AAE6ABA-C2BA-43D9-8D48-DEFB9C929E7B}" dt="2024-06-30T23:16:03.822" v="1029" actId="6549"/>
          <ac:spMkLst>
            <pc:docMk/>
            <pc:sldMk cId="0" sldId="1233"/>
            <ac:spMk id="14" creationId="{8E9D1FE7-51D5-3837-7667-5209F1A0D657}"/>
          </ac:spMkLst>
        </pc:spChg>
        <pc:spChg chg="add mod">
          <ac:chgData name="芳彦 植野" userId="86ab4e6fb1040a80" providerId="LiveId" clId="{2AAE6ABA-C2BA-43D9-8D48-DEFB9C929E7B}" dt="2024-06-30T23:19:27.040" v="1126" actId="14100"/>
          <ac:spMkLst>
            <pc:docMk/>
            <pc:sldMk cId="0" sldId="1233"/>
            <ac:spMk id="15" creationId="{CEC560F7-BDD2-30A3-9442-7128F5A79BBB}"/>
          </ac:spMkLst>
        </pc:spChg>
        <pc:spChg chg="add mod">
          <ac:chgData name="芳彦 植野" userId="86ab4e6fb1040a80" providerId="LiveId" clId="{2AAE6ABA-C2BA-43D9-8D48-DEFB9C929E7B}" dt="2024-06-30T23:19:36.117" v="1129" actId="14100"/>
          <ac:spMkLst>
            <pc:docMk/>
            <pc:sldMk cId="0" sldId="1233"/>
            <ac:spMk id="16" creationId="{30FB0E33-6CC7-AEB2-5D6E-49FEBAC41D8C}"/>
          </ac:spMkLst>
        </pc:spChg>
        <pc:spChg chg="add mod">
          <ac:chgData name="芳彦 植野" userId="86ab4e6fb1040a80" providerId="LiveId" clId="{2AAE6ABA-C2BA-43D9-8D48-DEFB9C929E7B}" dt="2024-06-30T23:18:17.041" v="1085" actId="6549"/>
          <ac:spMkLst>
            <pc:docMk/>
            <pc:sldMk cId="0" sldId="1233"/>
            <ac:spMk id="17" creationId="{CCAE59A9-832F-C8C5-3C7C-CD64666DA3BC}"/>
          </ac:spMkLst>
        </pc:spChg>
        <pc:spChg chg="add mod">
          <ac:chgData name="芳彦 植野" userId="86ab4e6fb1040a80" providerId="LiveId" clId="{2AAE6ABA-C2BA-43D9-8D48-DEFB9C929E7B}" dt="2024-06-30T23:19:11.998" v="1123" actId="20577"/>
          <ac:spMkLst>
            <pc:docMk/>
            <pc:sldMk cId="0" sldId="1233"/>
            <ac:spMk id="18" creationId="{9A53F876-0F91-4AEA-9C99-CBD6AAA4030F}"/>
          </ac:spMkLst>
        </pc:spChg>
        <pc:spChg chg="mod">
          <ac:chgData name="芳彦 植野" userId="86ab4e6fb1040a80" providerId="LiveId" clId="{2AAE6ABA-C2BA-43D9-8D48-DEFB9C929E7B}" dt="2024-06-30T23:19:49.644" v="1131" actId="20577"/>
          <ac:spMkLst>
            <pc:docMk/>
            <pc:sldMk cId="0" sldId="1233"/>
            <ac:spMk id="6148" creationId="{7FA2623F-2B04-2F4A-B29A-7D8B51FAAEF8}"/>
          </ac:spMkLst>
        </pc:spChg>
        <pc:spChg chg="mod">
          <ac:chgData name="芳彦 植野" userId="86ab4e6fb1040a80" providerId="LiveId" clId="{2AAE6ABA-C2BA-43D9-8D48-DEFB9C929E7B}" dt="2024-06-30T23:10:49.827" v="928" actId="1076"/>
          <ac:spMkLst>
            <pc:docMk/>
            <pc:sldMk cId="0" sldId="1233"/>
            <ac:spMk id="91140" creationId="{6C0E8C25-EEAB-04CB-9DEC-C49034FF9781}"/>
          </ac:spMkLst>
        </pc:spChg>
        <pc:cxnChg chg="mod">
          <ac:chgData name="芳彦 植野" userId="86ab4e6fb1040a80" providerId="LiveId" clId="{2AAE6ABA-C2BA-43D9-8D48-DEFB9C929E7B}" dt="2024-06-30T23:11:38.060" v="936" actId="1076"/>
          <ac:cxnSpMkLst>
            <pc:docMk/>
            <pc:sldMk cId="0" sldId="1233"/>
            <ac:cxnSpMk id="5" creationId="{FBC9A62A-3F34-D7D9-06B4-4619D84D610F}"/>
          </ac:cxnSpMkLst>
        </pc:cxnChg>
      </pc:sldChg>
      <pc:sldChg chg="del">
        <pc:chgData name="芳彦 植野" userId="86ab4e6fb1040a80" providerId="LiveId" clId="{2AAE6ABA-C2BA-43D9-8D48-DEFB9C929E7B}" dt="2024-07-01T01:33:43.130" v="2037" actId="2696"/>
        <pc:sldMkLst>
          <pc:docMk/>
          <pc:sldMk cId="903850235" sldId="1249"/>
        </pc:sldMkLst>
      </pc:sldChg>
      <pc:sldChg chg="del">
        <pc:chgData name="芳彦 植野" userId="86ab4e6fb1040a80" providerId="LiveId" clId="{2AAE6ABA-C2BA-43D9-8D48-DEFB9C929E7B}" dt="2024-06-30T09:16:22.756" v="51" actId="2696"/>
        <pc:sldMkLst>
          <pc:docMk/>
          <pc:sldMk cId="702464498" sldId="1252"/>
        </pc:sldMkLst>
      </pc:sldChg>
      <pc:sldChg chg="del">
        <pc:chgData name="芳彦 植野" userId="86ab4e6fb1040a80" providerId="LiveId" clId="{2AAE6ABA-C2BA-43D9-8D48-DEFB9C929E7B}" dt="2024-06-25T20:52:11.212" v="16" actId="2696"/>
        <pc:sldMkLst>
          <pc:docMk/>
          <pc:sldMk cId="4053322642" sldId="1257"/>
        </pc:sldMkLst>
      </pc:sldChg>
      <pc:sldChg chg="del">
        <pc:chgData name="芳彦 植野" userId="86ab4e6fb1040a80" providerId="LiveId" clId="{2AAE6ABA-C2BA-43D9-8D48-DEFB9C929E7B}" dt="2024-06-30T09:16:33.228" v="57" actId="2696"/>
        <pc:sldMkLst>
          <pc:docMk/>
          <pc:sldMk cId="3347767051" sldId="1267"/>
        </pc:sldMkLst>
      </pc:sldChg>
      <pc:sldChg chg="del">
        <pc:chgData name="芳彦 植野" userId="86ab4e6fb1040a80" providerId="LiveId" clId="{2AAE6ABA-C2BA-43D9-8D48-DEFB9C929E7B}" dt="2024-06-24T20:14:57.684" v="1" actId="2696"/>
        <pc:sldMkLst>
          <pc:docMk/>
          <pc:sldMk cId="1826504927" sldId="1269"/>
        </pc:sldMkLst>
      </pc:sldChg>
      <pc:sldChg chg="del">
        <pc:chgData name="芳彦 植野" userId="86ab4e6fb1040a80" providerId="LiveId" clId="{2AAE6ABA-C2BA-43D9-8D48-DEFB9C929E7B}" dt="2024-06-25T20:52:04.450" v="15" actId="2696"/>
        <pc:sldMkLst>
          <pc:docMk/>
          <pc:sldMk cId="1933097685" sldId="1287"/>
        </pc:sldMkLst>
      </pc:sldChg>
      <pc:sldChg chg="del">
        <pc:chgData name="芳彦 植野" userId="86ab4e6fb1040a80" providerId="LiveId" clId="{2AAE6ABA-C2BA-43D9-8D48-DEFB9C929E7B}" dt="2024-06-25T20:52:23.755" v="17" actId="2696"/>
        <pc:sldMkLst>
          <pc:docMk/>
          <pc:sldMk cId="3328283064" sldId="1290"/>
        </pc:sldMkLst>
      </pc:sldChg>
      <pc:sldChg chg="del">
        <pc:chgData name="芳彦 植野" userId="86ab4e6fb1040a80" providerId="LiveId" clId="{2AAE6ABA-C2BA-43D9-8D48-DEFB9C929E7B}" dt="2024-06-25T20:52:24.596" v="18" actId="2696"/>
        <pc:sldMkLst>
          <pc:docMk/>
          <pc:sldMk cId="3179318976" sldId="1291"/>
        </pc:sldMkLst>
      </pc:sldChg>
      <pc:sldChg chg="del">
        <pc:chgData name="芳彦 植野" userId="86ab4e6fb1040a80" providerId="LiveId" clId="{2AAE6ABA-C2BA-43D9-8D48-DEFB9C929E7B}" dt="2024-06-25T20:52:26.916" v="21" actId="2696"/>
        <pc:sldMkLst>
          <pc:docMk/>
          <pc:sldMk cId="2294613664" sldId="1294"/>
        </pc:sldMkLst>
      </pc:sldChg>
      <pc:sldChg chg="del">
        <pc:chgData name="芳彦 植野" userId="86ab4e6fb1040a80" providerId="LiveId" clId="{2AAE6ABA-C2BA-43D9-8D48-DEFB9C929E7B}" dt="2024-06-25T20:52:28.058" v="22" actId="2696"/>
        <pc:sldMkLst>
          <pc:docMk/>
          <pc:sldMk cId="114307832" sldId="1295"/>
        </pc:sldMkLst>
      </pc:sldChg>
      <pc:sldChg chg="del">
        <pc:chgData name="芳彦 植野" userId="86ab4e6fb1040a80" providerId="LiveId" clId="{2AAE6ABA-C2BA-43D9-8D48-DEFB9C929E7B}" dt="2024-06-25T20:52:28.834" v="23" actId="2696"/>
        <pc:sldMkLst>
          <pc:docMk/>
          <pc:sldMk cId="4014006948" sldId="1298"/>
        </pc:sldMkLst>
      </pc:sldChg>
      <pc:sldChg chg="modSp del mod">
        <pc:chgData name="芳彦 植野" userId="86ab4e6fb1040a80" providerId="LiveId" clId="{2AAE6ABA-C2BA-43D9-8D48-DEFB9C929E7B}" dt="2024-06-30T23:06:38.610" v="734" actId="2696"/>
        <pc:sldMkLst>
          <pc:docMk/>
          <pc:sldMk cId="1794682804" sldId="1306"/>
        </pc:sldMkLst>
        <pc:spChg chg="mod">
          <ac:chgData name="芳彦 植野" userId="86ab4e6fb1040a80" providerId="LiveId" clId="{2AAE6ABA-C2BA-43D9-8D48-DEFB9C929E7B}" dt="2024-06-30T22:58:58.098" v="100" actId="1076"/>
          <ac:spMkLst>
            <pc:docMk/>
            <pc:sldMk cId="1794682804" sldId="1306"/>
            <ac:spMk id="2" creationId="{56BF684E-7CE0-4890-9F99-9AF12F387B6B}"/>
          </ac:spMkLst>
        </pc:spChg>
        <pc:spChg chg="mod">
          <ac:chgData name="芳彦 植野" userId="86ab4e6fb1040a80" providerId="LiveId" clId="{2AAE6ABA-C2BA-43D9-8D48-DEFB9C929E7B}" dt="2024-06-30T23:03:44.992" v="471" actId="1076"/>
          <ac:spMkLst>
            <pc:docMk/>
            <pc:sldMk cId="1794682804" sldId="1306"/>
            <ac:spMk id="3" creationId="{5947CF7B-6D11-4F5C-860D-FB2C59F3029A}"/>
          </ac:spMkLst>
        </pc:spChg>
      </pc:sldChg>
      <pc:sldChg chg="add del">
        <pc:chgData name="芳彦 植野" userId="86ab4e6fb1040a80" providerId="LiveId" clId="{2AAE6ABA-C2BA-43D9-8D48-DEFB9C929E7B}" dt="2024-06-30T23:07:10.252" v="737" actId="2696"/>
        <pc:sldMkLst>
          <pc:docMk/>
          <pc:sldMk cId="2067506279" sldId="1306"/>
        </pc:sldMkLst>
      </pc:sldChg>
      <pc:sldChg chg="modSp add del mod">
        <pc:chgData name="芳彦 植野" userId="86ab4e6fb1040a80" providerId="LiveId" clId="{2AAE6ABA-C2BA-43D9-8D48-DEFB9C929E7B}" dt="2024-08-14T03:55:54.186" v="4074" actId="2696"/>
        <pc:sldMkLst>
          <pc:docMk/>
          <pc:sldMk cId="2421821033" sldId="1306"/>
        </pc:sldMkLst>
        <pc:spChg chg="mod">
          <ac:chgData name="芳彦 植野" userId="86ab4e6fb1040a80" providerId="LiveId" clId="{2AAE6ABA-C2BA-43D9-8D48-DEFB9C929E7B}" dt="2024-07-01T18:20:06.429" v="2335" actId="6549"/>
          <ac:spMkLst>
            <pc:docMk/>
            <pc:sldMk cId="2421821033" sldId="1306"/>
            <ac:spMk id="3" creationId="{5947CF7B-6D11-4F5C-860D-FB2C59F3029A}"/>
          </ac:spMkLst>
        </pc:spChg>
      </pc:sldChg>
      <pc:sldChg chg="modSp del mod">
        <pc:chgData name="芳彦 植野" userId="86ab4e6fb1040a80" providerId="LiveId" clId="{2AAE6ABA-C2BA-43D9-8D48-DEFB9C929E7B}" dt="2024-06-30T23:07:19.502" v="739" actId="2696"/>
        <pc:sldMkLst>
          <pc:docMk/>
          <pc:sldMk cId="0" sldId="1310"/>
        </pc:sldMkLst>
        <pc:spChg chg="mod">
          <ac:chgData name="芳彦 植野" userId="86ab4e6fb1040a80" providerId="LiveId" clId="{2AAE6ABA-C2BA-43D9-8D48-DEFB9C929E7B}" dt="2024-06-30T22:59:28.766" v="102" actId="21"/>
          <ac:spMkLst>
            <pc:docMk/>
            <pc:sldMk cId="0" sldId="1310"/>
            <ac:spMk id="2" creationId="{C91254AB-BE3F-4EF6-90AF-A588CCE200B3}"/>
          </ac:spMkLst>
        </pc:spChg>
      </pc:sldChg>
      <pc:sldChg chg="del">
        <pc:chgData name="芳彦 植野" userId="86ab4e6fb1040a80" providerId="LiveId" clId="{2AAE6ABA-C2BA-43D9-8D48-DEFB9C929E7B}" dt="2024-06-30T09:16:24.780" v="53" actId="2696"/>
        <pc:sldMkLst>
          <pc:docMk/>
          <pc:sldMk cId="376481270" sldId="1675"/>
        </pc:sldMkLst>
      </pc:sldChg>
      <pc:sldChg chg="del">
        <pc:chgData name="芳彦 植野" userId="86ab4e6fb1040a80" providerId="LiveId" clId="{2AAE6ABA-C2BA-43D9-8D48-DEFB9C929E7B}" dt="2024-07-01T18:18:03.403" v="2310" actId="2696"/>
        <pc:sldMkLst>
          <pc:docMk/>
          <pc:sldMk cId="3795345282" sldId="1688"/>
        </pc:sldMkLst>
      </pc:sldChg>
      <pc:sldChg chg="add">
        <pc:chgData name="芳彦 植野" userId="86ab4e6fb1040a80" providerId="LiveId" clId="{2AAE6ABA-C2BA-43D9-8D48-DEFB9C929E7B}" dt="2024-08-14T03:51:35.078" v="4069"/>
        <pc:sldMkLst>
          <pc:docMk/>
          <pc:sldMk cId="2644541129" sldId="1711"/>
        </pc:sldMkLst>
      </pc:sldChg>
      <pc:sldChg chg="add">
        <pc:chgData name="芳彦 植野" userId="86ab4e6fb1040a80" providerId="LiveId" clId="{2AAE6ABA-C2BA-43D9-8D48-DEFB9C929E7B}" dt="2024-08-14T03:51:21.468" v="4068"/>
        <pc:sldMkLst>
          <pc:docMk/>
          <pc:sldMk cId="3354696640" sldId="1716"/>
        </pc:sldMkLst>
      </pc:sldChg>
      <pc:sldChg chg="add">
        <pc:chgData name="芳彦 植野" userId="86ab4e6fb1040a80" providerId="LiveId" clId="{2AAE6ABA-C2BA-43D9-8D48-DEFB9C929E7B}" dt="2024-08-14T03:51:52.354" v="4070"/>
        <pc:sldMkLst>
          <pc:docMk/>
          <pc:sldMk cId="4159546609" sldId="1717"/>
        </pc:sldMkLst>
      </pc:sldChg>
      <pc:sldChg chg="add del">
        <pc:chgData name="芳彦 植野" userId="86ab4e6fb1040a80" providerId="LiveId" clId="{2AAE6ABA-C2BA-43D9-8D48-DEFB9C929E7B}" dt="2024-08-14T03:56:12.902" v="4080" actId="2696"/>
        <pc:sldMkLst>
          <pc:docMk/>
          <pc:sldMk cId="1294684424" sldId="1742"/>
        </pc:sldMkLst>
      </pc:sldChg>
      <pc:sldChg chg="del">
        <pc:chgData name="芳彦 植野" userId="86ab4e6fb1040a80" providerId="LiveId" clId="{2AAE6ABA-C2BA-43D9-8D48-DEFB9C929E7B}" dt="2024-06-30T09:16:29.677" v="54" actId="2696"/>
        <pc:sldMkLst>
          <pc:docMk/>
          <pc:sldMk cId="3700259667" sldId="1805"/>
        </pc:sldMkLst>
      </pc:sldChg>
      <pc:sldChg chg="del">
        <pc:chgData name="芳彦 植野" userId="86ab4e6fb1040a80" providerId="LiveId" clId="{2AAE6ABA-C2BA-43D9-8D48-DEFB9C929E7B}" dt="2024-06-30T09:16:37.814" v="61" actId="2696"/>
        <pc:sldMkLst>
          <pc:docMk/>
          <pc:sldMk cId="1777878304" sldId="2754"/>
        </pc:sldMkLst>
      </pc:sldChg>
      <pc:sldChg chg="del">
        <pc:chgData name="芳彦 植野" userId="86ab4e6fb1040a80" providerId="LiveId" clId="{2AAE6ABA-C2BA-43D9-8D48-DEFB9C929E7B}" dt="2024-06-30T09:16:34.447" v="58" actId="2696"/>
        <pc:sldMkLst>
          <pc:docMk/>
          <pc:sldMk cId="656000398" sldId="2755"/>
        </pc:sldMkLst>
      </pc:sldChg>
      <pc:sldChg chg="del">
        <pc:chgData name="芳彦 植野" userId="86ab4e6fb1040a80" providerId="LiveId" clId="{2AAE6ABA-C2BA-43D9-8D48-DEFB9C929E7B}" dt="2024-06-25T20:52:26.174" v="20" actId="2696"/>
        <pc:sldMkLst>
          <pc:docMk/>
          <pc:sldMk cId="3284974798" sldId="2757"/>
        </pc:sldMkLst>
      </pc:sldChg>
      <pc:sldChg chg="add">
        <pc:chgData name="芳彦 植野" userId="86ab4e6fb1040a80" providerId="LiveId" clId="{2AAE6ABA-C2BA-43D9-8D48-DEFB9C929E7B}" dt="2024-08-15T01:28:33.079" v="4850"/>
        <pc:sldMkLst>
          <pc:docMk/>
          <pc:sldMk cId="588392011" sldId="2759"/>
        </pc:sldMkLst>
      </pc:sldChg>
      <pc:sldChg chg="add">
        <pc:chgData name="芳彦 植野" userId="86ab4e6fb1040a80" providerId="LiveId" clId="{2AAE6ABA-C2BA-43D9-8D48-DEFB9C929E7B}" dt="2024-08-15T01:29:39.548" v="4851"/>
        <pc:sldMkLst>
          <pc:docMk/>
          <pc:sldMk cId="3743899199" sldId="2771"/>
        </pc:sldMkLst>
      </pc:sldChg>
      <pc:sldChg chg="del">
        <pc:chgData name="芳彦 植野" userId="86ab4e6fb1040a80" providerId="LiveId" clId="{2AAE6ABA-C2BA-43D9-8D48-DEFB9C929E7B}" dt="2024-06-30T09:16:35.573" v="59" actId="2696"/>
        <pc:sldMkLst>
          <pc:docMk/>
          <pc:sldMk cId="2331941290" sldId="2772"/>
        </pc:sldMkLst>
      </pc:sldChg>
      <pc:sldChg chg="del">
        <pc:chgData name="芳彦 植野" userId="86ab4e6fb1040a80" providerId="LiveId" clId="{2AAE6ABA-C2BA-43D9-8D48-DEFB9C929E7B}" dt="2024-06-25T20:50:53.816" v="3" actId="2696"/>
        <pc:sldMkLst>
          <pc:docMk/>
          <pc:sldMk cId="3438407741" sldId="2777"/>
        </pc:sldMkLst>
      </pc:sldChg>
      <pc:sldChg chg="del">
        <pc:chgData name="芳彦 植野" userId="86ab4e6fb1040a80" providerId="LiveId" clId="{2AAE6ABA-C2BA-43D9-8D48-DEFB9C929E7B}" dt="2024-06-25T20:50:52.707" v="2" actId="2696"/>
        <pc:sldMkLst>
          <pc:docMk/>
          <pc:sldMk cId="3285538707" sldId="2785"/>
        </pc:sldMkLst>
      </pc:sldChg>
      <pc:sldChg chg="add">
        <pc:chgData name="芳彦 植野" userId="86ab4e6fb1040a80" providerId="LiveId" clId="{2AAE6ABA-C2BA-43D9-8D48-DEFB9C929E7B}" dt="2024-07-01T09:45:10.320" v="2043"/>
        <pc:sldMkLst>
          <pc:docMk/>
          <pc:sldMk cId="624436310" sldId="2787"/>
        </pc:sldMkLst>
      </pc:sldChg>
      <pc:sldChg chg="del">
        <pc:chgData name="芳彦 植野" userId="86ab4e6fb1040a80" providerId="LiveId" clId="{2AAE6ABA-C2BA-43D9-8D48-DEFB9C929E7B}" dt="2024-07-01T09:45:07.210" v="2042" actId="2696"/>
        <pc:sldMkLst>
          <pc:docMk/>
          <pc:sldMk cId="1633019847" sldId="2787"/>
        </pc:sldMkLst>
      </pc:sldChg>
      <pc:sldChg chg="del">
        <pc:chgData name="芳彦 植野" userId="86ab4e6fb1040a80" providerId="LiveId" clId="{2AAE6ABA-C2BA-43D9-8D48-DEFB9C929E7B}" dt="2024-06-25T20:50:55.111" v="4" actId="2696"/>
        <pc:sldMkLst>
          <pc:docMk/>
          <pc:sldMk cId="3268885342" sldId="2813"/>
        </pc:sldMkLst>
      </pc:sldChg>
      <pc:sldChg chg="del">
        <pc:chgData name="芳彦 植野" userId="86ab4e6fb1040a80" providerId="LiveId" clId="{2AAE6ABA-C2BA-43D9-8D48-DEFB9C929E7B}" dt="2024-06-25T20:52:53.864" v="24" actId="2696"/>
        <pc:sldMkLst>
          <pc:docMk/>
          <pc:sldMk cId="3592500252" sldId="2817"/>
        </pc:sldMkLst>
      </pc:sldChg>
      <pc:sldChg chg="del">
        <pc:chgData name="芳彦 植野" userId="86ab4e6fb1040a80" providerId="LiveId" clId="{2AAE6ABA-C2BA-43D9-8D48-DEFB9C929E7B}" dt="2024-06-25T20:51:44.261" v="13" actId="2696"/>
        <pc:sldMkLst>
          <pc:docMk/>
          <pc:sldMk cId="1669230869" sldId="2818"/>
        </pc:sldMkLst>
      </pc:sldChg>
      <pc:sldChg chg="addSp modSp add mod">
        <pc:chgData name="芳彦 植野" userId="86ab4e6fb1040a80" providerId="LiveId" clId="{2AAE6ABA-C2BA-43D9-8D48-DEFB9C929E7B}" dt="2024-08-18T19:42:47.642" v="5797" actId="207"/>
        <pc:sldMkLst>
          <pc:docMk/>
          <pc:sldMk cId="2203869052" sldId="2818"/>
        </pc:sldMkLst>
        <pc:spChg chg="mod">
          <ac:chgData name="芳彦 植野" userId="86ab4e6fb1040a80" providerId="LiveId" clId="{2AAE6ABA-C2BA-43D9-8D48-DEFB9C929E7B}" dt="2024-08-15T01:26:57.964" v="4849" actId="6549"/>
          <ac:spMkLst>
            <pc:docMk/>
            <pc:sldMk cId="2203869052" sldId="2818"/>
            <ac:spMk id="3" creationId="{98658827-7309-AEAA-B104-FDFAC36F6AB5}"/>
          </ac:spMkLst>
        </pc:spChg>
        <pc:spChg chg="mod">
          <ac:chgData name="芳彦 植野" userId="86ab4e6fb1040a80" providerId="LiveId" clId="{2AAE6ABA-C2BA-43D9-8D48-DEFB9C929E7B}" dt="2024-08-15T01:25:22.877" v="4807" actId="1076"/>
          <ac:spMkLst>
            <pc:docMk/>
            <pc:sldMk cId="2203869052" sldId="2818"/>
            <ac:spMk id="4" creationId="{16487E47-B5CB-255E-D168-FF59B33C79E5}"/>
          </ac:spMkLst>
        </pc:spChg>
        <pc:spChg chg="mod">
          <ac:chgData name="芳彦 植野" userId="86ab4e6fb1040a80" providerId="LiveId" clId="{2AAE6ABA-C2BA-43D9-8D48-DEFB9C929E7B}" dt="2024-08-18T19:42:47.642" v="5797" actId="207"/>
          <ac:spMkLst>
            <pc:docMk/>
            <pc:sldMk cId="2203869052" sldId="2818"/>
            <ac:spMk id="5" creationId="{D392E1AC-8F47-08F8-FC0D-CD099A44B3BB}"/>
          </ac:spMkLst>
        </pc:spChg>
        <pc:spChg chg="add mod">
          <ac:chgData name="芳彦 植野" userId="86ab4e6fb1040a80" providerId="LiveId" clId="{2AAE6ABA-C2BA-43D9-8D48-DEFB9C929E7B}" dt="2024-08-15T01:26:27.013" v="4830" actId="14100"/>
          <ac:spMkLst>
            <pc:docMk/>
            <pc:sldMk cId="2203869052" sldId="2818"/>
            <ac:spMk id="6" creationId="{298E765B-9DB3-6558-8142-9D619874846E}"/>
          </ac:spMkLst>
        </pc:spChg>
        <pc:spChg chg="add mod">
          <ac:chgData name="芳彦 植野" userId="86ab4e6fb1040a80" providerId="LiveId" clId="{2AAE6ABA-C2BA-43D9-8D48-DEFB9C929E7B}" dt="2024-08-15T01:26:19.227" v="4829" actId="207"/>
          <ac:spMkLst>
            <pc:docMk/>
            <pc:sldMk cId="2203869052" sldId="2818"/>
            <ac:spMk id="7" creationId="{F799F79A-F1CD-7373-2339-A6A7B96F7CF2}"/>
          </ac:spMkLst>
        </pc:spChg>
        <pc:spChg chg="add mod">
          <ac:chgData name="芳彦 植野" userId="86ab4e6fb1040a80" providerId="LiveId" clId="{2AAE6ABA-C2BA-43D9-8D48-DEFB9C929E7B}" dt="2024-08-15T01:26:11.557" v="4828" actId="207"/>
          <ac:spMkLst>
            <pc:docMk/>
            <pc:sldMk cId="2203869052" sldId="2818"/>
            <ac:spMk id="8" creationId="{7E82C252-198B-FACD-9B79-68CACDC4FC70}"/>
          </ac:spMkLst>
        </pc:spChg>
      </pc:sldChg>
      <pc:sldChg chg="modSp mod">
        <pc:chgData name="芳彦 植野" userId="86ab4e6fb1040a80" providerId="LiveId" clId="{2AAE6ABA-C2BA-43D9-8D48-DEFB9C929E7B}" dt="2024-08-07T21:23:29.392" v="3276" actId="20577"/>
        <pc:sldMkLst>
          <pc:docMk/>
          <pc:sldMk cId="2459585590" sldId="2819"/>
        </pc:sldMkLst>
        <pc:spChg chg="mod">
          <ac:chgData name="芳彦 植野" userId="86ab4e6fb1040a80" providerId="LiveId" clId="{2AAE6ABA-C2BA-43D9-8D48-DEFB9C929E7B}" dt="2024-08-07T21:23:29.392" v="3276" actId="20577"/>
          <ac:spMkLst>
            <pc:docMk/>
            <pc:sldMk cId="2459585590" sldId="2819"/>
            <ac:spMk id="4100" creationId="{9B9A8C65-54AC-55C9-76E5-843269FC650F}"/>
          </ac:spMkLst>
        </pc:spChg>
      </pc:sldChg>
      <pc:sldChg chg="add del">
        <pc:chgData name="芳彦 植野" userId="86ab4e6fb1040a80" providerId="LiveId" clId="{2AAE6ABA-C2BA-43D9-8D48-DEFB9C929E7B}" dt="2024-08-11T09:16:40.334" v="3519" actId="2696"/>
        <pc:sldMkLst>
          <pc:docMk/>
          <pc:sldMk cId="2237264132" sldId="2833"/>
        </pc:sldMkLst>
      </pc:sldChg>
      <pc:sldChg chg="add del">
        <pc:chgData name="芳彦 植野" userId="86ab4e6fb1040a80" providerId="LiveId" clId="{2AAE6ABA-C2BA-43D9-8D48-DEFB9C929E7B}" dt="2024-07-01T09:48:49.622" v="2056" actId="2696"/>
        <pc:sldMkLst>
          <pc:docMk/>
          <pc:sldMk cId="625510361" sldId="2854"/>
        </pc:sldMkLst>
      </pc:sldChg>
      <pc:sldChg chg="modSp add mod">
        <pc:chgData name="芳彦 植野" userId="86ab4e6fb1040a80" providerId="LiveId" clId="{2AAE6ABA-C2BA-43D9-8D48-DEFB9C929E7B}" dt="2024-06-30T09:18:49.339" v="71" actId="14100"/>
        <pc:sldMkLst>
          <pc:docMk/>
          <pc:sldMk cId="1933415543" sldId="2866"/>
        </pc:sldMkLst>
        <pc:picChg chg="mod">
          <ac:chgData name="芳彦 植野" userId="86ab4e6fb1040a80" providerId="LiveId" clId="{2AAE6ABA-C2BA-43D9-8D48-DEFB9C929E7B}" dt="2024-06-30T09:18:49.339" v="71" actId="14100"/>
          <ac:picMkLst>
            <pc:docMk/>
            <pc:sldMk cId="1933415543" sldId="2866"/>
            <ac:picMk id="3" creationId="{E8C43F86-4F54-C976-06EB-481A55B0FF0C}"/>
          </ac:picMkLst>
        </pc:picChg>
      </pc:sldChg>
      <pc:sldChg chg="add">
        <pc:chgData name="芳彦 植野" userId="86ab4e6fb1040a80" providerId="LiveId" clId="{2AAE6ABA-C2BA-43D9-8D48-DEFB9C929E7B}" dt="2024-08-14T23:04:57.657" v="4188"/>
        <pc:sldMkLst>
          <pc:docMk/>
          <pc:sldMk cId="1438982056" sldId="2880"/>
        </pc:sldMkLst>
      </pc:sldChg>
      <pc:sldChg chg="add del">
        <pc:chgData name="芳彦 植野" userId="86ab4e6fb1040a80" providerId="LiveId" clId="{2AAE6ABA-C2BA-43D9-8D48-DEFB9C929E7B}" dt="2024-08-14T23:04:50.575" v="4187" actId="2696"/>
        <pc:sldMkLst>
          <pc:docMk/>
          <pc:sldMk cId="3620435233" sldId="2880"/>
        </pc:sldMkLst>
      </pc:sldChg>
      <pc:sldChg chg="add del">
        <pc:chgData name="芳彦 植野" userId="86ab4e6fb1040a80" providerId="LiveId" clId="{2AAE6ABA-C2BA-43D9-8D48-DEFB9C929E7B}" dt="2024-07-01T01:33:20.891" v="2035" actId="2696"/>
        <pc:sldMkLst>
          <pc:docMk/>
          <pc:sldMk cId="4090103671" sldId="2881"/>
        </pc:sldMkLst>
      </pc:sldChg>
      <pc:sldChg chg="add">
        <pc:chgData name="芳彦 植野" userId="86ab4e6fb1040a80" providerId="LiveId" clId="{2AAE6ABA-C2BA-43D9-8D48-DEFB9C929E7B}" dt="2024-08-14T23:06:07.992" v="4195"/>
        <pc:sldMkLst>
          <pc:docMk/>
          <pc:sldMk cId="1938891179" sldId="2882"/>
        </pc:sldMkLst>
      </pc:sldChg>
      <pc:sldChg chg="add del">
        <pc:chgData name="芳彦 植野" userId="86ab4e6fb1040a80" providerId="LiveId" clId="{2AAE6ABA-C2BA-43D9-8D48-DEFB9C929E7B}" dt="2024-08-14T23:05:58.906" v="4194" actId="2696"/>
        <pc:sldMkLst>
          <pc:docMk/>
          <pc:sldMk cId="3547136350" sldId="2882"/>
        </pc:sldMkLst>
      </pc:sldChg>
      <pc:sldChg chg="del">
        <pc:chgData name="芳彦 植野" userId="86ab4e6fb1040a80" providerId="LiveId" clId="{2AAE6ABA-C2BA-43D9-8D48-DEFB9C929E7B}" dt="2024-06-30T09:16:46.398" v="66" actId="2696"/>
        <pc:sldMkLst>
          <pc:docMk/>
          <pc:sldMk cId="0" sldId="2884"/>
        </pc:sldMkLst>
      </pc:sldChg>
      <pc:sldChg chg="del">
        <pc:chgData name="芳彦 植野" userId="86ab4e6fb1040a80" providerId="LiveId" clId="{2AAE6ABA-C2BA-43D9-8D48-DEFB9C929E7B}" dt="2024-06-25T20:52:25.391" v="19" actId="2696"/>
        <pc:sldMkLst>
          <pc:docMk/>
          <pc:sldMk cId="1218274419" sldId="2887"/>
        </pc:sldMkLst>
      </pc:sldChg>
      <pc:sldChg chg="del">
        <pc:chgData name="芳彦 植野" userId="86ab4e6fb1040a80" providerId="LiveId" clId="{2AAE6ABA-C2BA-43D9-8D48-DEFB9C929E7B}" dt="2024-06-30T09:16:36.749" v="60" actId="2696"/>
        <pc:sldMkLst>
          <pc:docMk/>
          <pc:sldMk cId="2291883027" sldId="2888"/>
        </pc:sldMkLst>
      </pc:sldChg>
      <pc:sldChg chg="del">
        <pc:chgData name="芳彦 植野" userId="86ab4e6fb1040a80" providerId="LiveId" clId="{2AAE6ABA-C2BA-43D9-8D48-DEFB9C929E7B}" dt="2024-06-30T09:16:32.047" v="56" actId="2696"/>
        <pc:sldMkLst>
          <pc:docMk/>
          <pc:sldMk cId="1884252765" sldId="2894"/>
        </pc:sldMkLst>
      </pc:sldChg>
      <pc:sldChg chg="modSp del mod">
        <pc:chgData name="芳彦 植野" userId="86ab4e6fb1040a80" providerId="LiveId" clId="{2AAE6ABA-C2BA-43D9-8D48-DEFB9C929E7B}" dt="2024-08-14T23:03:21.918" v="4182" actId="14100"/>
        <pc:sldMkLst>
          <pc:docMk/>
          <pc:sldMk cId="2694702766" sldId="2896"/>
        </pc:sldMkLst>
        <pc:spChg chg="mod">
          <ac:chgData name="芳彦 植野" userId="86ab4e6fb1040a80" providerId="LiveId" clId="{2AAE6ABA-C2BA-43D9-8D48-DEFB9C929E7B}" dt="2024-08-14T23:03:21.918" v="4182" actId="14100"/>
          <ac:spMkLst>
            <pc:docMk/>
            <pc:sldMk cId="2694702766" sldId="2896"/>
            <ac:spMk id="12" creationId="{00000000-0000-0000-0000-000000000000}"/>
          </ac:spMkLst>
        </pc:spChg>
      </pc:sldChg>
      <pc:sldChg chg="del">
        <pc:chgData name="芳彦 植野" userId="86ab4e6fb1040a80" providerId="LiveId" clId="{2AAE6ABA-C2BA-43D9-8D48-DEFB9C929E7B}" dt="2024-06-30T09:16:43.160" v="64" actId="2696"/>
        <pc:sldMkLst>
          <pc:docMk/>
          <pc:sldMk cId="0" sldId="2913"/>
        </pc:sldMkLst>
      </pc:sldChg>
      <pc:sldChg chg="del">
        <pc:chgData name="芳彦 植野" userId="86ab4e6fb1040a80" providerId="LiveId" clId="{2AAE6ABA-C2BA-43D9-8D48-DEFB9C929E7B}" dt="2024-06-30T09:16:44.285" v="65" actId="2696"/>
        <pc:sldMkLst>
          <pc:docMk/>
          <pc:sldMk cId="0" sldId="2914"/>
        </pc:sldMkLst>
      </pc:sldChg>
      <pc:sldChg chg="del">
        <pc:chgData name="芳彦 植野" userId="86ab4e6fb1040a80" providerId="LiveId" clId="{2AAE6ABA-C2BA-43D9-8D48-DEFB9C929E7B}" dt="2024-06-30T09:16:47.443" v="67" actId="2696"/>
        <pc:sldMkLst>
          <pc:docMk/>
          <pc:sldMk cId="0" sldId="2915"/>
        </pc:sldMkLst>
      </pc:sldChg>
      <pc:sldChg chg="modSp del mod">
        <pc:chgData name="芳彦 植野" userId="86ab4e6fb1040a80" providerId="LiveId" clId="{2AAE6ABA-C2BA-43D9-8D48-DEFB9C929E7B}" dt="2024-08-14T23:04:08.617" v="4183" actId="2696"/>
        <pc:sldMkLst>
          <pc:docMk/>
          <pc:sldMk cId="1437656296" sldId="2917"/>
        </pc:sldMkLst>
        <pc:spChg chg="mod">
          <ac:chgData name="芳彦 植野" userId="86ab4e6fb1040a80" providerId="LiveId" clId="{2AAE6ABA-C2BA-43D9-8D48-DEFB9C929E7B}" dt="2024-07-01T18:17:51.995" v="2309" actId="20577"/>
          <ac:spMkLst>
            <pc:docMk/>
            <pc:sldMk cId="1437656296" sldId="2917"/>
            <ac:spMk id="2" creationId="{9D1B71F4-BC40-D388-0061-FAA9458C6D44}"/>
          </ac:spMkLst>
        </pc:spChg>
      </pc:sldChg>
      <pc:sldChg chg="add">
        <pc:chgData name="芳彦 植野" userId="86ab4e6fb1040a80" providerId="LiveId" clId="{2AAE6ABA-C2BA-43D9-8D48-DEFB9C929E7B}" dt="2024-08-14T23:04:20.315" v="4184"/>
        <pc:sldMkLst>
          <pc:docMk/>
          <pc:sldMk cId="2990759642" sldId="2917"/>
        </pc:sldMkLst>
      </pc:sldChg>
      <pc:sldChg chg="modSp del mod">
        <pc:chgData name="芳彦 植野" userId="86ab4e6fb1040a80" providerId="LiveId" clId="{2AAE6ABA-C2BA-43D9-8D48-DEFB9C929E7B}" dt="2024-08-14T03:55:57.610" v="4077" actId="2696"/>
        <pc:sldMkLst>
          <pc:docMk/>
          <pc:sldMk cId="1389991847" sldId="2918"/>
        </pc:sldMkLst>
        <pc:spChg chg="mod">
          <ac:chgData name="芳彦 植野" userId="86ab4e6fb1040a80" providerId="LiveId" clId="{2AAE6ABA-C2BA-43D9-8D48-DEFB9C929E7B}" dt="2024-06-30T22:59:55.472" v="104" actId="21"/>
          <ac:spMkLst>
            <pc:docMk/>
            <pc:sldMk cId="1389991847" sldId="2918"/>
            <ac:spMk id="2" creationId="{C91254AB-BE3F-4EF6-90AF-A588CCE200B3}"/>
          </ac:spMkLst>
        </pc:spChg>
        <pc:spChg chg="mod">
          <ac:chgData name="芳彦 植野" userId="86ab4e6fb1040a80" providerId="LiveId" clId="{2AAE6ABA-C2BA-43D9-8D48-DEFB9C929E7B}" dt="2024-07-01T18:24:19.458" v="2629" actId="20577"/>
          <ac:spMkLst>
            <pc:docMk/>
            <pc:sldMk cId="1389991847" sldId="2918"/>
            <ac:spMk id="75779" creationId="{FE1AD9DA-1D9D-4DFC-B585-E1E09A545C25}"/>
          </ac:spMkLst>
        </pc:spChg>
      </pc:sldChg>
      <pc:sldChg chg="del">
        <pc:chgData name="芳彦 植野" userId="86ab4e6fb1040a80" providerId="LiveId" clId="{2AAE6ABA-C2BA-43D9-8D48-DEFB9C929E7B}" dt="2024-06-30T09:23:28.374" v="94" actId="2696"/>
        <pc:sldMkLst>
          <pc:docMk/>
          <pc:sldMk cId="679694492" sldId="2919"/>
        </pc:sldMkLst>
      </pc:sldChg>
      <pc:sldChg chg="add">
        <pc:chgData name="芳彦 植野" userId="86ab4e6fb1040a80" providerId="LiveId" clId="{2AAE6ABA-C2BA-43D9-8D48-DEFB9C929E7B}" dt="2024-08-14T23:04:40.209" v="4186"/>
        <pc:sldMkLst>
          <pc:docMk/>
          <pc:sldMk cId="1788673633" sldId="2920"/>
        </pc:sldMkLst>
      </pc:sldChg>
      <pc:sldChg chg="del">
        <pc:chgData name="芳彦 植野" userId="86ab4e6fb1040a80" providerId="LiveId" clId="{2AAE6ABA-C2BA-43D9-8D48-DEFB9C929E7B}" dt="2024-08-14T23:04:30.556" v="4185" actId="2696"/>
        <pc:sldMkLst>
          <pc:docMk/>
          <pc:sldMk cId="2696599260" sldId="2920"/>
        </pc:sldMkLst>
      </pc:sldChg>
      <pc:sldChg chg="del">
        <pc:chgData name="芳彦 植野" userId="86ab4e6fb1040a80" providerId="LiveId" clId="{2AAE6ABA-C2BA-43D9-8D48-DEFB9C929E7B}" dt="2024-06-30T09:16:31.034" v="55" actId="2696"/>
        <pc:sldMkLst>
          <pc:docMk/>
          <pc:sldMk cId="3318122856" sldId="2921"/>
        </pc:sldMkLst>
      </pc:sldChg>
      <pc:sldChg chg="del">
        <pc:chgData name="芳彦 植野" userId="86ab4e6fb1040a80" providerId="LiveId" clId="{2AAE6ABA-C2BA-43D9-8D48-DEFB9C929E7B}" dt="2024-06-25T20:51:21.892" v="6" actId="2696"/>
        <pc:sldMkLst>
          <pc:docMk/>
          <pc:sldMk cId="0" sldId="2922"/>
        </pc:sldMkLst>
      </pc:sldChg>
      <pc:sldChg chg="del">
        <pc:chgData name="芳彦 植野" userId="86ab4e6fb1040a80" providerId="LiveId" clId="{2AAE6ABA-C2BA-43D9-8D48-DEFB9C929E7B}" dt="2024-07-01T01:32:22.305" v="2033" actId="2696"/>
        <pc:sldMkLst>
          <pc:docMk/>
          <pc:sldMk cId="2350647466" sldId="2923"/>
        </pc:sldMkLst>
      </pc:sldChg>
      <pc:sldChg chg="modSp add del">
        <pc:chgData name="芳彦 植野" userId="86ab4e6fb1040a80" providerId="LiveId" clId="{2AAE6ABA-C2BA-43D9-8D48-DEFB9C929E7B}" dt="2024-08-08T06:34:49.519" v="3307" actId="2696"/>
        <pc:sldMkLst>
          <pc:docMk/>
          <pc:sldMk cId="0" sldId="2924"/>
        </pc:sldMkLst>
        <pc:spChg chg="mod">
          <ac:chgData name="芳彦 植野" userId="86ab4e6fb1040a80" providerId="LiveId" clId="{2AAE6ABA-C2BA-43D9-8D48-DEFB9C929E7B}" dt="2024-06-25T20:53:57.111" v="25"/>
          <ac:spMkLst>
            <pc:docMk/>
            <pc:sldMk cId="0" sldId="2924"/>
            <ac:spMk id="64" creationId="{00000000-0000-0000-0000-000000000000}"/>
          </ac:spMkLst>
        </pc:spChg>
      </pc:sldChg>
      <pc:sldChg chg="addSp add del">
        <pc:chgData name="芳彦 植野" userId="86ab4e6fb1040a80" providerId="LiveId" clId="{2AAE6ABA-C2BA-43D9-8D48-DEFB9C929E7B}" dt="2024-08-08T06:34:15.587" v="3291" actId="2696"/>
        <pc:sldMkLst>
          <pc:docMk/>
          <pc:sldMk cId="0" sldId="2925"/>
        </pc:sldMkLst>
        <pc:picChg chg="add">
          <ac:chgData name="芳彦 植野" userId="86ab4e6fb1040a80" providerId="LiveId" clId="{2AAE6ABA-C2BA-43D9-8D48-DEFB9C929E7B}" dt="2024-07-01T10:46:52.801" v="2057"/>
          <ac:picMkLst>
            <pc:docMk/>
            <pc:sldMk cId="0" sldId="2925"/>
            <ac:picMk id="54" creationId="{0CDA3BCB-3D56-03D1-7DB5-8CBFCECEBEF4}"/>
          </ac:picMkLst>
        </pc:picChg>
      </pc:sldChg>
      <pc:sldChg chg="modSp add del mod">
        <pc:chgData name="芳彦 植野" userId="86ab4e6fb1040a80" providerId="LiveId" clId="{2AAE6ABA-C2BA-43D9-8D48-DEFB9C929E7B}" dt="2024-07-01T20:39:37.078" v="2664" actId="2696"/>
        <pc:sldMkLst>
          <pc:docMk/>
          <pc:sldMk cId="0" sldId="2926"/>
        </pc:sldMkLst>
        <pc:spChg chg="mod">
          <ac:chgData name="芳彦 植野" userId="86ab4e6fb1040a80" providerId="LiveId" clId="{2AAE6ABA-C2BA-43D9-8D48-DEFB9C929E7B}" dt="2024-07-01T09:46:12.049" v="2046" actId="1076"/>
          <ac:spMkLst>
            <pc:docMk/>
            <pc:sldMk cId="0" sldId="2926"/>
            <ac:spMk id="81" creationId="{00000000-0000-0000-0000-000000000000}"/>
          </ac:spMkLst>
        </pc:spChg>
      </pc:sldChg>
      <pc:sldChg chg="modSp add del mod">
        <pc:chgData name="芳彦 植野" userId="86ab4e6fb1040a80" providerId="LiveId" clId="{2AAE6ABA-C2BA-43D9-8D48-DEFB9C929E7B}" dt="2024-07-01T20:39:42.012" v="2665" actId="2696"/>
        <pc:sldMkLst>
          <pc:docMk/>
          <pc:sldMk cId="0" sldId="2927"/>
        </pc:sldMkLst>
        <pc:spChg chg="mod">
          <ac:chgData name="芳彦 植野" userId="86ab4e6fb1040a80" providerId="LiveId" clId="{2AAE6ABA-C2BA-43D9-8D48-DEFB9C929E7B}" dt="2024-07-01T18:16:45.709" v="2283" actId="14100"/>
          <ac:spMkLst>
            <pc:docMk/>
            <pc:sldMk cId="0" sldId="2927"/>
            <ac:spMk id="3" creationId="{00000000-0000-0000-0000-000000000000}"/>
          </ac:spMkLst>
        </pc:spChg>
      </pc:sldChg>
      <pc:sldChg chg="delSp modSp add del mod">
        <pc:chgData name="芳彦 植野" userId="86ab4e6fb1040a80" providerId="LiveId" clId="{2AAE6ABA-C2BA-43D9-8D48-DEFB9C929E7B}" dt="2024-08-08T06:34:17.991" v="3294" actId="2696"/>
        <pc:sldMkLst>
          <pc:docMk/>
          <pc:sldMk cId="0" sldId="2928"/>
        </pc:sldMkLst>
        <pc:spChg chg="mod">
          <ac:chgData name="芳彦 植野" userId="86ab4e6fb1040a80" providerId="LiveId" clId="{2AAE6ABA-C2BA-43D9-8D48-DEFB9C929E7B}" dt="2024-07-01T20:39:51.908" v="2667" actId="20577"/>
          <ac:spMkLst>
            <pc:docMk/>
            <pc:sldMk cId="0" sldId="2928"/>
            <ac:spMk id="2" creationId="{00000000-0000-0000-0000-000000000000}"/>
          </ac:spMkLst>
        </pc:spChg>
        <pc:spChg chg="del mod">
          <ac:chgData name="芳彦 植野" userId="86ab4e6fb1040a80" providerId="LiveId" clId="{2AAE6ABA-C2BA-43D9-8D48-DEFB9C929E7B}" dt="2024-07-01T09:46:46.384" v="2048" actId="21"/>
          <ac:spMkLst>
            <pc:docMk/>
            <pc:sldMk cId="0" sldId="2928"/>
            <ac:spMk id="6" creationId="{00000000-0000-0000-0000-000000000000}"/>
          </ac:spMkLst>
        </pc:spChg>
        <pc:spChg chg="mod">
          <ac:chgData name="芳彦 植野" userId="86ab4e6fb1040a80" providerId="LiveId" clId="{2AAE6ABA-C2BA-43D9-8D48-DEFB9C929E7B}" dt="2024-07-01T18:17:09.278" v="2285" actId="255"/>
          <ac:spMkLst>
            <pc:docMk/>
            <pc:sldMk cId="0" sldId="2928"/>
            <ac:spMk id="7" creationId="{00000000-0000-0000-0000-000000000000}"/>
          </ac:spMkLst>
        </pc:spChg>
        <pc:spChg chg="mod">
          <ac:chgData name="芳彦 植野" userId="86ab4e6fb1040a80" providerId="LiveId" clId="{2AAE6ABA-C2BA-43D9-8D48-DEFB9C929E7B}" dt="2024-06-25T21:02:04.388" v="36"/>
          <ac:spMkLst>
            <pc:docMk/>
            <pc:sldMk cId="0" sldId="2928"/>
            <ac:spMk id="17" creationId="{00000000-0000-0000-0000-000000000000}"/>
          </ac:spMkLst>
        </pc:spChg>
        <pc:grpChg chg="mod">
          <ac:chgData name="芳彦 植野" userId="86ab4e6fb1040a80" providerId="LiveId" clId="{2AAE6ABA-C2BA-43D9-8D48-DEFB9C929E7B}" dt="2024-07-01T09:47:28.458" v="2051" actId="1076"/>
          <ac:grpSpMkLst>
            <pc:docMk/>
            <pc:sldMk cId="0" sldId="2928"/>
            <ac:grpSpMk id="8" creationId="{00000000-0000-0000-0000-000000000000}"/>
          </ac:grpSpMkLst>
        </pc:grpChg>
        <pc:grpChg chg="mod">
          <ac:chgData name="芳彦 植野" userId="86ab4e6fb1040a80" providerId="LiveId" clId="{2AAE6ABA-C2BA-43D9-8D48-DEFB9C929E7B}" dt="2024-07-01T10:52:55.157" v="2080" actId="1076"/>
          <ac:grpSpMkLst>
            <pc:docMk/>
            <pc:sldMk cId="0" sldId="2928"/>
            <ac:grpSpMk id="11" creationId="{00000000-0000-0000-0000-000000000000}"/>
          </ac:grpSpMkLst>
        </pc:grpChg>
        <pc:grpChg chg="mod">
          <ac:chgData name="芳彦 植野" userId="86ab4e6fb1040a80" providerId="LiveId" clId="{2AAE6ABA-C2BA-43D9-8D48-DEFB9C929E7B}" dt="2024-07-01T10:52:30.245" v="2077" actId="1076"/>
          <ac:grpSpMkLst>
            <pc:docMk/>
            <pc:sldMk cId="0" sldId="2928"/>
            <ac:grpSpMk id="14" creationId="{00000000-0000-0000-0000-000000000000}"/>
          </ac:grpSpMkLst>
        </pc:grpChg>
      </pc:sldChg>
      <pc:sldChg chg="modSp add del mod">
        <pc:chgData name="芳彦 植野" userId="86ab4e6fb1040a80" providerId="LiveId" clId="{2AAE6ABA-C2BA-43D9-8D48-DEFB9C929E7B}" dt="2024-08-08T06:34:18.863" v="3295" actId="2696"/>
        <pc:sldMkLst>
          <pc:docMk/>
          <pc:sldMk cId="0" sldId="2929"/>
        </pc:sldMkLst>
        <pc:spChg chg="mod">
          <ac:chgData name="芳彦 植野" userId="86ab4e6fb1040a80" providerId="LiveId" clId="{2AAE6ABA-C2BA-43D9-8D48-DEFB9C929E7B}" dt="2024-07-01T09:48:02.009" v="2053" actId="255"/>
          <ac:spMkLst>
            <pc:docMk/>
            <pc:sldMk cId="0" sldId="2929"/>
            <ac:spMk id="8" creationId="{00000000-0000-0000-0000-000000000000}"/>
          </ac:spMkLst>
        </pc:spChg>
        <pc:spChg chg="mod">
          <ac:chgData name="芳彦 植野" userId="86ab4e6fb1040a80" providerId="LiveId" clId="{2AAE6ABA-C2BA-43D9-8D48-DEFB9C929E7B}" dt="2024-07-01T09:47:46.745" v="2052" actId="14100"/>
          <ac:spMkLst>
            <pc:docMk/>
            <pc:sldMk cId="0" sldId="2929"/>
            <ac:spMk id="11" creationId="{00000000-0000-0000-0000-000000000000}"/>
          </ac:spMkLst>
        </pc:spChg>
        <pc:spChg chg="mod">
          <ac:chgData name="芳彦 植野" userId="86ab4e6fb1040a80" providerId="LiveId" clId="{2AAE6ABA-C2BA-43D9-8D48-DEFB9C929E7B}" dt="2024-06-25T21:02:14.893" v="37"/>
          <ac:spMkLst>
            <pc:docMk/>
            <pc:sldMk cId="0" sldId="2929"/>
            <ac:spMk id="12" creationId="{00000000-0000-0000-0000-000000000000}"/>
          </ac:spMkLst>
        </pc:spChg>
        <pc:grpChg chg="mod">
          <ac:chgData name="芳彦 植野" userId="86ab4e6fb1040a80" providerId="LiveId" clId="{2AAE6ABA-C2BA-43D9-8D48-DEFB9C929E7B}" dt="2024-07-01T09:48:07.996" v="2054" actId="14100"/>
          <ac:grpSpMkLst>
            <pc:docMk/>
            <pc:sldMk cId="0" sldId="2929"/>
            <ac:grpSpMk id="2" creationId="{00000000-0000-0000-0000-000000000000}"/>
          </ac:grpSpMkLst>
        </pc:grpChg>
      </pc:sldChg>
      <pc:sldChg chg="modSp add del">
        <pc:chgData name="芳彦 植野" userId="86ab4e6fb1040a80" providerId="LiveId" clId="{2AAE6ABA-C2BA-43D9-8D48-DEFB9C929E7B}" dt="2024-08-08T06:34:19.570" v="3296" actId="2696"/>
        <pc:sldMkLst>
          <pc:docMk/>
          <pc:sldMk cId="0" sldId="2930"/>
        </pc:sldMkLst>
        <pc:spChg chg="mod">
          <ac:chgData name="芳彦 植野" userId="86ab4e6fb1040a80" providerId="LiveId" clId="{2AAE6ABA-C2BA-43D9-8D48-DEFB9C929E7B}" dt="2024-06-25T21:02:27.014" v="38"/>
          <ac:spMkLst>
            <pc:docMk/>
            <pc:sldMk cId="0" sldId="2930"/>
            <ac:spMk id="12" creationId="{00000000-0000-0000-0000-000000000000}"/>
          </ac:spMkLst>
        </pc:spChg>
      </pc:sldChg>
      <pc:sldChg chg="add del">
        <pc:chgData name="芳彦 植野" userId="86ab4e6fb1040a80" providerId="LiveId" clId="{2AAE6ABA-C2BA-43D9-8D48-DEFB9C929E7B}" dt="2024-08-14T23:05:25.470" v="4191" actId="2696"/>
        <pc:sldMkLst>
          <pc:docMk/>
          <pc:sldMk cId="2716326361" sldId="2931"/>
        </pc:sldMkLst>
        <pc:spChg chg="mod">
          <ac:chgData name="芳彦 植野" userId="86ab4e6fb1040a80" providerId="LiveId" clId="{2AAE6ABA-C2BA-43D9-8D48-DEFB9C929E7B}" dt="2024-06-30T09:22:56.446" v="93" actId="21"/>
          <ac:spMkLst>
            <pc:docMk/>
            <pc:sldMk cId="2716326361" sldId="2931"/>
            <ac:spMk id="4" creationId="{72E05F05-AA73-2D63-58AB-0DC945DFBB8C}"/>
          </ac:spMkLst>
        </pc:spChg>
        <pc:spChg chg="add mod">
          <ac:chgData name="芳彦 植野" userId="86ab4e6fb1040a80" providerId="LiveId" clId="{2AAE6ABA-C2BA-43D9-8D48-DEFB9C929E7B}" dt="2024-06-30T09:21:44.936" v="80" actId="14100"/>
          <ac:spMkLst>
            <pc:docMk/>
            <pc:sldMk cId="2716326361" sldId="2931"/>
            <ac:spMk id="5" creationId="{EF6F0207-F33A-341F-6EC0-35F545C0D677}"/>
          </ac:spMkLst>
        </pc:spChg>
        <pc:spChg chg="add mod">
          <ac:chgData name="芳彦 植野" userId="86ab4e6fb1040a80" providerId="LiveId" clId="{2AAE6ABA-C2BA-43D9-8D48-DEFB9C929E7B}" dt="2024-06-30T09:22:02.437" v="84" actId="1076"/>
          <ac:spMkLst>
            <pc:docMk/>
            <pc:sldMk cId="2716326361" sldId="2931"/>
            <ac:spMk id="6" creationId="{F3D03FDD-79C3-9C26-A90B-926CCBB5DEEA}"/>
          </ac:spMkLst>
        </pc:spChg>
        <pc:spChg chg="add mod">
          <ac:chgData name="芳彦 植野" userId="86ab4e6fb1040a80" providerId="LiveId" clId="{2AAE6ABA-C2BA-43D9-8D48-DEFB9C929E7B}" dt="2024-06-30T09:22:16.422" v="87" actId="14100"/>
          <ac:spMkLst>
            <pc:docMk/>
            <pc:sldMk cId="2716326361" sldId="2931"/>
            <ac:spMk id="7" creationId="{61D876D8-E226-0347-EF3C-5D8E70B9A76B}"/>
          </ac:spMkLst>
        </pc:spChg>
        <pc:spChg chg="add mod">
          <ac:chgData name="芳彦 植野" userId="86ab4e6fb1040a80" providerId="LiveId" clId="{2AAE6ABA-C2BA-43D9-8D48-DEFB9C929E7B}" dt="2024-06-30T09:22:32.261" v="91" actId="14100"/>
          <ac:spMkLst>
            <pc:docMk/>
            <pc:sldMk cId="2716326361" sldId="2931"/>
            <ac:spMk id="8" creationId="{B467CC64-EBBD-C2B5-0094-F4C4E109093B}"/>
          </ac:spMkLst>
        </pc:spChg>
        <pc:picChg chg="mod">
          <ac:chgData name="芳彦 植野" userId="86ab4e6fb1040a80" providerId="LiveId" clId="{2AAE6ABA-C2BA-43D9-8D48-DEFB9C929E7B}" dt="2024-06-30T09:22:17.227" v="88" actId="1076"/>
          <ac:picMkLst>
            <pc:docMk/>
            <pc:sldMk cId="2716326361" sldId="2931"/>
            <ac:picMk id="3" creationId="{10C986AD-AC76-2020-7336-65D50467D285}"/>
          </ac:picMkLst>
        </pc:picChg>
      </pc:sldChg>
      <pc:sldChg chg="addSp modSp new del mod">
        <pc:chgData name="芳彦 植野" userId="86ab4e6fb1040a80" providerId="LiveId" clId="{2AAE6ABA-C2BA-43D9-8D48-DEFB9C929E7B}" dt="2024-08-11T09:19:01.768" v="3524" actId="2696"/>
        <pc:sldMkLst>
          <pc:docMk/>
          <pc:sldMk cId="4125771097" sldId="2932"/>
        </pc:sldMkLst>
        <pc:spChg chg="add mod">
          <ac:chgData name="芳彦 植野" userId="86ab4e6fb1040a80" providerId="LiveId" clId="{2AAE6ABA-C2BA-43D9-8D48-DEFB9C929E7B}" dt="2024-07-01T18:19:42.232" v="2324" actId="6549"/>
          <ac:spMkLst>
            <pc:docMk/>
            <pc:sldMk cId="4125771097" sldId="2932"/>
            <ac:spMk id="4" creationId="{3E852907-49D0-6777-D054-06C804ADE05B}"/>
          </ac:spMkLst>
        </pc:spChg>
      </pc:sldChg>
      <pc:sldChg chg="modSp add del mod">
        <pc:chgData name="芳彦 植野" userId="86ab4e6fb1040a80" providerId="LiveId" clId="{2AAE6ABA-C2BA-43D9-8D48-DEFB9C929E7B}" dt="2024-08-14T03:55:55.227" v="4075" actId="2696"/>
        <pc:sldMkLst>
          <pc:docMk/>
          <pc:sldMk cId="3875358738" sldId="2933"/>
        </pc:sldMkLst>
        <pc:spChg chg="mod">
          <ac:chgData name="芳彦 植野" userId="86ab4e6fb1040a80" providerId="LiveId" clId="{2AAE6ABA-C2BA-43D9-8D48-DEFB9C929E7B}" dt="2024-06-30T23:06:24.185" v="733" actId="20577"/>
          <ac:spMkLst>
            <pc:docMk/>
            <pc:sldMk cId="3875358738" sldId="2933"/>
            <ac:spMk id="3" creationId="{5947CF7B-6D11-4F5C-860D-FB2C59F3029A}"/>
          </ac:spMkLst>
        </pc:spChg>
      </pc:sldChg>
      <pc:sldChg chg="modSp add del mod">
        <pc:chgData name="芳彦 植野" userId="86ab4e6fb1040a80" providerId="LiveId" clId="{2AAE6ABA-C2BA-43D9-8D48-DEFB9C929E7B}" dt="2024-08-14T03:55:56.407" v="4076" actId="2696"/>
        <pc:sldMkLst>
          <pc:docMk/>
          <pc:sldMk cId="1776657235" sldId="2934"/>
        </pc:sldMkLst>
        <pc:spChg chg="mod">
          <ac:chgData name="芳彦 植野" userId="86ab4e6fb1040a80" providerId="LiveId" clId="{2AAE6ABA-C2BA-43D9-8D48-DEFB9C929E7B}" dt="2024-06-30T23:09:26.603" v="925" actId="20577"/>
          <ac:spMkLst>
            <pc:docMk/>
            <pc:sldMk cId="1776657235" sldId="2934"/>
            <ac:spMk id="75779" creationId="{FE1AD9DA-1D9D-4DFC-B585-E1E09A545C25}"/>
          </ac:spMkLst>
        </pc:spChg>
      </pc:sldChg>
      <pc:sldChg chg="modSp add mod">
        <pc:chgData name="芳彦 植野" userId="86ab4e6fb1040a80" providerId="LiveId" clId="{2AAE6ABA-C2BA-43D9-8D48-DEFB9C929E7B}" dt="2024-08-14T23:06:49.874" v="4227" actId="20577"/>
        <pc:sldMkLst>
          <pc:docMk/>
          <pc:sldMk cId="479528025" sldId="2935"/>
        </pc:sldMkLst>
        <pc:spChg chg="mod">
          <ac:chgData name="芳彦 植野" userId="86ab4e6fb1040a80" providerId="LiveId" clId="{2AAE6ABA-C2BA-43D9-8D48-DEFB9C929E7B}" dt="2024-08-14T23:06:49.874" v="4227" actId="20577"/>
          <ac:spMkLst>
            <pc:docMk/>
            <pc:sldMk cId="479528025" sldId="2935"/>
            <ac:spMk id="3" creationId="{E773F89C-87A3-A08E-6A22-739AC29DEDFD}"/>
          </ac:spMkLst>
        </pc:spChg>
      </pc:sldChg>
      <pc:sldChg chg="add del">
        <pc:chgData name="芳彦 植野" userId="86ab4e6fb1040a80" providerId="LiveId" clId="{2AAE6ABA-C2BA-43D9-8D48-DEFB9C929E7B}" dt="2024-08-14T23:05:07.909" v="4189" actId="2696"/>
        <pc:sldMkLst>
          <pc:docMk/>
          <pc:sldMk cId="1543594451" sldId="2936"/>
        </pc:sldMkLst>
        <pc:picChg chg="add del">
          <ac:chgData name="芳彦 植野" userId="86ab4e6fb1040a80" providerId="LiveId" clId="{2AAE6ABA-C2BA-43D9-8D48-DEFB9C929E7B}" dt="2024-08-14T23:05:45.361" v="4193" actId="21"/>
          <ac:picMkLst>
            <pc:docMk/>
            <pc:sldMk cId="1543594451" sldId="2936"/>
            <ac:picMk id="6" creationId="{FC020B47-19B1-9AC5-7CCE-E4E7F7B01CEB}"/>
          </ac:picMkLst>
        </pc:picChg>
      </pc:sldChg>
      <pc:sldChg chg="addSp delSp modSp add del mod">
        <pc:chgData name="芳彦 植野" userId="86ab4e6fb1040a80" providerId="LiveId" clId="{2AAE6ABA-C2BA-43D9-8D48-DEFB9C929E7B}" dt="2024-08-08T06:34:16.426" v="3292" actId="2696"/>
        <pc:sldMkLst>
          <pc:docMk/>
          <pc:sldMk cId="0" sldId="2937"/>
        </pc:sldMkLst>
        <pc:spChg chg="del">
          <ac:chgData name="芳彦 植野" userId="86ab4e6fb1040a80" providerId="LiveId" clId="{2AAE6ABA-C2BA-43D9-8D48-DEFB9C929E7B}" dt="2024-07-01T10:47:31.200" v="2059" actId="21"/>
          <ac:spMkLst>
            <pc:docMk/>
            <pc:sldMk cId="0" sldId="2937"/>
            <ac:spMk id="3" creationId="{00000000-0000-0000-0000-000000000000}"/>
          </ac:spMkLst>
        </pc:spChg>
        <pc:spChg chg="mod">
          <ac:chgData name="芳彦 植野" userId="86ab4e6fb1040a80" providerId="LiveId" clId="{2AAE6ABA-C2BA-43D9-8D48-DEFB9C929E7B}" dt="2024-07-01T18:14:56.836" v="2274" actId="14100"/>
          <ac:spMkLst>
            <pc:docMk/>
            <pc:sldMk cId="0" sldId="2937"/>
            <ac:spMk id="35" creationId="{00000000-0000-0000-0000-000000000000}"/>
          </ac:spMkLst>
        </pc:spChg>
        <pc:spChg chg="mod">
          <ac:chgData name="芳彦 植野" userId="86ab4e6fb1040a80" providerId="LiveId" clId="{2AAE6ABA-C2BA-43D9-8D48-DEFB9C929E7B}" dt="2024-07-01T18:15:01.179" v="2275" actId="14100"/>
          <ac:spMkLst>
            <pc:docMk/>
            <pc:sldMk cId="0" sldId="2937"/>
            <ac:spMk id="36" creationId="{00000000-0000-0000-0000-000000000000}"/>
          </ac:spMkLst>
        </pc:spChg>
        <pc:spChg chg="mod">
          <ac:chgData name="芳彦 植野" userId="86ab4e6fb1040a80" providerId="LiveId" clId="{2AAE6ABA-C2BA-43D9-8D48-DEFB9C929E7B}" dt="2024-07-01T18:15:52.253" v="2280" actId="255"/>
          <ac:spMkLst>
            <pc:docMk/>
            <pc:sldMk cId="0" sldId="2937"/>
            <ac:spMk id="38" creationId="{00000000-0000-0000-0000-000000000000}"/>
          </ac:spMkLst>
        </pc:spChg>
        <pc:spChg chg="mod">
          <ac:chgData name="芳彦 植野" userId="86ab4e6fb1040a80" providerId="LiveId" clId="{2AAE6ABA-C2BA-43D9-8D48-DEFB9C929E7B}" dt="2024-07-01T18:15:22.026" v="2276" actId="255"/>
          <ac:spMkLst>
            <pc:docMk/>
            <pc:sldMk cId="0" sldId="2937"/>
            <ac:spMk id="40" creationId="{00000000-0000-0000-0000-000000000000}"/>
          </ac:spMkLst>
        </pc:spChg>
        <pc:spChg chg="del">
          <ac:chgData name="芳彦 植野" userId="86ab4e6fb1040a80" providerId="LiveId" clId="{2AAE6ABA-C2BA-43D9-8D48-DEFB9C929E7B}" dt="2024-07-01T10:48:03.390" v="2065" actId="21"/>
          <ac:spMkLst>
            <pc:docMk/>
            <pc:sldMk cId="0" sldId="2937"/>
            <ac:spMk id="41" creationId="{00000000-0000-0000-0000-000000000000}"/>
          </ac:spMkLst>
        </pc:spChg>
        <pc:spChg chg="del">
          <ac:chgData name="芳彦 植野" userId="86ab4e6fb1040a80" providerId="LiveId" clId="{2AAE6ABA-C2BA-43D9-8D48-DEFB9C929E7B}" dt="2024-07-01T10:47:57.521" v="2064" actId="21"/>
          <ac:spMkLst>
            <pc:docMk/>
            <pc:sldMk cId="0" sldId="2937"/>
            <ac:spMk id="42" creationId="{00000000-0000-0000-0000-000000000000}"/>
          </ac:spMkLst>
        </pc:spChg>
        <pc:spChg chg="del mod">
          <ac:chgData name="芳彦 植野" userId="86ab4e6fb1040a80" providerId="LiveId" clId="{2AAE6ABA-C2BA-43D9-8D48-DEFB9C929E7B}" dt="2024-07-01T10:47:45.506" v="2063" actId="21"/>
          <ac:spMkLst>
            <pc:docMk/>
            <pc:sldMk cId="0" sldId="2937"/>
            <ac:spMk id="46" creationId="{00000000-0000-0000-0000-000000000000}"/>
          </ac:spMkLst>
        </pc:spChg>
        <pc:spChg chg="add mod">
          <ac:chgData name="芳彦 植野" userId="86ab4e6fb1040a80" providerId="LiveId" clId="{2AAE6ABA-C2BA-43D9-8D48-DEFB9C929E7B}" dt="2024-07-01T10:47:31.200" v="2059" actId="21"/>
          <ac:spMkLst>
            <pc:docMk/>
            <pc:sldMk cId="0" sldId="2937"/>
            <ac:spMk id="48" creationId="{C543F314-334F-1EA5-DB34-EE80093721BB}"/>
          </ac:spMkLst>
        </pc:spChg>
        <pc:grpChg chg="del">
          <ac:chgData name="芳彦 植野" userId="86ab4e6fb1040a80" providerId="LiveId" clId="{2AAE6ABA-C2BA-43D9-8D48-DEFB9C929E7B}" dt="2024-07-01T10:47:34.621" v="2060" actId="21"/>
          <ac:grpSpMkLst>
            <pc:docMk/>
            <pc:sldMk cId="0" sldId="2937"/>
            <ac:grpSpMk id="43" creationId="{00000000-0000-0000-0000-000000000000}"/>
          </ac:grpSpMkLst>
        </pc:grpChg>
        <pc:picChg chg="del">
          <ac:chgData name="芳彦 植野" userId="86ab4e6fb1040a80" providerId="LiveId" clId="{2AAE6ABA-C2BA-43D9-8D48-DEFB9C929E7B}" dt="2024-07-01T10:47:37.937" v="2061" actId="21"/>
          <ac:picMkLst>
            <pc:docMk/>
            <pc:sldMk cId="0" sldId="2937"/>
            <ac:picMk id="2" creationId="{00000000-0000-0000-0000-000000000000}"/>
          </ac:picMkLst>
        </pc:picChg>
      </pc:sldChg>
      <pc:sldChg chg="delSp modSp add del mod">
        <pc:chgData name="芳彦 植野" userId="86ab4e6fb1040a80" providerId="LiveId" clId="{2AAE6ABA-C2BA-43D9-8D48-DEFB9C929E7B}" dt="2024-08-08T06:34:17.202" v="3293" actId="2696"/>
        <pc:sldMkLst>
          <pc:docMk/>
          <pc:sldMk cId="0" sldId="2938"/>
        </pc:sldMkLst>
        <pc:spChg chg="mod">
          <ac:chgData name="芳彦 植野" userId="86ab4e6fb1040a80" providerId="LiveId" clId="{2AAE6ABA-C2BA-43D9-8D48-DEFB9C929E7B}" dt="2024-07-01T10:50:27.066" v="2069" actId="14100"/>
          <ac:spMkLst>
            <pc:docMk/>
            <pc:sldMk cId="0" sldId="2938"/>
            <ac:spMk id="3" creationId="{00000000-0000-0000-0000-000000000000}"/>
          </ac:spMkLst>
        </pc:spChg>
        <pc:picChg chg="del">
          <ac:chgData name="芳彦 植野" userId="86ab4e6fb1040a80" providerId="LiveId" clId="{2AAE6ABA-C2BA-43D9-8D48-DEFB9C929E7B}" dt="2024-07-01T10:50:31.678" v="2070" actId="21"/>
          <ac:picMkLst>
            <pc:docMk/>
            <pc:sldMk cId="0" sldId="2938"/>
            <ac:picMk id="2" creationId="{00000000-0000-0000-0000-000000000000}"/>
          </ac:picMkLst>
        </pc:picChg>
      </pc:sldChg>
      <pc:sldChg chg="addSp delSp modSp new del mod">
        <pc:chgData name="芳彦 植野" userId="86ab4e6fb1040a80" providerId="LiveId" clId="{2AAE6ABA-C2BA-43D9-8D48-DEFB9C929E7B}" dt="2024-07-01T18:16:31.816" v="2281" actId="2696"/>
        <pc:sldMkLst>
          <pc:docMk/>
          <pc:sldMk cId="2319361438" sldId="2939"/>
        </pc:sldMkLst>
        <pc:picChg chg="add del mod">
          <ac:chgData name="芳彦 植野" userId="86ab4e6fb1040a80" providerId="LiveId" clId="{2AAE6ABA-C2BA-43D9-8D48-DEFB9C929E7B}" dt="2024-07-01T10:51:57.433" v="2075" actId="21"/>
          <ac:picMkLst>
            <pc:docMk/>
            <pc:sldMk cId="2319361438" sldId="2939"/>
            <ac:picMk id="3" creationId="{6C116D4F-FE0D-5FC5-EF5C-CD7800B904D1}"/>
          </ac:picMkLst>
        </pc:picChg>
      </pc:sldChg>
      <pc:sldChg chg="modSp add del mod">
        <pc:chgData name="芳彦 植野" userId="86ab4e6fb1040a80" providerId="LiveId" clId="{2AAE6ABA-C2BA-43D9-8D48-DEFB9C929E7B}" dt="2024-08-14T03:56:20.593" v="4082" actId="2696"/>
        <pc:sldMkLst>
          <pc:docMk/>
          <pc:sldMk cId="3107752151" sldId="2939"/>
        </pc:sldMkLst>
        <pc:spChg chg="mod">
          <ac:chgData name="芳彦 植野" userId="86ab4e6fb1040a80" providerId="LiveId" clId="{2AAE6ABA-C2BA-43D9-8D48-DEFB9C929E7B}" dt="2024-07-01T20:43:45.031" v="3172" actId="20577"/>
          <ac:spMkLst>
            <pc:docMk/>
            <pc:sldMk cId="3107752151" sldId="2939"/>
            <ac:spMk id="3" creationId="{E773F89C-87A3-A08E-6A22-739AC29DEDFD}"/>
          </ac:spMkLst>
        </pc:spChg>
      </pc:sldChg>
      <pc:sldChg chg="modSp add del mod">
        <pc:chgData name="芳彦 植野" userId="86ab4e6fb1040a80" providerId="LiveId" clId="{2AAE6ABA-C2BA-43D9-8D48-DEFB9C929E7B}" dt="2024-08-08T06:34:27.659" v="3302" actId="2696"/>
        <pc:sldMkLst>
          <pc:docMk/>
          <pc:sldMk cId="0" sldId="2940"/>
        </pc:sldMkLst>
        <pc:spChg chg="mod">
          <ac:chgData name="芳彦 植野" userId="86ab4e6fb1040a80" providerId="LiveId" clId="{2AAE6ABA-C2BA-43D9-8D48-DEFB9C929E7B}" dt="2024-07-30T04:52:26.920" v="3259" actId="1076"/>
          <ac:spMkLst>
            <pc:docMk/>
            <pc:sldMk cId="0" sldId="2940"/>
            <ac:spMk id="36" creationId="{00000000-0000-0000-0000-000000000000}"/>
          </ac:spMkLst>
        </pc:spChg>
      </pc:sldChg>
      <pc:sldChg chg="addSp modSp new del">
        <pc:chgData name="芳彦 植野" userId="86ab4e6fb1040a80" providerId="LiveId" clId="{2AAE6ABA-C2BA-43D9-8D48-DEFB9C929E7B}" dt="2024-07-01T18:16:32.762" v="2282" actId="2696"/>
        <pc:sldMkLst>
          <pc:docMk/>
          <pc:sldMk cId="1216764276" sldId="2940"/>
        </pc:sldMkLst>
        <pc:spChg chg="add mod">
          <ac:chgData name="芳彦 植野" userId="86ab4e6fb1040a80" providerId="LiveId" clId="{2AAE6ABA-C2BA-43D9-8D48-DEFB9C929E7B}" dt="2024-07-01T10:53:57.476" v="2084"/>
          <ac:spMkLst>
            <pc:docMk/>
            <pc:sldMk cId="1216764276" sldId="2940"/>
            <ac:spMk id="3" creationId="{0F1AFDD6-A07E-4264-A9C3-17AFD7DC69A8}"/>
          </ac:spMkLst>
        </pc:spChg>
      </pc:sldChg>
      <pc:sldChg chg="modSp add del mod">
        <pc:chgData name="芳彦 植野" userId="86ab4e6fb1040a80" providerId="LiveId" clId="{2AAE6ABA-C2BA-43D9-8D48-DEFB9C929E7B}" dt="2024-08-08T06:34:28.586" v="3303" actId="2696"/>
        <pc:sldMkLst>
          <pc:docMk/>
          <pc:sldMk cId="0" sldId="2941"/>
        </pc:sldMkLst>
        <pc:spChg chg="mod">
          <ac:chgData name="芳彦 植野" userId="86ab4e6fb1040a80" providerId="LiveId" clId="{2AAE6ABA-C2BA-43D9-8D48-DEFB9C929E7B}" dt="2024-07-02T01:36:47.078" v="3185" actId="14100"/>
          <ac:spMkLst>
            <pc:docMk/>
            <pc:sldMk cId="0" sldId="2941"/>
            <ac:spMk id="10" creationId="{00000000-0000-0000-0000-000000000000}"/>
          </ac:spMkLst>
        </pc:spChg>
        <pc:spChg chg="mod">
          <ac:chgData name="芳彦 植野" userId="86ab4e6fb1040a80" providerId="LiveId" clId="{2AAE6ABA-C2BA-43D9-8D48-DEFB9C929E7B}" dt="2024-07-02T01:37:32.118" v="3192" actId="1076"/>
          <ac:spMkLst>
            <pc:docMk/>
            <pc:sldMk cId="0" sldId="2941"/>
            <ac:spMk id="11" creationId="{00000000-0000-0000-0000-000000000000}"/>
          </ac:spMkLst>
        </pc:spChg>
        <pc:spChg chg="mod">
          <ac:chgData name="芳彦 植野" userId="86ab4e6fb1040a80" providerId="LiveId" clId="{2AAE6ABA-C2BA-43D9-8D48-DEFB9C929E7B}" dt="2024-07-02T01:37:42.420" v="3194" actId="14100"/>
          <ac:spMkLst>
            <pc:docMk/>
            <pc:sldMk cId="0" sldId="2941"/>
            <ac:spMk id="13" creationId="{00000000-0000-0000-0000-000000000000}"/>
          </ac:spMkLst>
        </pc:spChg>
        <pc:spChg chg="mod">
          <ac:chgData name="芳彦 植野" userId="86ab4e6fb1040a80" providerId="LiveId" clId="{2AAE6ABA-C2BA-43D9-8D48-DEFB9C929E7B}" dt="2024-07-02T01:37:21.803" v="3190" actId="1076"/>
          <ac:spMkLst>
            <pc:docMk/>
            <pc:sldMk cId="0" sldId="2941"/>
            <ac:spMk id="16" creationId="{00000000-0000-0000-0000-000000000000}"/>
          </ac:spMkLst>
        </pc:spChg>
        <pc:spChg chg="mod">
          <ac:chgData name="芳彦 植野" userId="86ab4e6fb1040a80" providerId="LiveId" clId="{2AAE6ABA-C2BA-43D9-8D48-DEFB9C929E7B}" dt="2024-07-02T01:37:02.710" v="3188" actId="1076"/>
          <ac:spMkLst>
            <pc:docMk/>
            <pc:sldMk cId="0" sldId="2941"/>
            <ac:spMk id="18" creationId="{00000000-0000-0000-0000-000000000000}"/>
          </ac:spMkLst>
        </pc:spChg>
        <pc:graphicFrameChg chg="mod modGraphic">
          <ac:chgData name="芳彦 植野" userId="86ab4e6fb1040a80" providerId="LiveId" clId="{2AAE6ABA-C2BA-43D9-8D48-DEFB9C929E7B}" dt="2024-07-02T01:37:56.221" v="3196" actId="1076"/>
          <ac:graphicFrameMkLst>
            <pc:docMk/>
            <pc:sldMk cId="0" sldId="2941"/>
            <ac:graphicFrameMk id="9" creationId="{00000000-0000-0000-0000-000000000000}"/>
          </ac:graphicFrameMkLst>
        </pc:graphicFrameChg>
      </pc:sldChg>
      <pc:sldChg chg="modSp add del mod">
        <pc:chgData name="芳彦 植野" userId="86ab4e6fb1040a80" providerId="LiveId" clId="{2AAE6ABA-C2BA-43D9-8D48-DEFB9C929E7B}" dt="2024-08-08T06:34:31.330" v="3304" actId="2696"/>
        <pc:sldMkLst>
          <pc:docMk/>
          <pc:sldMk cId="0" sldId="2942"/>
        </pc:sldMkLst>
        <pc:spChg chg="mod">
          <ac:chgData name="芳彦 植野" userId="86ab4e6fb1040a80" providerId="LiveId" clId="{2AAE6ABA-C2BA-43D9-8D48-DEFB9C929E7B}" dt="2024-07-02T01:35:47.488" v="3177" actId="14100"/>
          <ac:spMkLst>
            <pc:docMk/>
            <pc:sldMk cId="0" sldId="2942"/>
            <ac:spMk id="11" creationId="{00000000-0000-0000-0000-000000000000}"/>
          </ac:spMkLst>
        </pc:spChg>
        <pc:spChg chg="mod">
          <ac:chgData name="芳彦 植野" userId="86ab4e6fb1040a80" providerId="LiveId" clId="{2AAE6ABA-C2BA-43D9-8D48-DEFB9C929E7B}" dt="2024-07-02T01:36:01.590" v="3179" actId="14100"/>
          <ac:spMkLst>
            <pc:docMk/>
            <pc:sldMk cId="0" sldId="2942"/>
            <ac:spMk id="25" creationId="{00000000-0000-0000-0000-000000000000}"/>
          </ac:spMkLst>
        </pc:spChg>
        <pc:spChg chg="mod">
          <ac:chgData name="芳彦 植野" userId="86ab4e6fb1040a80" providerId="LiveId" clId="{2AAE6ABA-C2BA-43D9-8D48-DEFB9C929E7B}" dt="2024-07-02T01:36:13.817" v="3181" actId="14100"/>
          <ac:spMkLst>
            <pc:docMk/>
            <pc:sldMk cId="0" sldId="2942"/>
            <ac:spMk id="63" creationId="{00000000-0000-0000-0000-000000000000}"/>
          </ac:spMkLst>
        </pc:spChg>
        <pc:spChg chg="mod">
          <ac:chgData name="芳彦 植野" userId="86ab4e6fb1040a80" providerId="LiveId" clId="{2AAE6ABA-C2BA-43D9-8D48-DEFB9C929E7B}" dt="2024-07-02T01:36:09.254" v="3180" actId="14100"/>
          <ac:spMkLst>
            <pc:docMk/>
            <pc:sldMk cId="0" sldId="2942"/>
            <ac:spMk id="64" creationId="{00000000-0000-0000-0000-000000000000}"/>
          </ac:spMkLst>
        </pc:spChg>
        <pc:spChg chg="mod">
          <ac:chgData name="芳彦 植野" userId="86ab4e6fb1040a80" providerId="LiveId" clId="{2AAE6ABA-C2BA-43D9-8D48-DEFB9C929E7B}" dt="2024-07-02T01:35:54.612" v="3178" actId="14100"/>
          <ac:spMkLst>
            <pc:docMk/>
            <pc:sldMk cId="0" sldId="2942"/>
            <ac:spMk id="65" creationId="{00000000-0000-0000-0000-000000000000}"/>
          </ac:spMkLst>
        </pc:spChg>
        <pc:spChg chg="mod">
          <ac:chgData name="芳彦 植野" userId="86ab4e6fb1040a80" providerId="LiveId" clId="{2AAE6ABA-C2BA-43D9-8D48-DEFB9C929E7B}" dt="2024-07-02T01:36:22.110" v="3183" actId="14100"/>
          <ac:spMkLst>
            <pc:docMk/>
            <pc:sldMk cId="0" sldId="2942"/>
            <ac:spMk id="66" creationId="{00000000-0000-0000-0000-000000000000}"/>
          </ac:spMkLst>
        </pc:spChg>
        <pc:spChg chg="mod">
          <ac:chgData name="芳彦 植野" userId="86ab4e6fb1040a80" providerId="LiveId" clId="{2AAE6ABA-C2BA-43D9-8D48-DEFB9C929E7B}" dt="2024-07-02T01:36:32.587" v="3184" actId="14100"/>
          <ac:spMkLst>
            <pc:docMk/>
            <pc:sldMk cId="0" sldId="2942"/>
            <ac:spMk id="77" creationId="{00000000-0000-0000-0000-000000000000}"/>
          </ac:spMkLst>
        </pc:spChg>
        <pc:spChg chg="mod">
          <ac:chgData name="芳彦 植野" userId="86ab4e6fb1040a80" providerId="LiveId" clId="{2AAE6ABA-C2BA-43D9-8D48-DEFB9C929E7B}" dt="2024-07-02T01:35:42.998" v="3176" actId="14100"/>
          <ac:spMkLst>
            <pc:docMk/>
            <pc:sldMk cId="0" sldId="2942"/>
            <ac:spMk id="78" creationId="{00000000-0000-0000-0000-000000000000}"/>
          </ac:spMkLst>
        </pc:spChg>
      </pc:sldChg>
      <pc:sldChg chg="add del">
        <pc:chgData name="芳彦 植野" userId="86ab4e6fb1040a80" providerId="LiveId" clId="{2AAE6ABA-C2BA-43D9-8D48-DEFB9C929E7B}" dt="2024-08-08T06:34:32.314" v="3305" actId="2696"/>
        <pc:sldMkLst>
          <pc:docMk/>
          <pc:sldMk cId="0" sldId="2943"/>
        </pc:sldMkLst>
      </pc:sldChg>
      <pc:sldChg chg="modSp add del mod">
        <pc:chgData name="芳彦 植野" userId="86ab4e6fb1040a80" providerId="LiveId" clId="{2AAE6ABA-C2BA-43D9-8D48-DEFB9C929E7B}" dt="2024-07-02T02:27:16.132" v="3214" actId="2696"/>
        <pc:sldMkLst>
          <pc:docMk/>
          <pc:sldMk cId="0" sldId="2944"/>
        </pc:sldMkLst>
        <pc:spChg chg="mod">
          <ac:chgData name="芳彦 植野" userId="86ab4e6fb1040a80" providerId="LiveId" clId="{2AAE6ABA-C2BA-43D9-8D48-DEFB9C929E7B}" dt="2024-07-02T01:39:09.975" v="3201" actId="1076"/>
          <ac:spMkLst>
            <pc:docMk/>
            <pc:sldMk cId="0" sldId="2944"/>
            <ac:spMk id="3" creationId="{00000000-0000-0000-0000-000000000000}"/>
          </ac:spMkLst>
        </pc:spChg>
        <pc:spChg chg="mod">
          <ac:chgData name="芳彦 植野" userId="86ab4e6fb1040a80" providerId="LiveId" clId="{2AAE6ABA-C2BA-43D9-8D48-DEFB9C929E7B}" dt="2024-07-02T01:39:17.250" v="3202" actId="14100"/>
          <ac:spMkLst>
            <pc:docMk/>
            <pc:sldMk cId="0" sldId="2944"/>
            <ac:spMk id="9" creationId="{00000000-0000-0000-0000-000000000000}"/>
          </ac:spMkLst>
        </pc:spChg>
      </pc:sldChg>
      <pc:sldChg chg="addSp modSp new add del mod">
        <pc:chgData name="芳彦 植野" userId="86ab4e6fb1040a80" providerId="LiveId" clId="{2AAE6ABA-C2BA-43D9-8D48-DEFB9C929E7B}" dt="2024-08-14T03:56:16.811" v="4081" actId="2696"/>
        <pc:sldMkLst>
          <pc:docMk/>
          <pc:sldMk cId="2729038419" sldId="2945"/>
        </pc:sldMkLst>
        <pc:spChg chg="add mod">
          <ac:chgData name="芳彦 植野" userId="86ab4e6fb1040a80" providerId="LiveId" clId="{2AAE6ABA-C2BA-43D9-8D48-DEFB9C929E7B}" dt="2024-07-02T02:29:36.868" v="3255" actId="255"/>
          <ac:spMkLst>
            <pc:docMk/>
            <pc:sldMk cId="2729038419" sldId="2945"/>
            <ac:spMk id="4" creationId="{6CAEE163-606F-7BB3-8EA5-0C4C5B8B1B8C}"/>
          </ac:spMkLst>
        </pc:spChg>
      </pc:sldChg>
      <pc:sldChg chg="addSp modSp new del mod">
        <pc:chgData name="芳彦 植野" userId="86ab4e6fb1040a80" providerId="LiveId" clId="{2AAE6ABA-C2BA-43D9-8D48-DEFB9C929E7B}" dt="2024-08-15T01:23:11.262" v="4767" actId="2696"/>
        <pc:sldMkLst>
          <pc:docMk/>
          <pc:sldMk cId="1632752014" sldId="2946"/>
        </pc:sldMkLst>
        <pc:spChg chg="add mod">
          <ac:chgData name="芳彦 植野" userId="86ab4e6fb1040a80" providerId="LiveId" clId="{2AAE6ABA-C2BA-43D9-8D48-DEFB9C929E7B}" dt="2024-08-09T07:35:39.828" v="3311" actId="21"/>
          <ac:spMkLst>
            <pc:docMk/>
            <pc:sldMk cId="1632752014" sldId="2946"/>
            <ac:spMk id="4" creationId="{EA40297F-6A11-DFF1-48CE-0AE79A60B77C}"/>
          </ac:spMkLst>
        </pc:spChg>
      </pc:sldChg>
      <pc:sldChg chg="modSp add mod">
        <pc:chgData name="芳彦 植野" userId="86ab4e6fb1040a80" providerId="LiveId" clId="{2AAE6ABA-C2BA-43D9-8D48-DEFB9C929E7B}" dt="2024-08-10T08:10:25.907" v="3508" actId="14100"/>
        <pc:sldMkLst>
          <pc:docMk/>
          <pc:sldMk cId="0" sldId="2947"/>
        </pc:sldMkLst>
        <pc:spChg chg="mod">
          <ac:chgData name="芳彦 植野" userId="86ab4e6fb1040a80" providerId="LiveId" clId="{2AAE6ABA-C2BA-43D9-8D48-DEFB9C929E7B}" dt="2024-08-10T08:10:05.958" v="3505" actId="1076"/>
          <ac:spMkLst>
            <pc:docMk/>
            <pc:sldMk cId="0" sldId="2947"/>
            <ac:spMk id="9" creationId="{00000000-0000-0000-0000-000000000000}"/>
          </ac:spMkLst>
        </pc:spChg>
        <pc:spChg chg="mod">
          <ac:chgData name="芳彦 植野" userId="86ab4e6fb1040a80" providerId="LiveId" clId="{2AAE6ABA-C2BA-43D9-8D48-DEFB9C929E7B}" dt="2024-08-10T08:06:24.784" v="3470" actId="14100"/>
          <ac:spMkLst>
            <pc:docMk/>
            <pc:sldMk cId="0" sldId="2947"/>
            <ac:spMk id="10" creationId="{00000000-0000-0000-0000-000000000000}"/>
          </ac:spMkLst>
        </pc:spChg>
        <pc:spChg chg="mod">
          <ac:chgData name="芳彦 植野" userId="86ab4e6fb1040a80" providerId="LiveId" clId="{2AAE6ABA-C2BA-43D9-8D48-DEFB9C929E7B}" dt="2024-08-10T08:10:10.345" v="3506" actId="1076"/>
          <ac:spMkLst>
            <pc:docMk/>
            <pc:sldMk cId="0" sldId="2947"/>
            <ac:spMk id="12" creationId="{00000000-0000-0000-0000-000000000000}"/>
          </ac:spMkLst>
        </pc:spChg>
        <pc:spChg chg="mod">
          <ac:chgData name="芳彦 植野" userId="86ab4e6fb1040a80" providerId="LiveId" clId="{2AAE6ABA-C2BA-43D9-8D48-DEFB9C929E7B}" dt="2024-08-10T08:08:49.398" v="3491" actId="14100"/>
          <ac:spMkLst>
            <pc:docMk/>
            <pc:sldMk cId="0" sldId="2947"/>
            <ac:spMk id="13" creationId="{00000000-0000-0000-0000-000000000000}"/>
          </ac:spMkLst>
        </pc:spChg>
        <pc:spChg chg="mod">
          <ac:chgData name="芳彦 植野" userId="86ab4e6fb1040a80" providerId="LiveId" clId="{2AAE6ABA-C2BA-43D9-8D48-DEFB9C929E7B}" dt="2024-08-10T08:08:59.591" v="3494" actId="1076"/>
          <ac:spMkLst>
            <pc:docMk/>
            <pc:sldMk cId="0" sldId="2947"/>
            <ac:spMk id="14" creationId="{00000000-0000-0000-0000-000000000000}"/>
          </ac:spMkLst>
        </pc:spChg>
        <pc:spChg chg="mod">
          <ac:chgData name="芳彦 植野" userId="86ab4e6fb1040a80" providerId="LiveId" clId="{2AAE6ABA-C2BA-43D9-8D48-DEFB9C929E7B}" dt="2024-08-10T08:09:10.968" v="3496" actId="1076"/>
          <ac:spMkLst>
            <pc:docMk/>
            <pc:sldMk cId="0" sldId="2947"/>
            <ac:spMk id="15" creationId="{00000000-0000-0000-0000-000000000000}"/>
          </ac:spMkLst>
        </pc:spChg>
        <pc:spChg chg="mod">
          <ac:chgData name="芳彦 植野" userId="86ab4e6fb1040a80" providerId="LiveId" clId="{2AAE6ABA-C2BA-43D9-8D48-DEFB9C929E7B}" dt="2024-08-10T08:09:58.916" v="3504" actId="1076"/>
          <ac:spMkLst>
            <pc:docMk/>
            <pc:sldMk cId="0" sldId="2947"/>
            <ac:spMk id="16" creationId="{00000000-0000-0000-0000-000000000000}"/>
          </ac:spMkLst>
        </pc:spChg>
        <pc:spChg chg="mod">
          <ac:chgData name="芳彦 植野" userId="86ab4e6fb1040a80" providerId="LiveId" clId="{2AAE6ABA-C2BA-43D9-8D48-DEFB9C929E7B}" dt="2024-08-10T08:09:03.316" v="3495" actId="1076"/>
          <ac:spMkLst>
            <pc:docMk/>
            <pc:sldMk cId="0" sldId="2947"/>
            <ac:spMk id="17" creationId="{00000000-0000-0000-0000-000000000000}"/>
          </ac:spMkLst>
        </pc:spChg>
        <pc:spChg chg="mod">
          <ac:chgData name="芳彦 植野" userId="86ab4e6fb1040a80" providerId="LiveId" clId="{2AAE6ABA-C2BA-43D9-8D48-DEFB9C929E7B}" dt="2024-08-10T08:07:07.512" v="3474" actId="1076"/>
          <ac:spMkLst>
            <pc:docMk/>
            <pc:sldMk cId="0" sldId="2947"/>
            <ac:spMk id="18" creationId="{00000000-0000-0000-0000-000000000000}"/>
          </ac:spMkLst>
        </pc:spChg>
        <pc:spChg chg="mod">
          <ac:chgData name="芳彦 植野" userId="86ab4e6fb1040a80" providerId="LiveId" clId="{2AAE6ABA-C2BA-43D9-8D48-DEFB9C929E7B}" dt="2024-08-10T08:09:16.091" v="3497" actId="1076"/>
          <ac:spMkLst>
            <pc:docMk/>
            <pc:sldMk cId="0" sldId="2947"/>
            <ac:spMk id="19" creationId="{00000000-0000-0000-0000-000000000000}"/>
          </ac:spMkLst>
        </pc:spChg>
        <pc:spChg chg="mod">
          <ac:chgData name="芳彦 植野" userId="86ab4e6fb1040a80" providerId="LiveId" clId="{2AAE6ABA-C2BA-43D9-8D48-DEFB9C929E7B}" dt="2024-08-10T08:06:42.678" v="3473" actId="1076"/>
          <ac:spMkLst>
            <pc:docMk/>
            <pc:sldMk cId="0" sldId="2947"/>
            <ac:spMk id="23" creationId="{00000000-0000-0000-0000-000000000000}"/>
          </ac:spMkLst>
        </pc:spChg>
        <pc:grpChg chg="mod">
          <ac:chgData name="芳彦 植野" userId="86ab4e6fb1040a80" providerId="LiveId" clId="{2AAE6ABA-C2BA-43D9-8D48-DEFB9C929E7B}" dt="2024-08-10T08:10:25.907" v="3508" actId="14100"/>
          <ac:grpSpMkLst>
            <pc:docMk/>
            <pc:sldMk cId="0" sldId="2947"/>
            <ac:grpSpMk id="3" creationId="{00000000-0000-0000-0000-000000000000}"/>
          </ac:grpSpMkLst>
        </pc:grpChg>
        <pc:grpChg chg="mod">
          <ac:chgData name="芳彦 植野" userId="86ab4e6fb1040a80" providerId="LiveId" clId="{2AAE6ABA-C2BA-43D9-8D48-DEFB9C929E7B}" dt="2024-08-10T08:07:50.659" v="3481" actId="1076"/>
          <ac:grpSpMkLst>
            <pc:docMk/>
            <pc:sldMk cId="0" sldId="2947"/>
            <ac:grpSpMk id="6" creationId="{00000000-0000-0000-0000-000000000000}"/>
          </ac:grpSpMkLst>
        </pc:grpChg>
        <pc:graphicFrameChg chg="mod modGraphic">
          <ac:chgData name="芳彦 植野" userId="86ab4e6fb1040a80" providerId="LiveId" clId="{2AAE6ABA-C2BA-43D9-8D48-DEFB9C929E7B}" dt="2024-08-10T08:10:18.888" v="3507" actId="14100"/>
          <ac:graphicFrameMkLst>
            <pc:docMk/>
            <pc:sldMk cId="0" sldId="2947"/>
            <ac:graphicFrameMk id="11" creationId="{00000000-0000-0000-0000-000000000000}"/>
          </ac:graphicFrameMkLst>
        </pc:graphicFrameChg>
        <pc:picChg chg="mod">
          <ac:chgData name="芳彦 植野" userId="86ab4e6fb1040a80" providerId="LiveId" clId="{2AAE6ABA-C2BA-43D9-8D48-DEFB9C929E7B}" dt="2024-08-10T08:06:28.928" v="3471" actId="1076"/>
          <ac:picMkLst>
            <pc:docMk/>
            <pc:sldMk cId="0" sldId="2947"/>
            <ac:picMk id="2" creationId="{00000000-0000-0000-0000-000000000000}"/>
          </ac:picMkLst>
        </pc:picChg>
      </pc:sldChg>
      <pc:sldChg chg="modSp add">
        <pc:chgData name="芳彦 植野" userId="86ab4e6fb1040a80" providerId="LiveId" clId="{2AAE6ABA-C2BA-43D9-8D48-DEFB9C929E7B}" dt="2024-08-09T19:23:13.273" v="3329"/>
        <pc:sldMkLst>
          <pc:docMk/>
          <pc:sldMk cId="0" sldId="2948"/>
        </pc:sldMkLst>
        <pc:spChg chg="mod">
          <ac:chgData name="芳彦 植野" userId="86ab4e6fb1040a80" providerId="LiveId" clId="{2AAE6ABA-C2BA-43D9-8D48-DEFB9C929E7B}" dt="2024-08-09T19:23:13.273" v="3329"/>
          <ac:spMkLst>
            <pc:docMk/>
            <pc:sldMk cId="0" sldId="2948"/>
            <ac:spMk id="17" creationId="{00000000-0000-0000-0000-000000000000}"/>
          </ac:spMkLst>
        </pc:spChg>
      </pc:sldChg>
      <pc:sldChg chg="new del">
        <pc:chgData name="芳彦 植野" userId="86ab4e6fb1040a80" providerId="LiveId" clId="{2AAE6ABA-C2BA-43D9-8D48-DEFB9C929E7B}" dt="2024-08-10T08:02:06.915" v="3337" actId="2696"/>
        <pc:sldMkLst>
          <pc:docMk/>
          <pc:sldMk cId="1030758182" sldId="2949"/>
        </pc:sldMkLst>
      </pc:sldChg>
      <pc:sldChg chg="addSp modSp new del mod">
        <pc:chgData name="芳彦 植野" userId="86ab4e6fb1040a80" providerId="LiveId" clId="{2AAE6ABA-C2BA-43D9-8D48-DEFB9C929E7B}" dt="2024-08-14T23:13:44.286" v="4626" actId="2696"/>
        <pc:sldMkLst>
          <pc:docMk/>
          <pc:sldMk cId="1586666408" sldId="2949"/>
        </pc:sldMkLst>
        <pc:spChg chg="add mod">
          <ac:chgData name="芳彦 植野" userId="86ab4e6fb1040a80" providerId="LiveId" clId="{2AAE6ABA-C2BA-43D9-8D48-DEFB9C929E7B}" dt="2024-08-12T22:44:52.494" v="3695" actId="20577"/>
          <ac:spMkLst>
            <pc:docMk/>
            <pc:sldMk cId="1586666408" sldId="2949"/>
            <ac:spMk id="3" creationId="{1B5454DC-FC7F-0010-337A-FB953F55DB1C}"/>
          </ac:spMkLst>
        </pc:spChg>
      </pc:sldChg>
      <pc:sldChg chg="add">
        <pc:chgData name="芳彦 植野" userId="86ab4e6fb1040a80" providerId="LiveId" clId="{2AAE6ABA-C2BA-43D9-8D48-DEFB9C929E7B}" dt="2024-08-14T23:13:54.438" v="4627"/>
        <pc:sldMkLst>
          <pc:docMk/>
          <pc:sldMk cId="2340735505" sldId="2949"/>
        </pc:sldMkLst>
      </pc:sldChg>
      <pc:sldChg chg="new del">
        <pc:chgData name="芳彦 植野" userId="86ab4e6fb1040a80" providerId="LiveId" clId="{2AAE6ABA-C2BA-43D9-8D48-DEFB9C929E7B}" dt="2024-08-10T08:02:27.472" v="3339" actId="2696"/>
        <pc:sldMkLst>
          <pc:docMk/>
          <pc:sldMk cId="3253650728" sldId="2949"/>
        </pc:sldMkLst>
      </pc:sldChg>
      <pc:sldChg chg="new del">
        <pc:chgData name="芳彦 植野" userId="86ab4e6fb1040a80" providerId="LiveId" clId="{2AAE6ABA-C2BA-43D9-8D48-DEFB9C929E7B}" dt="2024-08-10T08:01:54.100" v="3335" actId="2696"/>
        <pc:sldMkLst>
          <pc:docMk/>
          <pc:sldMk cId="4168483970" sldId="2949"/>
        </pc:sldMkLst>
      </pc:sldChg>
      <pc:sldChg chg="addSp new del mod">
        <pc:chgData name="芳彦 植野" userId="86ab4e6fb1040a80" providerId="LiveId" clId="{2AAE6ABA-C2BA-43D9-8D48-DEFB9C929E7B}" dt="2024-08-14T23:12:56.759" v="4623" actId="2696"/>
        <pc:sldMkLst>
          <pc:docMk/>
          <pc:sldMk cId="2491619729" sldId="2950"/>
        </pc:sldMkLst>
        <pc:spChg chg="add">
          <ac:chgData name="芳彦 植野" userId="86ab4e6fb1040a80" providerId="LiveId" clId="{2AAE6ABA-C2BA-43D9-8D48-DEFB9C929E7B}" dt="2024-08-11T09:18:09.220" v="3521" actId="22"/>
          <ac:spMkLst>
            <pc:docMk/>
            <pc:sldMk cId="2491619729" sldId="2950"/>
            <ac:spMk id="4" creationId="{C0531CC6-8B0F-C9EA-DC70-53E9E69FD4E6}"/>
          </ac:spMkLst>
        </pc:spChg>
      </pc:sldChg>
      <pc:sldChg chg="addSp new del mod">
        <pc:chgData name="芳彦 植野" userId="86ab4e6fb1040a80" providerId="LiveId" clId="{2AAE6ABA-C2BA-43D9-8D48-DEFB9C929E7B}" dt="2024-08-14T23:12:48.629" v="4622" actId="2696"/>
        <pc:sldMkLst>
          <pc:docMk/>
          <pc:sldMk cId="4053563173" sldId="2951"/>
        </pc:sldMkLst>
        <pc:spChg chg="add">
          <ac:chgData name="芳彦 植野" userId="86ab4e6fb1040a80" providerId="LiveId" clId="{2AAE6ABA-C2BA-43D9-8D48-DEFB9C929E7B}" dt="2024-08-11T09:18:57.664" v="3523" actId="22"/>
          <ac:spMkLst>
            <pc:docMk/>
            <pc:sldMk cId="4053563173" sldId="2951"/>
            <ac:spMk id="4" creationId="{ED842F72-A0C6-3E31-413A-06B3F1697104}"/>
          </ac:spMkLst>
        </pc:spChg>
      </pc:sldChg>
      <pc:sldChg chg="addSp modSp new mod">
        <pc:chgData name="芳彦 植野" userId="86ab4e6fb1040a80" providerId="LiveId" clId="{2AAE6ABA-C2BA-43D9-8D48-DEFB9C929E7B}" dt="2024-08-14T22:54:47.173" v="4087" actId="6549"/>
        <pc:sldMkLst>
          <pc:docMk/>
          <pc:sldMk cId="1078767061" sldId="2952"/>
        </pc:sldMkLst>
        <pc:spChg chg="add mod">
          <ac:chgData name="芳彦 植野" userId="86ab4e6fb1040a80" providerId="LiveId" clId="{2AAE6ABA-C2BA-43D9-8D48-DEFB9C929E7B}" dt="2024-08-14T22:54:47.173" v="4087" actId="6549"/>
          <ac:spMkLst>
            <pc:docMk/>
            <pc:sldMk cId="1078767061" sldId="2952"/>
            <ac:spMk id="4" creationId="{63DB0638-3453-6988-5053-F1C89E2FDB36}"/>
          </ac:spMkLst>
        </pc:spChg>
      </pc:sldChg>
      <pc:sldChg chg="addSp delSp modSp new del mod">
        <pc:chgData name="芳彦 植野" userId="86ab4e6fb1040a80" providerId="LiveId" clId="{2AAE6ABA-C2BA-43D9-8D48-DEFB9C929E7B}" dt="2024-08-14T22:56:29.587" v="4089" actId="2696"/>
        <pc:sldMkLst>
          <pc:docMk/>
          <pc:sldMk cId="182727631" sldId="2953"/>
        </pc:sldMkLst>
        <pc:picChg chg="add del mod">
          <ac:chgData name="芳彦 植野" userId="86ab4e6fb1040a80" providerId="LiveId" clId="{2AAE6ABA-C2BA-43D9-8D48-DEFB9C929E7B}" dt="2024-08-13T04:30:11.046" v="4022" actId="21"/>
          <ac:picMkLst>
            <pc:docMk/>
            <pc:sldMk cId="182727631" sldId="2953"/>
            <ac:picMk id="4" creationId="{2CBCAD05-DAAF-713A-304C-35A57674ED66}"/>
          </ac:picMkLst>
        </pc:picChg>
      </pc:sldChg>
      <pc:sldChg chg="modSp add mod">
        <pc:chgData name="芳彦 植野" userId="86ab4e6fb1040a80" providerId="LiveId" clId="{2AAE6ABA-C2BA-43D9-8D48-DEFB9C929E7B}" dt="2024-08-14T22:56:15.422" v="4088" actId="14100"/>
        <pc:sldMkLst>
          <pc:docMk/>
          <pc:sldMk cId="0" sldId="2954"/>
        </pc:sldMkLst>
        <pc:spChg chg="mod">
          <ac:chgData name="芳彦 植野" userId="86ab4e6fb1040a80" providerId="LiveId" clId="{2AAE6ABA-C2BA-43D9-8D48-DEFB9C929E7B}" dt="2024-08-14T22:56:15.422" v="4088" actId="14100"/>
          <ac:spMkLst>
            <pc:docMk/>
            <pc:sldMk cId="0" sldId="2954"/>
            <ac:spMk id="3" creationId="{00000000-0000-0000-0000-000000000000}"/>
          </ac:spMkLst>
        </pc:spChg>
      </pc:sldChg>
      <pc:sldChg chg="add">
        <pc:chgData name="芳彦 植野" userId="86ab4e6fb1040a80" providerId="LiveId" clId="{2AAE6ABA-C2BA-43D9-8D48-DEFB9C929E7B}" dt="2024-08-13T07:45:30.132" v="4024"/>
        <pc:sldMkLst>
          <pc:docMk/>
          <pc:sldMk cId="0" sldId="2955"/>
        </pc:sldMkLst>
      </pc:sldChg>
      <pc:sldChg chg="add">
        <pc:chgData name="芳彦 植野" userId="86ab4e6fb1040a80" providerId="LiveId" clId="{2AAE6ABA-C2BA-43D9-8D48-DEFB9C929E7B}" dt="2024-08-13T07:45:44.470" v="4025"/>
        <pc:sldMkLst>
          <pc:docMk/>
          <pc:sldMk cId="0" sldId="2956"/>
        </pc:sldMkLst>
      </pc:sldChg>
      <pc:sldChg chg="add">
        <pc:chgData name="芳彦 植野" userId="86ab4e6fb1040a80" providerId="LiveId" clId="{2AAE6ABA-C2BA-43D9-8D48-DEFB9C929E7B}" dt="2024-08-13T07:46:00.556" v="4026"/>
        <pc:sldMkLst>
          <pc:docMk/>
          <pc:sldMk cId="0" sldId="2957"/>
        </pc:sldMkLst>
      </pc:sldChg>
      <pc:sldChg chg="add">
        <pc:chgData name="芳彦 植野" userId="86ab4e6fb1040a80" providerId="LiveId" clId="{2AAE6ABA-C2BA-43D9-8D48-DEFB9C929E7B}" dt="2024-08-13T07:46:23.945" v="4027"/>
        <pc:sldMkLst>
          <pc:docMk/>
          <pc:sldMk cId="0" sldId="2958"/>
        </pc:sldMkLst>
      </pc:sldChg>
      <pc:sldChg chg="add">
        <pc:chgData name="芳彦 植野" userId="86ab4e6fb1040a80" providerId="LiveId" clId="{2AAE6ABA-C2BA-43D9-8D48-DEFB9C929E7B}" dt="2024-08-13T07:46:37.366" v="4028"/>
        <pc:sldMkLst>
          <pc:docMk/>
          <pc:sldMk cId="0" sldId="2959"/>
        </pc:sldMkLst>
      </pc:sldChg>
      <pc:sldChg chg="add">
        <pc:chgData name="芳彦 植野" userId="86ab4e6fb1040a80" providerId="LiveId" clId="{2AAE6ABA-C2BA-43D9-8D48-DEFB9C929E7B}" dt="2024-08-13T07:47:10.101" v="4030"/>
        <pc:sldMkLst>
          <pc:docMk/>
          <pc:sldMk cId="0" sldId="2960"/>
        </pc:sldMkLst>
      </pc:sldChg>
      <pc:sldChg chg="add">
        <pc:chgData name="芳彦 植野" userId="86ab4e6fb1040a80" providerId="LiveId" clId="{2AAE6ABA-C2BA-43D9-8D48-DEFB9C929E7B}" dt="2024-08-13T07:47:25.865" v="4031"/>
        <pc:sldMkLst>
          <pc:docMk/>
          <pc:sldMk cId="0" sldId="2961"/>
        </pc:sldMkLst>
      </pc:sldChg>
      <pc:sldChg chg="add">
        <pc:chgData name="芳彦 植野" userId="86ab4e6fb1040a80" providerId="LiveId" clId="{2AAE6ABA-C2BA-43D9-8D48-DEFB9C929E7B}" dt="2024-08-13T07:47:37.977" v="4032"/>
        <pc:sldMkLst>
          <pc:docMk/>
          <pc:sldMk cId="0" sldId="2962"/>
        </pc:sldMkLst>
      </pc:sldChg>
      <pc:sldChg chg="add">
        <pc:chgData name="芳彦 植野" userId="86ab4e6fb1040a80" providerId="LiveId" clId="{2AAE6ABA-C2BA-43D9-8D48-DEFB9C929E7B}" dt="2024-08-13T07:47:49.619" v="4033"/>
        <pc:sldMkLst>
          <pc:docMk/>
          <pc:sldMk cId="0" sldId="2963"/>
        </pc:sldMkLst>
      </pc:sldChg>
      <pc:sldChg chg="add">
        <pc:chgData name="芳彦 植野" userId="86ab4e6fb1040a80" providerId="LiveId" clId="{2AAE6ABA-C2BA-43D9-8D48-DEFB9C929E7B}" dt="2024-08-13T07:47:59.809" v="4034"/>
        <pc:sldMkLst>
          <pc:docMk/>
          <pc:sldMk cId="0" sldId="2964"/>
        </pc:sldMkLst>
      </pc:sldChg>
      <pc:sldChg chg="add del">
        <pc:chgData name="芳彦 植野" userId="86ab4e6fb1040a80" providerId="LiveId" clId="{2AAE6ABA-C2BA-43D9-8D48-DEFB9C929E7B}" dt="2024-08-13T07:48:35.391" v="4038" actId="2696"/>
        <pc:sldMkLst>
          <pc:docMk/>
          <pc:sldMk cId="0" sldId="2965"/>
        </pc:sldMkLst>
      </pc:sldChg>
      <pc:sldChg chg="add del">
        <pc:chgData name="芳彦 植野" userId="86ab4e6fb1040a80" providerId="LiveId" clId="{2AAE6ABA-C2BA-43D9-8D48-DEFB9C929E7B}" dt="2024-08-13T07:48:36.661" v="4039" actId="2696"/>
        <pc:sldMkLst>
          <pc:docMk/>
          <pc:sldMk cId="0" sldId="2966"/>
        </pc:sldMkLst>
      </pc:sldChg>
      <pc:sldChg chg="add">
        <pc:chgData name="芳彦 植野" userId="86ab4e6fb1040a80" providerId="LiveId" clId="{2AAE6ABA-C2BA-43D9-8D48-DEFB9C929E7B}" dt="2024-08-13T07:48:30.439" v="4037"/>
        <pc:sldMkLst>
          <pc:docMk/>
          <pc:sldMk cId="0" sldId="2967"/>
        </pc:sldMkLst>
      </pc:sldChg>
      <pc:sldChg chg="add">
        <pc:chgData name="芳彦 植野" userId="86ab4e6fb1040a80" providerId="LiveId" clId="{2AAE6ABA-C2BA-43D9-8D48-DEFB9C929E7B}" dt="2024-08-13T07:48:49.842" v="4040"/>
        <pc:sldMkLst>
          <pc:docMk/>
          <pc:sldMk cId="0" sldId="2968"/>
        </pc:sldMkLst>
      </pc:sldChg>
      <pc:sldChg chg="add">
        <pc:chgData name="芳彦 植野" userId="86ab4e6fb1040a80" providerId="LiveId" clId="{2AAE6ABA-C2BA-43D9-8D48-DEFB9C929E7B}" dt="2024-08-13T07:49:07.904" v="4041"/>
        <pc:sldMkLst>
          <pc:docMk/>
          <pc:sldMk cId="0" sldId="2969"/>
        </pc:sldMkLst>
      </pc:sldChg>
      <pc:sldChg chg="modSp add mod">
        <pc:chgData name="芳彦 植野" userId="86ab4e6fb1040a80" providerId="LiveId" clId="{2AAE6ABA-C2BA-43D9-8D48-DEFB9C929E7B}" dt="2024-08-14T22:56:51.214" v="4092" actId="14100"/>
        <pc:sldMkLst>
          <pc:docMk/>
          <pc:sldMk cId="0" sldId="2970"/>
        </pc:sldMkLst>
        <pc:spChg chg="mod">
          <ac:chgData name="芳彦 植野" userId="86ab4e6fb1040a80" providerId="LiveId" clId="{2AAE6ABA-C2BA-43D9-8D48-DEFB9C929E7B}" dt="2024-08-14T22:56:51.214" v="4092" actId="14100"/>
          <ac:spMkLst>
            <pc:docMk/>
            <pc:sldMk cId="0" sldId="2970"/>
            <ac:spMk id="2" creationId="{00000000-0000-0000-0000-000000000000}"/>
          </ac:spMkLst>
        </pc:spChg>
        <pc:spChg chg="mod">
          <ac:chgData name="芳彦 植野" userId="86ab4e6fb1040a80" providerId="LiveId" clId="{2AAE6ABA-C2BA-43D9-8D48-DEFB9C929E7B}" dt="2024-08-14T22:56:43.442" v="4091" actId="1076"/>
          <ac:spMkLst>
            <pc:docMk/>
            <pc:sldMk cId="0" sldId="2970"/>
            <ac:spMk id="58" creationId="{00000000-0000-0000-0000-000000000000}"/>
          </ac:spMkLst>
        </pc:spChg>
        <pc:spChg chg="mod">
          <ac:chgData name="芳彦 植野" userId="86ab4e6fb1040a80" providerId="LiveId" clId="{2AAE6ABA-C2BA-43D9-8D48-DEFB9C929E7B}" dt="2024-08-13T20:37:15.277" v="4042"/>
          <ac:spMkLst>
            <pc:docMk/>
            <pc:sldMk cId="0" sldId="2970"/>
            <ac:spMk id="62" creationId="{00000000-0000-0000-0000-000000000000}"/>
          </ac:spMkLst>
        </pc:spChg>
      </pc:sldChg>
      <pc:sldChg chg="modSp add del mod">
        <pc:chgData name="芳彦 植野" userId="86ab4e6fb1040a80" providerId="LiveId" clId="{2AAE6ABA-C2BA-43D9-8D48-DEFB9C929E7B}" dt="2024-08-14T22:57:26.309" v="4095" actId="2696"/>
        <pc:sldMkLst>
          <pc:docMk/>
          <pc:sldMk cId="0" sldId="2971"/>
        </pc:sldMkLst>
        <pc:spChg chg="mod">
          <ac:chgData name="芳彦 植野" userId="86ab4e6fb1040a80" providerId="LiveId" clId="{2AAE6ABA-C2BA-43D9-8D48-DEFB9C929E7B}" dt="2024-08-14T22:57:00.471" v="4093" actId="14100"/>
          <ac:spMkLst>
            <pc:docMk/>
            <pc:sldMk cId="0" sldId="2971"/>
            <ac:spMk id="18" creationId="{00000000-0000-0000-0000-000000000000}"/>
          </ac:spMkLst>
        </pc:spChg>
        <pc:spChg chg="mod">
          <ac:chgData name="芳彦 植野" userId="86ab4e6fb1040a80" providerId="LiveId" clId="{2AAE6ABA-C2BA-43D9-8D48-DEFB9C929E7B}" dt="2024-08-13T20:37:30.573" v="4043"/>
          <ac:spMkLst>
            <pc:docMk/>
            <pc:sldMk cId="0" sldId="2971"/>
            <ac:spMk id="19" creationId="{00000000-0000-0000-0000-000000000000}"/>
          </ac:spMkLst>
        </pc:spChg>
      </pc:sldChg>
      <pc:sldChg chg="modSp add del mod">
        <pc:chgData name="芳彦 植野" userId="86ab4e6fb1040a80" providerId="LiveId" clId="{2AAE6ABA-C2BA-43D9-8D48-DEFB9C929E7B}" dt="2024-08-14T22:57:27.481" v="4096" actId="2696"/>
        <pc:sldMkLst>
          <pc:docMk/>
          <pc:sldMk cId="0" sldId="2972"/>
        </pc:sldMkLst>
        <pc:spChg chg="mod">
          <ac:chgData name="芳彦 植野" userId="86ab4e6fb1040a80" providerId="LiveId" clId="{2AAE6ABA-C2BA-43D9-8D48-DEFB9C929E7B}" dt="2024-08-14T22:57:21.236" v="4094" actId="14100"/>
          <ac:spMkLst>
            <pc:docMk/>
            <pc:sldMk cId="0" sldId="2972"/>
            <ac:spMk id="18" creationId="{00000000-0000-0000-0000-000000000000}"/>
          </ac:spMkLst>
        </pc:spChg>
        <pc:spChg chg="mod">
          <ac:chgData name="芳彦 植野" userId="86ab4e6fb1040a80" providerId="LiveId" clId="{2AAE6ABA-C2BA-43D9-8D48-DEFB9C929E7B}" dt="2024-08-13T20:37:42.475" v="4044"/>
          <ac:spMkLst>
            <pc:docMk/>
            <pc:sldMk cId="0" sldId="2972"/>
            <ac:spMk id="19" creationId="{00000000-0000-0000-0000-000000000000}"/>
          </ac:spMkLst>
        </pc:spChg>
      </pc:sldChg>
      <pc:sldChg chg="modSp add">
        <pc:chgData name="芳彦 植野" userId="86ab4e6fb1040a80" providerId="LiveId" clId="{2AAE6ABA-C2BA-43D9-8D48-DEFB9C929E7B}" dt="2024-08-13T20:37:56.174" v="4045"/>
        <pc:sldMkLst>
          <pc:docMk/>
          <pc:sldMk cId="0" sldId="2973"/>
        </pc:sldMkLst>
        <pc:spChg chg="mod">
          <ac:chgData name="芳彦 植野" userId="86ab4e6fb1040a80" providerId="LiveId" clId="{2AAE6ABA-C2BA-43D9-8D48-DEFB9C929E7B}" dt="2024-08-13T20:37:56.174" v="4045"/>
          <ac:spMkLst>
            <pc:docMk/>
            <pc:sldMk cId="0" sldId="2973"/>
            <ac:spMk id="65" creationId="{00000000-0000-0000-0000-000000000000}"/>
          </ac:spMkLst>
        </pc:spChg>
      </pc:sldChg>
      <pc:sldChg chg="modSp add mod">
        <pc:chgData name="芳彦 植野" userId="86ab4e6fb1040a80" providerId="LiveId" clId="{2AAE6ABA-C2BA-43D9-8D48-DEFB9C929E7B}" dt="2024-08-14T22:58:04.196" v="4102" actId="1076"/>
        <pc:sldMkLst>
          <pc:docMk/>
          <pc:sldMk cId="0" sldId="2974"/>
        </pc:sldMkLst>
        <pc:spChg chg="mod">
          <ac:chgData name="芳彦 植野" userId="86ab4e6fb1040a80" providerId="LiveId" clId="{2AAE6ABA-C2BA-43D9-8D48-DEFB9C929E7B}" dt="2024-08-14T22:57:45.416" v="4098" actId="14100"/>
          <ac:spMkLst>
            <pc:docMk/>
            <pc:sldMk cId="0" sldId="2974"/>
            <ac:spMk id="6" creationId="{00000000-0000-0000-0000-000000000000}"/>
          </ac:spMkLst>
        </pc:spChg>
        <pc:spChg chg="mod">
          <ac:chgData name="芳彦 植野" userId="86ab4e6fb1040a80" providerId="LiveId" clId="{2AAE6ABA-C2BA-43D9-8D48-DEFB9C929E7B}" dt="2024-08-14T22:58:04.196" v="4102" actId="1076"/>
          <ac:spMkLst>
            <pc:docMk/>
            <pc:sldMk cId="0" sldId="2974"/>
            <ac:spMk id="7" creationId="{00000000-0000-0000-0000-000000000000}"/>
          </ac:spMkLst>
        </pc:spChg>
        <pc:spChg chg="mod">
          <ac:chgData name="芳彦 植野" userId="86ab4e6fb1040a80" providerId="LiveId" clId="{2AAE6ABA-C2BA-43D9-8D48-DEFB9C929E7B}" dt="2024-08-14T22:57:54.444" v="4100" actId="14100"/>
          <ac:spMkLst>
            <pc:docMk/>
            <pc:sldMk cId="0" sldId="2974"/>
            <ac:spMk id="8" creationId="{00000000-0000-0000-0000-000000000000}"/>
          </ac:spMkLst>
        </pc:spChg>
        <pc:spChg chg="mod">
          <ac:chgData name="芳彦 植野" userId="86ab4e6fb1040a80" providerId="LiveId" clId="{2AAE6ABA-C2BA-43D9-8D48-DEFB9C929E7B}" dt="2024-08-13T20:38:17.567" v="4046"/>
          <ac:spMkLst>
            <pc:docMk/>
            <pc:sldMk cId="0" sldId="2974"/>
            <ac:spMk id="9" creationId="{00000000-0000-0000-0000-000000000000}"/>
          </ac:spMkLst>
        </pc:spChg>
      </pc:sldChg>
      <pc:sldChg chg="modSp add">
        <pc:chgData name="芳彦 植野" userId="86ab4e6fb1040a80" providerId="LiveId" clId="{2AAE6ABA-C2BA-43D9-8D48-DEFB9C929E7B}" dt="2024-08-13T20:38:32.349" v="4047"/>
        <pc:sldMkLst>
          <pc:docMk/>
          <pc:sldMk cId="0" sldId="2975"/>
        </pc:sldMkLst>
        <pc:spChg chg="mod">
          <ac:chgData name="芳彦 植野" userId="86ab4e6fb1040a80" providerId="LiveId" clId="{2AAE6ABA-C2BA-43D9-8D48-DEFB9C929E7B}" dt="2024-08-13T20:38:32.349" v="4047"/>
          <ac:spMkLst>
            <pc:docMk/>
            <pc:sldMk cId="0" sldId="2975"/>
            <ac:spMk id="21" creationId="{00000000-0000-0000-0000-000000000000}"/>
          </ac:spMkLst>
        </pc:spChg>
      </pc:sldChg>
      <pc:sldChg chg="modSp add">
        <pc:chgData name="芳彦 植野" userId="86ab4e6fb1040a80" providerId="LiveId" clId="{2AAE6ABA-C2BA-43D9-8D48-DEFB9C929E7B}" dt="2024-08-13T20:38:46.658" v="4048"/>
        <pc:sldMkLst>
          <pc:docMk/>
          <pc:sldMk cId="0" sldId="2976"/>
        </pc:sldMkLst>
        <pc:spChg chg="mod">
          <ac:chgData name="芳彦 植野" userId="86ab4e6fb1040a80" providerId="LiveId" clId="{2AAE6ABA-C2BA-43D9-8D48-DEFB9C929E7B}" dt="2024-08-13T20:38:46.658" v="4048"/>
          <ac:spMkLst>
            <pc:docMk/>
            <pc:sldMk cId="0" sldId="2976"/>
            <ac:spMk id="43" creationId="{00000000-0000-0000-0000-000000000000}"/>
          </ac:spMkLst>
        </pc:spChg>
      </pc:sldChg>
      <pc:sldChg chg="modSp add del mod">
        <pc:chgData name="芳彦 植野" userId="86ab4e6fb1040a80" providerId="LiveId" clId="{2AAE6ABA-C2BA-43D9-8D48-DEFB9C929E7B}" dt="2024-08-14T09:23:02.592" v="4083" actId="2696"/>
        <pc:sldMkLst>
          <pc:docMk/>
          <pc:sldMk cId="0" sldId="2977"/>
        </pc:sldMkLst>
        <pc:spChg chg="mod">
          <ac:chgData name="芳彦 植野" userId="86ab4e6fb1040a80" providerId="LiveId" clId="{2AAE6ABA-C2BA-43D9-8D48-DEFB9C929E7B}" dt="2024-08-13T20:39:24.218" v="4050" actId="1076"/>
          <ac:spMkLst>
            <pc:docMk/>
            <pc:sldMk cId="0" sldId="2977"/>
            <ac:spMk id="4" creationId="{00000000-0000-0000-0000-000000000000}"/>
          </ac:spMkLst>
        </pc:spChg>
        <pc:spChg chg="mod">
          <ac:chgData name="芳彦 植野" userId="86ab4e6fb1040a80" providerId="LiveId" clId="{2AAE6ABA-C2BA-43D9-8D48-DEFB9C929E7B}" dt="2024-08-13T20:39:04.661" v="4049"/>
          <ac:spMkLst>
            <pc:docMk/>
            <pc:sldMk cId="0" sldId="2977"/>
            <ac:spMk id="5" creationId="{00000000-0000-0000-0000-000000000000}"/>
          </ac:spMkLst>
        </pc:spChg>
      </pc:sldChg>
      <pc:sldChg chg="modSp add">
        <pc:chgData name="芳彦 植野" userId="86ab4e6fb1040a80" providerId="LiveId" clId="{2AAE6ABA-C2BA-43D9-8D48-DEFB9C929E7B}" dt="2024-08-13T20:39:51.355" v="4051"/>
        <pc:sldMkLst>
          <pc:docMk/>
          <pc:sldMk cId="0" sldId="2978"/>
        </pc:sldMkLst>
        <pc:spChg chg="mod">
          <ac:chgData name="芳彦 植野" userId="86ab4e6fb1040a80" providerId="LiveId" clId="{2AAE6ABA-C2BA-43D9-8D48-DEFB9C929E7B}" dt="2024-08-13T20:39:51.355" v="4051"/>
          <ac:spMkLst>
            <pc:docMk/>
            <pc:sldMk cId="0" sldId="2978"/>
            <ac:spMk id="19" creationId="{00000000-0000-0000-0000-000000000000}"/>
          </ac:spMkLst>
        </pc:spChg>
      </pc:sldChg>
      <pc:sldChg chg="modSp add">
        <pc:chgData name="芳彦 植野" userId="86ab4e6fb1040a80" providerId="LiveId" clId="{2AAE6ABA-C2BA-43D9-8D48-DEFB9C929E7B}" dt="2024-08-13T20:40:07.156" v="4052"/>
        <pc:sldMkLst>
          <pc:docMk/>
          <pc:sldMk cId="0" sldId="2979"/>
        </pc:sldMkLst>
        <pc:spChg chg="mod">
          <ac:chgData name="芳彦 植野" userId="86ab4e6fb1040a80" providerId="LiveId" clId="{2AAE6ABA-C2BA-43D9-8D48-DEFB9C929E7B}" dt="2024-08-13T20:40:07.156" v="4052"/>
          <ac:spMkLst>
            <pc:docMk/>
            <pc:sldMk cId="0" sldId="2979"/>
            <ac:spMk id="37" creationId="{00000000-0000-0000-0000-000000000000}"/>
          </ac:spMkLst>
        </pc:spChg>
      </pc:sldChg>
      <pc:sldChg chg="modSp add mod">
        <pc:chgData name="芳彦 植野" userId="86ab4e6fb1040a80" providerId="LiveId" clId="{2AAE6ABA-C2BA-43D9-8D48-DEFB9C929E7B}" dt="2024-08-14T22:59:51.404" v="4111" actId="14100"/>
        <pc:sldMkLst>
          <pc:docMk/>
          <pc:sldMk cId="0" sldId="2980"/>
        </pc:sldMkLst>
        <pc:spChg chg="mod">
          <ac:chgData name="芳彦 植野" userId="86ab4e6fb1040a80" providerId="LiveId" clId="{2AAE6ABA-C2BA-43D9-8D48-DEFB9C929E7B}" dt="2024-08-14T22:59:04.039" v="4107" actId="14100"/>
          <ac:spMkLst>
            <pc:docMk/>
            <pc:sldMk cId="0" sldId="2980"/>
            <ac:spMk id="2" creationId="{00000000-0000-0000-0000-000000000000}"/>
          </ac:spMkLst>
        </pc:spChg>
        <pc:spChg chg="mod">
          <ac:chgData name="芳彦 植野" userId="86ab4e6fb1040a80" providerId="LiveId" clId="{2AAE6ABA-C2BA-43D9-8D48-DEFB9C929E7B}" dt="2024-08-14T22:59:42.902" v="4109" actId="14100"/>
          <ac:spMkLst>
            <pc:docMk/>
            <pc:sldMk cId="0" sldId="2980"/>
            <ac:spMk id="17" creationId="{00000000-0000-0000-0000-000000000000}"/>
          </ac:spMkLst>
        </pc:spChg>
        <pc:spChg chg="mod">
          <ac:chgData name="芳彦 植野" userId="86ab4e6fb1040a80" providerId="LiveId" clId="{2AAE6ABA-C2BA-43D9-8D48-DEFB9C929E7B}" dt="2024-08-14T22:59:48.607" v="4110" actId="14100"/>
          <ac:spMkLst>
            <pc:docMk/>
            <pc:sldMk cId="0" sldId="2980"/>
            <ac:spMk id="26" creationId="{00000000-0000-0000-0000-000000000000}"/>
          </ac:spMkLst>
        </pc:spChg>
        <pc:spChg chg="mod">
          <ac:chgData name="芳彦 植野" userId="86ab4e6fb1040a80" providerId="LiveId" clId="{2AAE6ABA-C2BA-43D9-8D48-DEFB9C929E7B}" dt="2024-08-14T22:59:51.404" v="4111" actId="14100"/>
          <ac:spMkLst>
            <pc:docMk/>
            <pc:sldMk cId="0" sldId="2980"/>
            <ac:spMk id="27" creationId="{00000000-0000-0000-0000-000000000000}"/>
          </ac:spMkLst>
        </pc:spChg>
        <pc:spChg chg="mod">
          <ac:chgData name="芳彦 植野" userId="86ab4e6fb1040a80" providerId="LiveId" clId="{2AAE6ABA-C2BA-43D9-8D48-DEFB9C929E7B}" dt="2024-08-13T20:40:21.276" v="4053"/>
          <ac:spMkLst>
            <pc:docMk/>
            <pc:sldMk cId="0" sldId="2980"/>
            <ac:spMk id="31" creationId="{00000000-0000-0000-0000-000000000000}"/>
          </ac:spMkLst>
        </pc:spChg>
        <pc:grpChg chg="mod">
          <ac:chgData name="芳彦 植野" userId="86ab4e6fb1040a80" providerId="LiveId" clId="{2AAE6ABA-C2BA-43D9-8D48-DEFB9C929E7B}" dt="2024-08-14T22:58:48.774" v="4104" actId="1076"/>
          <ac:grpSpMkLst>
            <pc:docMk/>
            <pc:sldMk cId="0" sldId="2980"/>
            <ac:grpSpMk id="19" creationId="{00000000-0000-0000-0000-000000000000}"/>
          </ac:grpSpMkLst>
        </pc:grpChg>
        <pc:grpChg chg="mod">
          <ac:chgData name="芳彦 植野" userId="86ab4e6fb1040a80" providerId="LiveId" clId="{2AAE6ABA-C2BA-43D9-8D48-DEFB9C929E7B}" dt="2024-08-14T22:58:44.899" v="4103" actId="1076"/>
          <ac:grpSpMkLst>
            <pc:docMk/>
            <pc:sldMk cId="0" sldId="2980"/>
            <ac:grpSpMk id="22" creationId="{00000000-0000-0000-0000-000000000000}"/>
          </ac:grpSpMkLst>
        </pc:grpChg>
      </pc:sldChg>
      <pc:sldChg chg="modSp add mod">
        <pc:chgData name="芳彦 植野" userId="86ab4e6fb1040a80" providerId="LiveId" clId="{2AAE6ABA-C2BA-43D9-8D48-DEFB9C929E7B}" dt="2024-08-14T22:59:23.863" v="4108" actId="14100"/>
        <pc:sldMkLst>
          <pc:docMk/>
          <pc:sldMk cId="0" sldId="2981"/>
        </pc:sldMkLst>
        <pc:spChg chg="mod">
          <ac:chgData name="芳彦 植野" userId="86ab4e6fb1040a80" providerId="LiveId" clId="{2AAE6ABA-C2BA-43D9-8D48-DEFB9C929E7B}" dt="2024-08-14T22:59:23.863" v="4108" actId="14100"/>
          <ac:spMkLst>
            <pc:docMk/>
            <pc:sldMk cId="0" sldId="2981"/>
            <ac:spMk id="2" creationId="{00000000-0000-0000-0000-000000000000}"/>
          </ac:spMkLst>
        </pc:spChg>
        <pc:spChg chg="mod">
          <ac:chgData name="芳彦 植野" userId="86ab4e6fb1040a80" providerId="LiveId" clId="{2AAE6ABA-C2BA-43D9-8D48-DEFB9C929E7B}" dt="2024-08-13T20:40:39.987" v="4054"/>
          <ac:spMkLst>
            <pc:docMk/>
            <pc:sldMk cId="0" sldId="2981"/>
            <ac:spMk id="37" creationId="{00000000-0000-0000-0000-000000000000}"/>
          </ac:spMkLst>
        </pc:spChg>
      </pc:sldChg>
      <pc:sldChg chg="modSp add mod">
        <pc:chgData name="芳彦 植野" userId="86ab4e6fb1040a80" providerId="LiveId" clId="{2AAE6ABA-C2BA-43D9-8D48-DEFB9C929E7B}" dt="2024-08-14T23:00:04.131" v="4112" actId="14100"/>
        <pc:sldMkLst>
          <pc:docMk/>
          <pc:sldMk cId="0" sldId="2982"/>
        </pc:sldMkLst>
        <pc:spChg chg="mod">
          <ac:chgData name="芳彦 植野" userId="86ab4e6fb1040a80" providerId="LiveId" clId="{2AAE6ABA-C2BA-43D9-8D48-DEFB9C929E7B}" dt="2024-08-14T23:00:04.131" v="4112" actId="14100"/>
          <ac:spMkLst>
            <pc:docMk/>
            <pc:sldMk cId="0" sldId="2982"/>
            <ac:spMk id="2" creationId="{00000000-0000-0000-0000-000000000000}"/>
          </ac:spMkLst>
        </pc:spChg>
        <pc:spChg chg="mod">
          <ac:chgData name="芳彦 植野" userId="86ab4e6fb1040a80" providerId="LiveId" clId="{2AAE6ABA-C2BA-43D9-8D48-DEFB9C929E7B}" dt="2024-08-13T20:40:54.560" v="4055"/>
          <ac:spMkLst>
            <pc:docMk/>
            <pc:sldMk cId="0" sldId="2982"/>
            <ac:spMk id="37" creationId="{00000000-0000-0000-0000-000000000000}"/>
          </ac:spMkLst>
        </pc:spChg>
      </pc:sldChg>
      <pc:sldChg chg="modSp add mod">
        <pc:chgData name="芳彦 植野" userId="86ab4e6fb1040a80" providerId="LiveId" clId="{2AAE6ABA-C2BA-43D9-8D48-DEFB9C929E7B}" dt="2024-08-14T23:00:13.489" v="4113" actId="14100"/>
        <pc:sldMkLst>
          <pc:docMk/>
          <pc:sldMk cId="0" sldId="2983"/>
        </pc:sldMkLst>
        <pc:spChg chg="mod">
          <ac:chgData name="芳彦 植野" userId="86ab4e6fb1040a80" providerId="LiveId" clId="{2AAE6ABA-C2BA-43D9-8D48-DEFB9C929E7B}" dt="2024-08-14T23:00:13.489" v="4113" actId="14100"/>
          <ac:spMkLst>
            <pc:docMk/>
            <pc:sldMk cId="0" sldId="2983"/>
            <ac:spMk id="2" creationId="{00000000-0000-0000-0000-000000000000}"/>
          </ac:spMkLst>
        </pc:spChg>
        <pc:spChg chg="mod">
          <ac:chgData name="芳彦 植野" userId="86ab4e6fb1040a80" providerId="LiveId" clId="{2AAE6ABA-C2BA-43D9-8D48-DEFB9C929E7B}" dt="2024-08-13T20:41:06.622" v="4056"/>
          <ac:spMkLst>
            <pc:docMk/>
            <pc:sldMk cId="0" sldId="2983"/>
            <ac:spMk id="17" creationId="{00000000-0000-0000-0000-000000000000}"/>
          </ac:spMkLst>
        </pc:spChg>
      </pc:sldChg>
      <pc:sldChg chg="modSp add mod">
        <pc:chgData name="芳彦 植野" userId="86ab4e6fb1040a80" providerId="LiveId" clId="{2AAE6ABA-C2BA-43D9-8D48-DEFB9C929E7B}" dt="2024-08-14T23:00:22.143" v="4114" actId="14100"/>
        <pc:sldMkLst>
          <pc:docMk/>
          <pc:sldMk cId="0" sldId="2984"/>
        </pc:sldMkLst>
        <pc:spChg chg="mod">
          <ac:chgData name="芳彦 植野" userId="86ab4e6fb1040a80" providerId="LiveId" clId="{2AAE6ABA-C2BA-43D9-8D48-DEFB9C929E7B}" dt="2024-08-14T23:00:22.143" v="4114" actId="14100"/>
          <ac:spMkLst>
            <pc:docMk/>
            <pc:sldMk cId="0" sldId="2984"/>
            <ac:spMk id="2" creationId="{00000000-0000-0000-0000-000000000000}"/>
          </ac:spMkLst>
        </pc:spChg>
      </pc:sldChg>
      <pc:sldChg chg="modSp add">
        <pc:chgData name="芳彦 植野" userId="86ab4e6fb1040a80" providerId="LiveId" clId="{2AAE6ABA-C2BA-43D9-8D48-DEFB9C929E7B}" dt="2024-08-13T20:41:54.329" v="4058"/>
        <pc:sldMkLst>
          <pc:docMk/>
          <pc:sldMk cId="0" sldId="2985"/>
        </pc:sldMkLst>
        <pc:spChg chg="mod">
          <ac:chgData name="芳彦 植野" userId="86ab4e6fb1040a80" providerId="LiveId" clId="{2AAE6ABA-C2BA-43D9-8D48-DEFB9C929E7B}" dt="2024-08-13T20:41:54.329" v="4058"/>
          <ac:spMkLst>
            <pc:docMk/>
            <pc:sldMk cId="0" sldId="2985"/>
            <ac:spMk id="66" creationId="{00000000-0000-0000-0000-000000000000}"/>
          </ac:spMkLst>
        </pc:spChg>
      </pc:sldChg>
      <pc:sldChg chg="modSp add del">
        <pc:chgData name="芳彦 植野" userId="86ab4e6fb1040a80" providerId="LiveId" clId="{2AAE6ABA-C2BA-43D9-8D48-DEFB9C929E7B}" dt="2024-08-14T23:12:33.285" v="4621" actId="2696"/>
        <pc:sldMkLst>
          <pc:docMk/>
          <pc:sldMk cId="0" sldId="2986"/>
        </pc:sldMkLst>
        <pc:spChg chg="mod">
          <ac:chgData name="芳彦 植野" userId="86ab4e6fb1040a80" providerId="LiveId" clId="{2AAE6ABA-C2BA-43D9-8D48-DEFB9C929E7B}" dt="2024-08-13T20:42:10.759" v="4059"/>
          <ac:spMkLst>
            <pc:docMk/>
            <pc:sldMk cId="0" sldId="2986"/>
            <ac:spMk id="33" creationId="{00000000-0000-0000-0000-000000000000}"/>
          </ac:spMkLst>
        </pc:spChg>
      </pc:sldChg>
      <pc:sldChg chg="addSp modSp new mod">
        <pc:chgData name="芳彦 植野" userId="86ab4e6fb1040a80" providerId="LiveId" clId="{2AAE6ABA-C2BA-43D9-8D48-DEFB9C929E7B}" dt="2024-08-14T23:12:23.532" v="4620" actId="255"/>
        <pc:sldMkLst>
          <pc:docMk/>
          <pc:sldMk cId="4241963830" sldId="2987"/>
        </pc:sldMkLst>
        <pc:spChg chg="mod">
          <ac:chgData name="芳彦 植野" userId="86ab4e6fb1040a80" providerId="LiveId" clId="{2AAE6ABA-C2BA-43D9-8D48-DEFB9C929E7B}" dt="2024-08-13T20:42:34.054" v="4062" actId="14100"/>
          <ac:spMkLst>
            <pc:docMk/>
            <pc:sldMk cId="4241963830" sldId="2987"/>
            <ac:spMk id="3" creationId="{00000000-0000-0000-0000-000000000000}"/>
          </ac:spMkLst>
        </pc:spChg>
        <pc:spChg chg="add mod">
          <ac:chgData name="芳彦 植野" userId="86ab4e6fb1040a80" providerId="LiveId" clId="{2AAE6ABA-C2BA-43D9-8D48-DEFB9C929E7B}" dt="2024-08-14T23:12:23.532" v="4620" actId="255"/>
          <ac:spMkLst>
            <pc:docMk/>
            <pc:sldMk cId="4241963830" sldId="2987"/>
            <ac:spMk id="3" creationId="{7E784396-DA70-863F-36BD-E69CAFE8B77A}"/>
          </ac:spMkLst>
        </pc:spChg>
        <pc:spChg chg="mod">
          <ac:chgData name="芳彦 植野" userId="86ab4e6fb1040a80" providerId="LiveId" clId="{2AAE6ABA-C2BA-43D9-8D48-DEFB9C929E7B}" dt="2024-08-13T20:42:38.562" v="4063"/>
          <ac:spMkLst>
            <pc:docMk/>
            <pc:sldMk cId="4241963830" sldId="2987"/>
            <ac:spMk id="4" creationId="{00000000-0000-0000-0000-000000000000}"/>
          </ac:spMkLst>
        </pc:spChg>
        <pc:spChg chg="mod">
          <ac:chgData name="芳彦 植野" userId="86ab4e6fb1040a80" providerId="LiveId" clId="{2AAE6ABA-C2BA-43D9-8D48-DEFB9C929E7B}" dt="2024-08-13T20:42:25.894" v="4060"/>
          <ac:spMkLst>
            <pc:docMk/>
            <pc:sldMk cId="4241963830" sldId="2987"/>
            <ac:spMk id="5" creationId="{00000000-0000-0000-0000-000000000000}"/>
          </ac:spMkLst>
        </pc:spChg>
      </pc:sldChg>
      <pc:sldChg chg="modSp add mod">
        <pc:chgData name="芳彦 植野" userId="86ab4e6fb1040a80" providerId="LiveId" clId="{2AAE6ABA-C2BA-43D9-8D48-DEFB9C929E7B}" dt="2024-08-14T23:09:54.956" v="4618" actId="20577"/>
        <pc:sldMkLst>
          <pc:docMk/>
          <pc:sldMk cId="3838817679" sldId="2988"/>
        </pc:sldMkLst>
        <pc:spChg chg="mod">
          <ac:chgData name="芳彦 植野" userId="86ab4e6fb1040a80" providerId="LiveId" clId="{2AAE6ABA-C2BA-43D9-8D48-DEFB9C929E7B}" dt="2024-08-14T23:09:54.956" v="4618" actId="20577"/>
          <ac:spMkLst>
            <pc:docMk/>
            <pc:sldMk cId="3838817679" sldId="2988"/>
            <ac:spMk id="3" creationId="{E773F89C-87A3-A08E-6A22-739AC29DEDFD}"/>
          </ac:spMkLst>
        </pc:spChg>
      </pc:sldChg>
      <pc:sldChg chg="modSp add del mod">
        <pc:chgData name="芳彦 植野" userId="86ab4e6fb1040a80" providerId="LiveId" clId="{2AAE6ABA-C2BA-43D9-8D48-DEFB9C929E7B}" dt="2024-08-16T09:17:47.803" v="5796" actId="2696"/>
        <pc:sldMkLst>
          <pc:docMk/>
          <pc:sldMk cId="1330080111" sldId="2989"/>
        </pc:sldMkLst>
        <pc:spChg chg="mod">
          <ac:chgData name="芳彦 植野" userId="86ab4e6fb1040a80" providerId="LiveId" clId="{2AAE6ABA-C2BA-43D9-8D48-DEFB9C929E7B}" dt="2024-08-14T23:15:12.943" v="4721" actId="255"/>
          <ac:spMkLst>
            <pc:docMk/>
            <pc:sldMk cId="1330080111" sldId="2989"/>
            <ac:spMk id="3" creationId="{7E784396-DA70-863F-36BD-E69CAFE8B77A}"/>
          </ac:spMkLst>
        </pc:spChg>
      </pc:sldChg>
      <pc:sldChg chg="addSp modSp add mod">
        <pc:chgData name="芳彦 植野" userId="86ab4e6fb1040a80" providerId="LiveId" clId="{2AAE6ABA-C2BA-43D9-8D48-DEFB9C929E7B}" dt="2024-08-14T23:18:29.505" v="4766" actId="207"/>
        <pc:sldMkLst>
          <pc:docMk/>
          <pc:sldMk cId="1284625887" sldId="2990"/>
        </pc:sldMkLst>
        <pc:spChg chg="add mod">
          <ac:chgData name="芳彦 植野" userId="86ab4e6fb1040a80" providerId="LiveId" clId="{2AAE6ABA-C2BA-43D9-8D48-DEFB9C929E7B}" dt="2024-08-14T23:16:59.794" v="4732" actId="255"/>
          <ac:spMkLst>
            <pc:docMk/>
            <pc:sldMk cId="1284625887" sldId="2990"/>
            <ac:spMk id="2" creationId="{E712F7C7-24CA-4BD2-B83E-B8B9FC47E9A3}"/>
          </ac:spMkLst>
        </pc:spChg>
        <pc:spChg chg="mod">
          <ac:chgData name="芳彦 植野" userId="86ab4e6fb1040a80" providerId="LiveId" clId="{2AAE6ABA-C2BA-43D9-8D48-DEFB9C929E7B}" dt="2024-08-14T23:18:01.042" v="4746" actId="1076"/>
          <ac:spMkLst>
            <pc:docMk/>
            <pc:sldMk cId="1284625887" sldId="2990"/>
            <ac:spMk id="3" creationId="{15DEB98C-AF54-7EFD-3C6C-A5D724C6B136}"/>
          </ac:spMkLst>
        </pc:spChg>
        <pc:spChg chg="add mod">
          <ac:chgData name="芳彦 植野" userId="86ab4e6fb1040a80" providerId="LiveId" clId="{2AAE6ABA-C2BA-43D9-8D48-DEFB9C929E7B}" dt="2024-08-14T23:18:29.505" v="4766" actId="207"/>
          <ac:spMkLst>
            <pc:docMk/>
            <pc:sldMk cId="1284625887" sldId="2990"/>
            <ac:spMk id="4" creationId="{DB1E6008-1A94-7FAD-C9FE-E45A6D4DB5F0}"/>
          </ac:spMkLst>
        </pc:spChg>
      </pc:sldChg>
      <pc:sldChg chg="addSp modSp add del mod modClrScheme chgLayout">
        <pc:chgData name="芳彦 植野" userId="86ab4e6fb1040a80" providerId="LiveId" clId="{2AAE6ABA-C2BA-43D9-8D48-DEFB9C929E7B}" dt="2024-08-16T00:14:10.121" v="4899" actId="2696"/>
        <pc:sldMkLst>
          <pc:docMk/>
          <pc:sldMk cId="96589301" sldId="2991"/>
        </pc:sldMkLst>
        <pc:spChg chg="mod ord modVis">
          <ac:chgData name="芳彦 植野" userId="86ab4e6fb1040a80" providerId="LiveId" clId="{2AAE6ABA-C2BA-43D9-8D48-DEFB9C929E7B}" dt="2024-08-16T00:13:49.763" v="4898" actId="26606"/>
          <ac:spMkLst>
            <pc:docMk/>
            <pc:sldMk cId="96589301" sldId="2991"/>
            <ac:spMk id="2" creationId="{2C35F6AD-DF85-EAEF-264B-516901D063F2}"/>
          </ac:spMkLst>
        </pc:spChg>
        <pc:spChg chg="mod">
          <ac:chgData name="芳彦 植野" userId="86ab4e6fb1040a80" providerId="LiveId" clId="{2AAE6ABA-C2BA-43D9-8D48-DEFB9C929E7B}" dt="2024-08-16T00:13:49.763" v="4898" actId="26606"/>
          <ac:spMkLst>
            <pc:docMk/>
            <pc:sldMk cId="96589301" sldId="2991"/>
            <ac:spMk id="3" creationId="{7E784396-DA70-863F-36BD-E69CAFE8B77A}"/>
          </ac:spMkLst>
        </pc:spChg>
        <pc:spChg chg="add mod">
          <ac:chgData name="芳彦 植野" userId="86ab4e6fb1040a80" providerId="LiveId" clId="{2AAE6ABA-C2BA-43D9-8D48-DEFB9C929E7B}" dt="2024-08-16T00:13:49.763" v="4898" actId="26606"/>
          <ac:spMkLst>
            <pc:docMk/>
            <pc:sldMk cId="96589301" sldId="2991"/>
            <ac:spMk id="8" creationId="{CEB9BCC1-D889-63FC-6E34-77601ECD4A54}"/>
          </ac:spMkLst>
        </pc:spChg>
      </pc:sldChg>
      <pc:sldChg chg="add del">
        <pc:chgData name="芳彦 植野" userId="86ab4e6fb1040a80" providerId="LiveId" clId="{2AAE6ABA-C2BA-43D9-8D48-DEFB9C929E7B}" dt="2024-08-16T00:14:20.198" v="4901" actId="2696"/>
        <pc:sldMkLst>
          <pc:docMk/>
          <pc:sldMk cId="2821923583" sldId="2991"/>
        </pc:sldMkLst>
      </pc:sldChg>
      <pc:sldChg chg="addSp modSp add mod">
        <pc:chgData name="芳彦 植野" userId="86ab4e6fb1040a80" providerId="LiveId" clId="{2AAE6ABA-C2BA-43D9-8D48-DEFB9C929E7B}" dt="2024-08-16T09:17:40.053" v="5795" actId="1076"/>
        <pc:sldMkLst>
          <pc:docMk/>
          <pc:sldMk cId="4162736786" sldId="2991"/>
        </pc:sldMkLst>
        <pc:spChg chg="mod">
          <ac:chgData name="芳彦 植野" userId="86ab4e6fb1040a80" providerId="LiveId" clId="{2AAE6ABA-C2BA-43D9-8D48-DEFB9C929E7B}" dt="2024-08-16T09:17:40.053" v="5795" actId="1076"/>
          <ac:spMkLst>
            <pc:docMk/>
            <pc:sldMk cId="4162736786" sldId="2991"/>
            <ac:spMk id="2" creationId="{00000000-0000-0000-0000-000000000000}"/>
          </ac:spMkLst>
        </pc:spChg>
        <pc:spChg chg="add mod">
          <ac:chgData name="芳彦 植野" userId="86ab4e6fb1040a80" providerId="LiveId" clId="{2AAE6ABA-C2BA-43D9-8D48-DEFB9C929E7B}" dt="2024-08-16T09:17:37.538" v="5794" actId="1076"/>
          <ac:spMkLst>
            <pc:docMk/>
            <pc:sldMk cId="4162736786" sldId="2991"/>
            <ac:spMk id="5" creationId="{17F12686-415E-6846-435F-555D94076B8C}"/>
          </ac:spMkLst>
        </pc:spChg>
      </pc:sldChg>
      <pc:sldChg chg="modSp add mod">
        <pc:chgData name="芳彦 植野" userId="86ab4e6fb1040a80" providerId="LiveId" clId="{2AAE6ABA-C2BA-43D9-8D48-DEFB9C929E7B}" dt="2024-08-16T09:16:57.754" v="5792" actId="255"/>
        <pc:sldMkLst>
          <pc:docMk/>
          <pc:sldMk cId="2469405984" sldId="2992"/>
        </pc:sldMkLst>
        <pc:spChg chg="mod">
          <ac:chgData name="芳彦 植野" userId="86ab4e6fb1040a80" providerId="LiveId" clId="{2AAE6ABA-C2BA-43D9-8D48-DEFB9C929E7B}" dt="2024-08-16T09:16:57.754" v="5792" actId="255"/>
          <ac:spMkLst>
            <pc:docMk/>
            <pc:sldMk cId="2469405984" sldId="2992"/>
            <ac:spMk id="2" creationId="{00000000-0000-0000-0000-000000000000}"/>
          </ac:spMkLst>
        </pc:spChg>
      </pc:sldChg>
      <pc:sldChg chg="modSp add mod">
        <pc:chgData name="芳彦 植野" userId="86ab4e6fb1040a80" providerId="LiveId" clId="{2AAE6ABA-C2BA-43D9-8D48-DEFB9C929E7B}" dt="2024-08-16T00:16:39.819" v="5003" actId="6549"/>
        <pc:sldMkLst>
          <pc:docMk/>
          <pc:sldMk cId="2146140228" sldId="2993"/>
        </pc:sldMkLst>
        <pc:spChg chg="mod">
          <ac:chgData name="芳彦 植野" userId="86ab4e6fb1040a80" providerId="LiveId" clId="{2AAE6ABA-C2BA-43D9-8D48-DEFB9C929E7B}" dt="2024-08-16T00:16:39.819" v="5003" actId="6549"/>
          <ac:spMkLst>
            <pc:docMk/>
            <pc:sldMk cId="2146140228" sldId="2993"/>
            <ac:spMk id="2" creationId="{00000000-0000-0000-0000-000000000000}"/>
          </ac:spMkLst>
        </pc:spChg>
      </pc:sldChg>
      <pc:sldChg chg="add del">
        <pc:chgData name="芳彦 植野" userId="86ab4e6fb1040a80" providerId="LiveId" clId="{2AAE6ABA-C2BA-43D9-8D48-DEFB9C929E7B}" dt="2024-08-16T09:09:44.673" v="5074" actId="2696"/>
        <pc:sldMkLst>
          <pc:docMk/>
          <pc:sldMk cId="0" sldId="2994"/>
        </pc:sldMkLst>
      </pc:sldChg>
      <pc:sldChg chg="add">
        <pc:chgData name="芳彦 植野" userId="86ab4e6fb1040a80" providerId="LiveId" clId="{2AAE6ABA-C2BA-43D9-8D48-DEFB9C929E7B}" dt="2024-08-16T00:17:11.233" v="5005"/>
        <pc:sldMkLst>
          <pc:docMk/>
          <pc:sldMk cId="0" sldId="2995"/>
        </pc:sldMkLst>
      </pc:sldChg>
      <pc:sldChg chg="modSp add mod">
        <pc:chgData name="芳彦 植野" userId="86ab4e6fb1040a80" providerId="LiveId" clId="{2AAE6ABA-C2BA-43D9-8D48-DEFB9C929E7B}" dt="2024-08-16T08:08:19.858" v="5054" actId="14100"/>
        <pc:sldMkLst>
          <pc:docMk/>
          <pc:sldMk cId="0" sldId="2996"/>
        </pc:sldMkLst>
        <pc:spChg chg="mod">
          <ac:chgData name="芳彦 植野" userId="86ab4e6fb1040a80" providerId="LiveId" clId="{2AAE6ABA-C2BA-43D9-8D48-DEFB9C929E7B}" dt="2024-08-16T08:08:19.858" v="5054" actId="14100"/>
          <ac:spMkLst>
            <pc:docMk/>
            <pc:sldMk cId="0" sldId="2996"/>
            <ac:spMk id="19" creationId="{00000000-0000-0000-0000-000000000000}"/>
          </ac:spMkLst>
        </pc:spChg>
        <pc:spChg chg="mod">
          <ac:chgData name="芳彦 植野" userId="86ab4e6fb1040a80" providerId="LiveId" clId="{2AAE6ABA-C2BA-43D9-8D48-DEFB9C929E7B}" dt="2024-08-16T08:07:43.155" v="5049" actId="14100"/>
          <ac:spMkLst>
            <pc:docMk/>
            <pc:sldMk cId="0" sldId="2996"/>
            <ac:spMk id="32" creationId="{00000000-0000-0000-0000-000000000000}"/>
          </ac:spMkLst>
        </pc:spChg>
        <pc:grpChg chg="mod">
          <ac:chgData name="芳彦 植野" userId="86ab4e6fb1040a80" providerId="LiveId" clId="{2AAE6ABA-C2BA-43D9-8D48-DEFB9C929E7B}" dt="2024-08-16T08:07:57.923" v="5050" actId="14100"/>
          <ac:grpSpMkLst>
            <pc:docMk/>
            <pc:sldMk cId="0" sldId="2996"/>
            <ac:grpSpMk id="28" creationId="{00000000-0000-0000-0000-000000000000}"/>
          </ac:grpSpMkLst>
        </pc:grpChg>
      </pc:sldChg>
      <pc:sldChg chg="add del">
        <pc:chgData name="芳彦 植野" userId="86ab4e6fb1040a80" providerId="LiveId" clId="{2AAE6ABA-C2BA-43D9-8D48-DEFB9C929E7B}" dt="2024-08-16T09:09:59.660" v="5075" actId="2696"/>
        <pc:sldMkLst>
          <pc:docMk/>
          <pc:sldMk cId="0" sldId="2997"/>
        </pc:sldMkLst>
      </pc:sldChg>
      <pc:sldChg chg="modSp add del mod">
        <pc:chgData name="芳彦 植野" userId="86ab4e6fb1040a80" providerId="LiveId" clId="{2AAE6ABA-C2BA-43D9-8D48-DEFB9C929E7B}" dt="2024-08-16T09:10:01.135" v="5076" actId="2696"/>
        <pc:sldMkLst>
          <pc:docMk/>
          <pc:sldMk cId="0" sldId="2998"/>
        </pc:sldMkLst>
        <pc:spChg chg="mod">
          <ac:chgData name="芳彦 植野" userId="86ab4e6fb1040a80" providerId="LiveId" clId="{2AAE6ABA-C2BA-43D9-8D48-DEFB9C929E7B}" dt="2024-08-16T08:07:32.894" v="5047" actId="14100"/>
          <ac:spMkLst>
            <pc:docMk/>
            <pc:sldMk cId="0" sldId="2998"/>
            <ac:spMk id="41" creationId="{00000000-0000-0000-0000-000000000000}"/>
          </ac:spMkLst>
        </pc:spChg>
      </pc:sldChg>
      <pc:sldChg chg="modSp add mod">
        <pc:chgData name="芳彦 植野" userId="86ab4e6fb1040a80" providerId="LiveId" clId="{2AAE6ABA-C2BA-43D9-8D48-DEFB9C929E7B}" dt="2024-08-16T00:19:21.274" v="5041" actId="6549"/>
        <pc:sldMkLst>
          <pc:docMk/>
          <pc:sldMk cId="247245650" sldId="2999"/>
        </pc:sldMkLst>
        <pc:spChg chg="mod">
          <ac:chgData name="芳彦 植野" userId="86ab4e6fb1040a80" providerId="LiveId" clId="{2AAE6ABA-C2BA-43D9-8D48-DEFB9C929E7B}" dt="2024-08-16T00:19:21.274" v="5041" actId="6549"/>
          <ac:spMkLst>
            <pc:docMk/>
            <pc:sldMk cId="247245650" sldId="2999"/>
            <ac:spMk id="2" creationId="{00000000-0000-0000-0000-000000000000}"/>
          </ac:spMkLst>
        </pc:spChg>
      </pc:sldChg>
      <pc:sldChg chg="add">
        <pc:chgData name="芳彦 植野" userId="86ab4e6fb1040a80" providerId="LiveId" clId="{2AAE6ABA-C2BA-43D9-8D48-DEFB9C929E7B}" dt="2024-08-16T09:04:50.306" v="5055"/>
        <pc:sldMkLst>
          <pc:docMk/>
          <pc:sldMk cId="0" sldId="3000"/>
        </pc:sldMkLst>
      </pc:sldChg>
      <pc:sldChg chg="add">
        <pc:chgData name="芳彦 植野" userId="86ab4e6fb1040a80" providerId="LiveId" clId="{2AAE6ABA-C2BA-43D9-8D48-DEFB9C929E7B}" dt="2024-08-16T09:05:04.685" v="5056"/>
        <pc:sldMkLst>
          <pc:docMk/>
          <pc:sldMk cId="0" sldId="3001"/>
        </pc:sldMkLst>
      </pc:sldChg>
      <pc:sldChg chg="add">
        <pc:chgData name="芳彦 植野" userId="86ab4e6fb1040a80" providerId="LiveId" clId="{2AAE6ABA-C2BA-43D9-8D48-DEFB9C929E7B}" dt="2024-08-16T09:05:24.444" v="5057"/>
        <pc:sldMkLst>
          <pc:docMk/>
          <pc:sldMk cId="0" sldId="3002"/>
        </pc:sldMkLst>
      </pc:sldChg>
      <pc:sldChg chg="add">
        <pc:chgData name="芳彦 植野" userId="86ab4e6fb1040a80" providerId="LiveId" clId="{2AAE6ABA-C2BA-43D9-8D48-DEFB9C929E7B}" dt="2024-08-16T09:05:40.044" v="5058"/>
        <pc:sldMkLst>
          <pc:docMk/>
          <pc:sldMk cId="0" sldId="3003"/>
        </pc:sldMkLst>
      </pc:sldChg>
      <pc:sldChg chg="add">
        <pc:chgData name="芳彦 植野" userId="86ab4e6fb1040a80" providerId="LiveId" clId="{2AAE6ABA-C2BA-43D9-8D48-DEFB9C929E7B}" dt="2024-08-16T09:05:52.962" v="5059"/>
        <pc:sldMkLst>
          <pc:docMk/>
          <pc:sldMk cId="0" sldId="3004"/>
        </pc:sldMkLst>
      </pc:sldChg>
      <pc:sldChg chg="addSp modSp add mod">
        <pc:chgData name="芳彦 植野" userId="86ab4e6fb1040a80" providerId="LiveId" clId="{2AAE6ABA-C2BA-43D9-8D48-DEFB9C929E7B}" dt="2024-08-16T09:08:25.929" v="5073" actId="207"/>
        <pc:sldMkLst>
          <pc:docMk/>
          <pc:sldMk cId="0" sldId="3005"/>
        </pc:sldMkLst>
        <pc:spChg chg="add mod">
          <ac:chgData name="芳彦 植野" userId="86ab4e6fb1040a80" providerId="LiveId" clId="{2AAE6ABA-C2BA-43D9-8D48-DEFB9C929E7B}" dt="2024-08-16T09:08:25.929" v="5073" actId="207"/>
          <ac:spMkLst>
            <pc:docMk/>
            <pc:sldMk cId="0" sldId="3005"/>
            <ac:spMk id="81" creationId="{0336A768-A73A-71F2-CC7D-92FCA8B45709}"/>
          </ac:spMkLst>
        </pc:spChg>
      </pc:sldChg>
      <pc:sldChg chg="modSp add mod">
        <pc:chgData name="芳彦 植野" userId="86ab4e6fb1040a80" providerId="LiveId" clId="{2AAE6ABA-C2BA-43D9-8D48-DEFB9C929E7B}" dt="2024-08-16T09:07:10.345" v="5067" actId="14100"/>
        <pc:sldMkLst>
          <pc:docMk/>
          <pc:sldMk cId="0" sldId="3006"/>
        </pc:sldMkLst>
        <pc:spChg chg="mod">
          <ac:chgData name="芳彦 植野" userId="86ab4e6fb1040a80" providerId="LiveId" clId="{2AAE6ABA-C2BA-43D9-8D48-DEFB9C929E7B}" dt="2024-08-16T09:07:10.345" v="5067" actId="14100"/>
          <ac:spMkLst>
            <pc:docMk/>
            <pc:sldMk cId="0" sldId="3006"/>
            <ac:spMk id="4" creationId="{00000000-0000-0000-0000-000000000000}"/>
          </ac:spMkLst>
        </pc:spChg>
        <pc:picChg chg="mod">
          <ac:chgData name="芳彦 植野" userId="86ab4e6fb1040a80" providerId="LiveId" clId="{2AAE6ABA-C2BA-43D9-8D48-DEFB9C929E7B}" dt="2024-08-16T09:07:07.494" v="5066" actId="14100"/>
          <ac:picMkLst>
            <pc:docMk/>
            <pc:sldMk cId="0" sldId="3006"/>
            <ac:picMk id="3" creationId="{00000000-0000-0000-0000-000000000000}"/>
          </ac:picMkLst>
        </pc:picChg>
      </pc:sldChg>
      <pc:sldChg chg="modSp add mod">
        <pc:chgData name="芳彦 植野" userId="86ab4e6fb1040a80" providerId="LiveId" clId="{2AAE6ABA-C2BA-43D9-8D48-DEFB9C929E7B}" dt="2024-08-16T09:06:51.422" v="5064" actId="1076"/>
        <pc:sldMkLst>
          <pc:docMk/>
          <pc:sldMk cId="0" sldId="3007"/>
        </pc:sldMkLst>
        <pc:spChg chg="mod">
          <ac:chgData name="芳彦 植野" userId="86ab4e6fb1040a80" providerId="LiveId" clId="{2AAE6ABA-C2BA-43D9-8D48-DEFB9C929E7B}" dt="2024-08-16T09:06:51.422" v="5064" actId="1076"/>
          <ac:spMkLst>
            <pc:docMk/>
            <pc:sldMk cId="0" sldId="3007"/>
            <ac:spMk id="4" creationId="{00000000-0000-0000-0000-000000000000}"/>
          </ac:spMkLst>
        </pc:spChg>
      </pc:sldChg>
      <pc:sldChg chg="addSp modSp new mod">
        <pc:chgData name="芳彦 植野" userId="86ab4e6fb1040a80" providerId="LiveId" clId="{2AAE6ABA-C2BA-43D9-8D48-DEFB9C929E7B}" dt="2024-08-18T22:47:38.925" v="5798" actId="6549"/>
        <pc:sldMkLst>
          <pc:docMk/>
          <pc:sldMk cId="3597789656" sldId="3008"/>
        </pc:sldMkLst>
        <pc:spChg chg="add mod">
          <ac:chgData name="芳彦 植野" userId="86ab4e6fb1040a80" providerId="LiveId" clId="{2AAE6ABA-C2BA-43D9-8D48-DEFB9C929E7B}" dt="2024-08-18T22:47:38.925" v="5798" actId="6549"/>
          <ac:spMkLst>
            <pc:docMk/>
            <pc:sldMk cId="3597789656" sldId="3008"/>
            <ac:spMk id="3" creationId="{AFDA711A-A060-5124-794E-3718254CBBD3}"/>
          </ac:spMkLst>
        </pc:spChg>
      </pc:sldChg>
      <pc:sldMasterChg chg="delSldLayout">
        <pc:chgData name="芳彦 植野" userId="86ab4e6fb1040a80" providerId="LiveId" clId="{2AAE6ABA-C2BA-43D9-8D48-DEFB9C929E7B}" dt="2024-06-25T20:52:53.864" v="24" actId="2696"/>
        <pc:sldMasterMkLst>
          <pc:docMk/>
          <pc:sldMasterMk cId="1873802127" sldId="2147483685"/>
        </pc:sldMasterMkLst>
        <pc:sldLayoutChg chg="del">
          <pc:chgData name="芳彦 植野" userId="86ab4e6fb1040a80" providerId="LiveId" clId="{2AAE6ABA-C2BA-43D9-8D48-DEFB9C929E7B}" dt="2024-06-25T20:52:53.864" v="24" actId="2696"/>
          <pc:sldLayoutMkLst>
            <pc:docMk/>
            <pc:sldMasterMk cId="1873802127" sldId="2147483685"/>
            <pc:sldLayoutMk cId="1490501331" sldId="2147483914"/>
          </pc:sldLayoutMkLst>
        </pc:sldLayoutChg>
        <pc:sldLayoutChg chg="del">
          <pc:chgData name="芳彦 植野" userId="86ab4e6fb1040a80" providerId="LiveId" clId="{2AAE6ABA-C2BA-43D9-8D48-DEFB9C929E7B}" dt="2024-06-24T20:14:57.684" v="1" actId="2696"/>
          <pc:sldLayoutMkLst>
            <pc:docMk/>
            <pc:sldMasterMk cId="1873802127" sldId="2147483685"/>
            <pc:sldLayoutMk cId="2451740516" sldId="2147483918"/>
          </pc:sldLayoutMkLst>
        </pc:sldLayoutChg>
      </pc:sldMasterChg>
      <pc:sldMasterChg chg="delSldLayout">
        <pc:chgData name="芳彦 植野" userId="86ab4e6fb1040a80" providerId="LiveId" clId="{2AAE6ABA-C2BA-43D9-8D48-DEFB9C929E7B}" dt="2024-07-01T01:32:22.305" v="2033" actId="2696"/>
        <pc:sldMasterMkLst>
          <pc:docMk/>
          <pc:sldMasterMk cId="622364951" sldId="2147483899"/>
        </pc:sldMasterMkLst>
        <pc:sldLayoutChg chg="del">
          <pc:chgData name="芳彦 植野" userId="86ab4e6fb1040a80" providerId="LiveId" clId="{2AAE6ABA-C2BA-43D9-8D48-DEFB9C929E7B}" dt="2024-07-01T01:32:22.305" v="2033" actId="2696"/>
          <pc:sldLayoutMkLst>
            <pc:docMk/>
            <pc:sldMasterMk cId="622364951" sldId="2147483899"/>
            <pc:sldLayoutMk cId="2123403054" sldId="2147483916"/>
          </pc:sldLayoutMkLst>
        </pc:sldLayoutChg>
      </pc:sldMasterChg>
    </pc:docChg>
  </pc:docChgLst>
  <pc:docChgLst>
    <pc:chgData name="植野 芳彦" userId="86ab4e6fb1040a80" providerId="LiveId" clId="{491E1583-BB19-46A1-B269-AF31D4E4A627}"/>
    <pc:docChg chg="undo custSel addSld delSld modSld">
      <pc:chgData name="植野 芳彦" userId="86ab4e6fb1040a80" providerId="LiveId" clId="{491E1583-BB19-46A1-B269-AF31D4E4A627}" dt="2023-03-16T05:05:33.066" v="5224" actId="6549"/>
      <pc:docMkLst>
        <pc:docMk/>
      </pc:docMkLst>
      <pc:sldChg chg="del">
        <pc:chgData name="植野 芳彦" userId="86ab4e6fb1040a80" providerId="LiveId" clId="{491E1583-BB19-46A1-B269-AF31D4E4A627}" dt="2023-02-22T21:06:19.510" v="1671" actId="2696"/>
        <pc:sldMkLst>
          <pc:docMk/>
          <pc:sldMk cId="2291883027" sldId="256"/>
        </pc:sldMkLst>
      </pc:sldChg>
      <pc:sldChg chg="del">
        <pc:chgData name="植野 芳彦" userId="86ab4e6fb1040a80" providerId="LiveId" clId="{491E1583-BB19-46A1-B269-AF31D4E4A627}" dt="2023-02-13T06:44:21.463" v="749" actId="2696"/>
        <pc:sldMkLst>
          <pc:docMk/>
          <pc:sldMk cId="725156132" sldId="257"/>
        </pc:sldMkLst>
      </pc:sldChg>
      <pc:sldChg chg="modSp del">
        <pc:chgData name="植野 芳彦" userId="86ab4e6fb1040a80" providerId="LiveId" clId="{491E1583-BB19-46A1-B269-AF31D4E4A627}" dt="2023-02-22T21:05:10.591" v="1667" actId="2696"/>
        <pc:sldMkLst>
          <pc:docMk/>
          <pc:sldMk cId="3291027191" sldId="258"/>
        </pc:sldMkLst>
        <pc:spChg chg="mod">
          <ac:chgData name="植野 芳彦" userId="86ab4e6fb1040a80" providerId="LiveId" clId="{491E1583-BB19-46A1-B269-AF31D4E4A627}" dt="2023-02-08T03:26:57.845" v="68"/>
          <ac:spMkLst>
            <pc:docMk/>
            <pc:sldMk cId="3291027191" sldId="258"/>
            <ac:spMk id="2" creationId="{00000000-0000-0000-0000-000000000000}"/>
          </ac:spMkLst>
        </pc:spChg>
      </pc:sldChg>
      <pc:sldChg chg="addSp delSp modSp del mod delDesignElem">
        <pc:chgData name="植野 芳彦" userId="86ab4e6fb1040a80" providerId="LiveId" clId="{491E1583-BB19-46A1-B269-AF31D4E4A627}" dt="2023-02-12T20:53:56.615" v="243" actId="2696"/>
        <pc:sldMkLst>
          <pc:docMk/>
          <pc:sldMk cId="3415352116" sldId="285"/>
        </pc:sldMkLst>
        <pc:spChg chg="mod">
          <ac:chgData name="植野 芳彦" userId="86ab4e6fb1040a80" providerId="LiveId" clId="{491E1583-BB19-46A1-B269-AF31D4E4A627}" dt="2023-02-12T20:45:57.072" v="112" actId="20577"/>
          <ac:spMkLst>
            <pc:docMk/>
            <pc:sldMk cId="3415352116" sldId="285"/>
            <ac:spMk id="2" creationId="{85A5FBB4-ED5F-4E12-8ED9-85CE77427551}"/>
          </ac:spMkLst>
        </pc:spChg>
        <pc:spChg chg="mod">
          <ac:chgData name="植野 芳彦" userId="86ab4e6fb1040a80" providerId="LiveId" clId="{491E1583-BB19-46A1-B269-AF31D4E4A627}" dt="2023-02-08T03:26:57.845" v="68"/>
          <ac:spMkLst>
            <pc:docMk/>
            <pc:sldMk cId="3415352116" sldId="285"/>
            <ac:spMk id="3" creationId="{2DDDDAB9-C510-D494-8D89-563E152F9E1F}"/>
          </ac:spMkLst>
        </pc:spChg>
        <pc:spChg chg="mod">
          <ac:chgData name="植野 芳彦" userId="86ab4e6fb1040a80" providerId="LiveId" clId="{491E1583-BB19-46A1-B269-AF31D4E4A627}" dt="2023-02-10T22:33:59.984" v="93" actId="6549"/>
          <ac:spMkLst>
            <pc:docMk/>
            <pc:sldMk cId="3415352116" sldId="285"/>
            <ac:spMk id="4" creationId="{66D61490-E3F2-85B0-8EF3-E68CB9577E3D}"/>
          </ac:spMkLst>
        </pc:spChg>
        <pc:spChg chg="add mod">
          <ac:chgData name="植野 芳彦" userId="86ab4e6fb1040a80" providerId="LiveId" clId="{491E1583-BB19-46A1-B269-AF31D4E4A627}" dt="2023-02-12T20:46:50.740" v="115" actId="14100"/>
          <ac:spMkLst>
            <pc:docMk/>
            <pc:sldMk cId="3415352116" sldId="285"/>
            <ac:spMk id="7" creationId="{CE3B606D-F546-20AE-F034-B3E6F83697AE}"/>
          </ac:spMkLst>
        </pc:spChg>
        <pc:spChg chg="del">
          <ac:chgData name="植野 芳彦" userId="86ab4e6fb1040a80" providerId="LiveId" clId="{491E1583-BB19-46A1-B269-AF31D4E4A627}" dt="2023-02-08T03:26:57.845" v="68"/>
          <ac:spMkLst>
            <pc:docMk/>
            <pc:sldMk cId="3415352116" sldId="285"/>
            <ac:spMk id="9225" creationId="{04812C46-200A-4DEB-A05E-3ED6C68C2387}"/>
          </ac:spMkLst>
        </pc:spChg>
        <pc:spChg chg="del">
          <ac:chgData name="植野 芳彦" userId="86ab4e6fb1040a80" providerId="LiveId" clId="{491E1583-BB19-46A1-B269-AF31D4E4A627}" dt="2023-02-08T03:26:57.845" v="68"/>
          <ac:spMkLst>
            <pc:docMk/>
            <pc:sldMk cId="3415352116" sldId="285"/>
            <ac:spMk id="9227" creationId="{D1EA859B-E555-4109-94F3-6700E046E008}"/>
          </ac:spMkLst>
        </pc:spChg>
      </pc:sldChg>
      <pc:sldChg chg="del">
        <pc:chgData name="植野 芳彦" userId="86ab4e6fb1040a80" providerId="LiveId" clId="{491E1583-BB19-46A1-B269-AF31D4E4A627}" dt="2023-02-13T06:43:51.207" v="746" actId="2696"/>
        <pc:sldMkLst>
          <pc:docMk/>
          <pc:sldMk cId="3886032588" sldId="289"/>
        </pc:sldMkLst>
      </pc:sldChg>
      <pc:sldChg chg="add">
        <pc:chgData name="植野 芳彦" userId="86ab4e6fb1040a80" providerId="LiveId" clId="{491E1583-BB19-46A1-B269-AF31D4E4A627}" dt="2023-03-07T20:19:46.196" v="3888"/>
        <pc:sldMkLst>
          <pc:docMk/>
          <pc:sldMk cId="4275454020" sldId="296"/>
        </pc:sldMkLst>
      </pc:sldChg>
      <pc:sldChg chg="add">
        <pc:chgData name="植野 芳彦" userId="86ab4e6fb1040a80" providerId="LiveId" clId="{491E1583-BB19-46A1-B269-AF31D4E4A627}" dt="2023-02-27T07:16:45.954" v="3059"/>
        <pc:sldMkLst>
          <pc:docMk/>
          <pc:sldMk cId="2446934337" sldId="344"/>
        </pc:sldMkLst>
      </pc:sldChg>
      <pc:sldChg chg="add">
        <pc:chgData name="植野 芳彦" userId="86ab4e6fb1040a80" providerId="LiveId" clId="{491E1583-BB19-46A1-B269-AF31D4E4A627}" dt="2023-03-07T20:22:22.412" v="3892"/>
        <pc:sldMkLst>
          <pc:docMk/>
          <pc:sldMk cId="1294006930" sldId="356"/>
        </pc:sldMkLst>
      </pc:sldChg>
      <pc:sldChg chg="add">
        <pc:chgData name="植野 芳彦" userId="86ab4e6fb1040a80" providerId="LiveId" clId="{491E1583-BB19-46A1-B269-AF31D4E4A627}" dt="2023-02-27T07:16:32.897" v="3058"/>
        <pc:sldMkLst>
          <pc:docMk/>
          <pc:sldMk cId="891002754" sldId="425"/>
        </pc:sldMkLst>
      </pc:sldChg>
      <pc:sldChg chg="add">
        <pc:chgData name="植野 芳彦" userId="86ab4e6fb1040a80" providerId="LiveId" clId="{491E1583-BB19-46A1-B269-AF31D4E4A627}" dt="2023-03-07T09:00:58.889" v="3852"/>
        <pc:sldMkLst>
          <pc:docMk/>
          <pc:sldMk cId="4272232827" sldId="426"/>
        </pc:sldMkLst>
      </pc:sldChg>
      <pc:sldChg chg="modSp mod">
        <pc:chgData name="植野 芳彦" userId="86ab4e6fb1040a80" providerId="LiveId" clId="{491E1583-BB19-46A1-B269-AF31D4E4A627}" dt="2023-03-04T05:55:59.384" v="3350" actId="21"/>
        <pc:sldMkLst>
          <pc:docMk/>
          <pc:sldMk cId="1732934232" sldId="427"/>
        </pc:sldMkLst>
        <pc:spChg chg="mod">
          <ac:chgData name="植野 芳彦" userId="86ab4e6fb1040a80" providerId="LiveId" clId="{491E1583-BB19-46A1-B269-AF31D4E4A627}" dt="2023-03-04T05:55:59.384" v="3350" actId="21"/>
          <ac:spMkLst>
            <pc:docMk/>
            <pc:sldMk cId="1732934232" sldId="427"/>
            <ac:spMk id="2" creationId="{00000000-0000-0000-0000-000000000000}"/>
          </ac:spMkLst>
        </pc:spChg>
      </pc:sldChg>
      <pc:sldChg chg="modSp add mod">
        <pc:chgData name="植野 芳彦" userId="86ab4e6fb1040a80" providerId="LiveId" clId="{491E1583-BB19-46A1-B269-AF31D4E4A627}" dt="2023-03-08T21:25:48.884" v="5222" actId="255"/>
        <pc:sldMkLst>
          <pc:docMk/>
          <pc:sldMk cId="2321441655" sldId="430"/>
        </pc:sldMkLst>
        <pc:spChg chg="mod">
          <ac:chgData name="植野 芳彦" userId="86ab4e6fb1040a80" providerId="LiveId" clId="{491E1583-BB19-46A1-B269-AF31D4E4A627}" dt="2023-03-07T11:52:48.491" v="3871" actId="6549"/>
          <ac:spMkLst>
            <pc:docMk/>
            <pc:sldMk cId="2321441655" sldId="430"/>
            <ac:spMk id="9" creationId="{00000000-0000-0000-0000-000000000000}"/>
          </ac:spMkLst>
        </pc:spChg>
        <pc:spChg chg="mod">
          <ac:chgData name="植野 芳彦" userId="86ab4e6fb1040a80" providerId="LiveId" clId="{491E1583-BB19-46A1-B269-AF31D4E4A627}" dt="2023-03-08T21:24:22.033" v="5082" actId="20577"/>
          <ac:spMkLst>
            <pc:docMk/>
            <pc:sldMk cId="2321441655" sldId="430"/>
            <ac:spMk id="10" creationId="{00000000-0000-0000-0000-000000000000}"/>
          </ac:spMkLst>
        </pc:spChg>
        <pc:spChg chg="mod">
          <ac:chgData name="植野 芳彦" userId="86ab4e6fb1040a80" providerId="LiveId" clId="{491E1583-BB19-46A1-B269-AF31D4E4A627}" dt="2023-03-08T21:25:48.884" v="5222" actId="255"/>
          <ac:spMkLst>
            <pc:docMk/>
            <pc:sldMk cId="2321441655" sldId="430"/>
            <ac:spMk id="11" creationId="{00000000-0000-0000-0000-000000000000}"/>
          </ac:spMkLst>
        </pc:spChg>
      </pc:sldChg>
      <pc:sldChg chg="modSp add mod modTransition">
        <pc:chgData name="植野 芳彦" userId="86ab4e6fb1040a80" providerId="LiveId" clId="{491E1583-BB19-46A1-B269-AF31D4E4A627}" dt="2023-03-08T20:33:55.599" v="4256" actId="20577"/>
        <pc:sldMkLst>
          <pc:docMk/>
          <pc:sldMk cId="350902380" sldId="431"/>
        </pc:sldMkLst>
        <pc:spChg chg="mod">
          <ac:chgData name="植野 芳彦" userId="86ab4e6fb1040a80" providerId="LiveId" clId="{491E1583-BB19-46A1-B269-AF31D4E4A627}" dt="2023-03-08T20:33:55.599" v="4256" actId="20577"/>
          <ac:spMkLst>
            <pc:docMk/>
            <pc:sldMk cId="350902380" sldId="431"/>
            <ac:spMk id="25" creationId="{00000000-0000-0000-0000-000000000000}"/>
          </ac:spMkLst>
        </pc:spChg>
      </pc:sldChg>
      <pc:sldChg chg="add del">
        <pc:chgData name="植野 芳彦" userId="86ab4e6fb1040a80" providerId="LiveId" clId="{491E1583-BB19-46A1-B269-AF31D4E4A627}" dt="2023-03-08T20:49:09.846" v="4925" actId="2696"/>
        <pc:sldMkLst>
          <pc:docMk/>
          <pc:sldMk cId="2871855038" sldId="437"/>
        </pc:sldMkLst>
      </pc:sldChg>
      <pc:sldChg chg="modSp del mod">
        <pc:chgData name="植野 芳彦" userId="86ab4e6fb1040a80" providerId="LiveId" clId="{491E1583-BB19-46A1-B269-AF31D4E4A627}" dt="2023-03-04T05:56:10.785" v="3351" actId="2696"/>
        <pc:sldMkLst>
          <pc:docMk/>
          <pc:sldMk cId="2539413466" sldId="441"/>
        </pc:sldMkLst>
        <pc:spChg chg="mod">
          <ac:chgData name="植野 芳彦" userId="86ab4e6fb1040a80" providerId="LiveId" clId="{491E1583-BB19-46A1-B269-AF31D4E4A627}" dt="2023-02-26T22:21:45.715" v="3023" actId="20577"/>
          <ac:spMkLst>
            <pc:docMk/>
            <pc:sldMk cId="2539413466" sldId="441"/>
            <ac:spMk id="2" creationId="{00000000-0000-0000-0000-000000000000}"/>
          </ac:spMkLst>
        </pc:spChg>
        <pc:picChg chg="mod">
          <ac:chgData name="植野 芳彦" userId="86ab4e6fb1040a80" providerId="LiveId" clId="{491E1583-BB19-46A1-B269-AF31D4E4A627}" dt="2023-02-26T22:21:36.470" v="3020" actId="1076"/>
          <ac:picMkLst>
            <pc:docMk/>
            <pc:sldMk cId="2539413466" sldId="441"/>
            <ac:picMk id="3" creationId="{9A82CB22-7F87-48C2-99A4-8848D531DFE3}"/>
          </ac:picMkLst>
        </pc:picChg>
        <pc:picChg chg="mod">
          <ac:chgData name="植野 芳彦" userId="86ab4e6fb1040a80" providerId="LiveId" clId="{491E1583-BB19-46A1-B269-AF31D4E4A627}" dt="2023-02-26T22:21:38.063" v="3021" actId="1076"/>
          <ac:picMkLst>
            <pc:docMk/>
            <pc:sldMk cId="2539413466" sldId="441"/>
            <ac:picMk id="5" creationId="{DFCBFAEB-2794-4ED0-936C-67C8592D0AF2}"/>
          </ac:picMkLst>
        </pc:picChg>
      </pc:sldChg>
      <pc:sldChg chg="add del">
        <pc:chgData name="植野 芳彦" userId="86ab4e6fb1040a80" providerId="LiveId" clId="{491E1583-BB19-46A1-B269-AF31D4E4A627}" dt="2023-03-07T08:21:08.550" v="3828"/>
        <pc:sldMkLst>
          <pc:docMk/>
          <pc:sldMk cId="310062467" sldId="443"/>
        </pc:sldMkLst>
      </pc:sldChg>
      <pc:sldChg chg="add del">
        <pc:chgData name="植野 芳彦" userId="86ab4e6fb1040a80" providerId="LiveId" clId="{491E1583-BB19-46A1-B269-AF31D4E4A627}" dt="2023-03-07T08:21:16.796" v="3829" actId="2696"/>
        <pc:sldMkLst>
          <pc:docMk/>
          <pc:sldMk cId="872061318" sldId="443"/>
        </pc:sldMkLst>
      </pc:sldChg>
      <pc:sldChg chg="modSp del">
        <pc:chgData name="植野 芳彦" userId="86ab4e6fb1040a80" providerId="LiveId" clId="{491E1583-BB19-46A1-B269-AF31D4E4A627}" dt="2023-02-22T20:58:23.262" v="1471" actId="2696"/>
        <pc:sldMkLst>
          <pc:docMk/>
          <pc:sldMk cId="1645456188" sldId="443"/>
        </pc:sldMkLst>
        <pc:spChg chg="mod">
          <ac:chgData name="植野 芳彦" userId="86ab4e6fb1040a80" providerId="LiveId" clId="{491E1583-BB19-46A1-B269-AF31D4E4A627}" dt="2023-02-08T03:26:57.845" v="68"/>
          <ac:spMkLst>
            <pc:docMk/>
            <pc:sldMk cId="1645456188" sldId="443"/>
            <ac:spMk id="6146" creationId="{00000000-0000-0000-0000-000000000000}"/>
          </ac:spMkLst>
        </pc:spChg>
      </pc:sldChg>
      <pc:sldChg chg="modSp del">
        <pc:chgData name="植野 芳彦" userId="86ab4e6fb1040a80" providerId="LiveId" clId="{491E1583-BB19-46A1-B269-AF31D4E4A627}" dt="2023-02-13T06:43:35.584" v="742" actId="2696"/>
        <pc:sldMkLst>
          <pc:docMk/>
          <pc:sldMk cId="0" sldId="540"/>
        </pc:sldMkLst>
        <pc:spChg chg="mod">
          <ac:chgData name="植野 芳彦" userId="86ab4e6fb1040a80" providerId="LiveId" clId="{491E1583-BB19-46A1-B269-AF31D4E4A627}" dt="2023-02-08T03:26:57.845" v="68"/>
          <ac:spMkLst>
            <pc:docMk/>
            <pc:sldMk cId="0" sldId="540"/>
            <ac:spMk id="47107" creationId="{88D483CF-96E3-1D92-96BF-20FCFA38103A}"/>
          </ac:spMkLst>
        </pc:spChg>
      </pc:sldChg>
      <pc:sldChg chg="add del">
        <pc:chgData name="植野 芳彦" userId="86ab4e6fb1040a80" providerId="LiveId" clId="{491E1583-BB19-46A1-B269-AF31D4E4A627}" dt="2023-03-07T09:01:29.962" v="3853"/>
        <pc:sldMkLst>
          <pc:docMk/>
          <pc:sldMk cId="0" sldId="664"/>
        </pc:sldMkLst>
      </pc:sldChg>
      <pc:sldChg chg="modSp add mod">
        <pc:chgData name="植野 芳彦" userId="86ab4e6fb1040a80" providerId="LiveId" clId="{491E1583-BB19-46A1-B269-AF31D4E4A627}" dt="2023-02-24T07:44:12.128" v="2860" actId="20577"/>
        <pc:sldMkLst>
          <pc:docMk/>
          <pc:sldMk cId="0" sldId="667"/>
        </pc:sldMkLst>
        <pc:spChg chg="mod">
          <ac:chgData name="植野 芳彦" userId="86ab4e6fb1040a80" providerId="LiveId" clId="{491E1583-BB19-46A1-B269-AF31D4E4A627}" dt="2023-02-24T07:44:12.128" v="2860" actId="20577"/>
          <ac:spMkLst>
            <pc:docMk/>
            <pc:sldMk cId="0" sldId="667"/>
            <ac:spMk id="8195" creationId="{656C9569-B86F-8661-01C4-FAC034F30660}"/>
          </ac:spMkLst>
        </pc:spChg>
      </pc:sldChg>
      <pc:sldChg chg="modSp add del mod">
        <pc:chgData name="植野 芳彦" userId="86ab4e6fb1040a80" providerId="LiveId" clId="{491E1583-BB19-46A1-B269-AF31D4E4A627}" dt="2023-02-26T22:49:17.915" v="3053" actId="14100"/>
        <pc:sldMkLst>
          <pc:docMk/>
          <pc:sldMk cId="0" sldId="685"/>
        </pc:sldMkLst>
        <pc:spChg chg="mod">
          <ac:chgData name="植野 芳彦" userId="86ab4e6fb1040a80" providerId="LiveId" clId="{491E1583-BB19-46A1-B269-AF31D4E4A627}" dt="2023-02-26T22:48:58.542" v="3046" actId="1076"/>
          <ac:spMkLst>
            <pc:docMk/>
            <pc:sldMk cId="0" sldId="685"/>
            <ac:spMk id="26637" creationId="{DF8BE285-17BA-9B4E-6273-AD8DE5BBA993}"/>
          </ac:spMkLst>
        </pc:spChg>
        <pc:picChg chg="mod">
          <ac:chgData name="植野 芳彦" userId="86ab4e6fb1040a80" providerId="LiveId" clId="{491E1583-BB19-46A1-B269-AF31D4E4A627}" dt="2023-02-26T22:49:17.915" v="3053" actId="14100"/>
          <ac:picMkLst>
            <pc:docMk/>
            <pc:sldMk cId="0" sldId="685"/>
            <ac:picMk id="2" creationId="{EB2BF3A2-A2F8-414A-65E2-7F3F6337E6D8}"/>
          </ac:picMkLst>
        </pc:picChg>
        <pc:picChg chg="mod">
          <ac:chgData name="植野 芳彦" userId="86ab4e6fb1040a80" providerId="LiveId" clId="{491E1583-BB19-46A1-B269-AF31D4E4A627}" dt="2023-02-26T22:49:11.902" v="3051" actId="1076"/>
          <ac:picMkLst>
            <pc:docMk/>
            <pc:sldMk cId="0" sldId="685"/>
            <ac:picMk id="26628" creationId="{D0D6FCCF-0B80-7686-A551-799DB11387D5}"/>
          </ac:picMkLst>
        </pc:picChg>
        <pc:picChg chg="mod">
          <ac:chgData name="植野 芳彦" userId="86ab4e6fb1040a80" providerId="LiveId" clId="{491E1583-BB19-46A1-B269-AF31D4E4A627}" dt="2023-02-26T22:49:07.837" v="3049" actId="1076"/>
          <ac:picMkLst>
            <pc:docMk/>
            <pc:sldMk cId="0" sldId="685"/>
            <ac:picMk id="26634" creationId="{E608B4D8-5050-22FB-5024-50DB03D4E297}"/>
          </ac:picMkLst>
        </pc:picChg>
        <pc:picChg chg="mod">
          <ac:chgData name="植野 芳彦" userId="86ab4e6fb1040a80" providerId="LiveId" clId="{491E1583-BB19-46A1-B269-AF31D4E4A627}" dt="2023-02-26T22:49:15.165" v="3052" actId="14100"/>
          <ac:picMkLst>
            <pc:docMk/>
            <pc:sldMk cId="0" sldId="685"/>
            <ac:picMk id="26636" creationId="{45A9B060-AC98-ACF2-31D7-E70D12ACE670}"/>
          </ac:picMkLst>
        </pc:picChg>
      </pc:sldChg>
      <pc:sldChg chg="modSp del">
        <pc:chgData name="植野 芳彦" userId="86ab4e6fb1040a80" providerId="LiveId" clId="{491E1583-BB19-46A1-B269-AF31D4E4A627}" dt="2023-02-19T09:36:40.264" v="867" actId="2696"/>
        <pc:sldMkLst>
          <pc:docMk/>
          <pc:sldMk cId="0" sldId="751"/>
        </pc:sldMkLst>
        <pc:spChg chg="mod">
          <ac:chgData name="植野 芳彦" userId="86ab4e6fb1040a80" providerId="LiveId" clId="{491E1583-BB19-46A1-B269-AF31D4E4A627}" dt="2023-02-08T03:26:57.845" v="68"/>
          <ac:spMkLst>
            <pc:docMk/>
            <pc:sldMk cId="0" sldId="751"/>
            <ac:spMk id="88066" creationId="{C775DDF1-D5A3-F668-2E26-F1AC7C3E3F1C}"/>
          </ac:spMkLst>
        </pc:spChg>
      </pc:sldChg>
      <pc:sldChg chg="modSp add mod modTransition">
        <pc:chgData name="植野 芳彦" userId="86ab4e6fb1040a80" providerId="LiveId" clId="{491E1583-BB19-46A1-B269-AF31D4E4A627}" dt="2023-03-07T20:56:42.248" v="4087" actId="20577"/>
        <pc:sldMkLst>
          <pc:docMk/>
          <pc:sldMk cId="2636498378" sldId="758"/>
        </pc:sldMkLst>
        <pc:spChg chg="mod">
          <ac:chgData name="植野 芳彦" userId="86ab4e6fb1040a80" providerId="LiveId" clId="{491E1583-BB19-46A1-B269-AF31D4E4A627}" dt="2023-03-07T20:56:42.248" v="4087" actId="20577"/>
          <ac:spMkLst>
            <pc:docMk/>
            <pc:sldMk cId="2636498378" sldId="758"/>
            <ac:spMk id="31746" creationId="{0DAE3799-0B29-4711-B296-98D8ED9CFC9B}"/>
          </ac:spMkLst>
        </pc:spChg>
        <pc:spChg chg="mod">
          <ac:chgData name="植野 芳彦" userId="86ab4e6fb1040a80" providerId="LiveId" clId="{491E1583-BB19-46A1-B269-AF31D4E4A627}" dt="2023-03-07T20:55:03.604" v="3921" actId="6549"/>
          <ac:spMkLst>
            <pc:docMk/>
            <pc:sldMk cId="2636498378" sldId="758"/>
            <ac:spMk id="31747" creationId="{05D95420-4BD7-45CD-BBAE-B3DE22480E6A}"/>
          </ac:spMkLst>
        </pc:spChg>
        <pc:spChg chg="mod">
          <ac:chgData name="植野 芳彦" userId="86ab4e6fb1040a80" providerId="LiveId" clId="{491E1583-BB19-46A1-B269-AF31D4E4A627}" dt="2023-03-07T20:54:36.189" v="3899" actId="1076"/>
          <ac:spMkLst>
            <pc:docMk/>
            <pc:sldMk cId="2636498378" sldId="758"/>
            <ac:spMk id="31751" creationId="{269AF1A7-18ED-4EFF-812F-B6C8470932CD}"/>
          </ac:spMkLst>
        </pc:spChg>
      </pc:sldChg>
      <pc:sldChg chg="delSp modSp mod">
        <pc:chgData name="植野 芳彦" userId="86ab4e6fb1040a80" providerId="LiveId" clId="{491E1583-BB19-46A1-B269-AF31D4E4A627}" dt="2023-03-07T09:02:50.910" v="3865" actId="1076"/>
        <pc:sldMkLst>
          <pc:docMk/>
          <pc:sldMk cId="3736012884" sldId="759"/>
        </pc:sldMkLst>
        <pc:spChg chg="mod">
          <ac:chgData name="植野 芳彦" userId="86ab4e6fb1040a80" providerId="LiveId" clId="{491E1583-BB19-46A1-B269-AF31D4E4A627}" dt="2023-02-08T03:26:57.845" v="68"/>
          <ac:spMkLst>
            <pc:docMk/>
            <pc:sldMk cId="3736012884" sldId="759"/>
            <ac:spMk id="2" creationId="{6A67EA14-0B8E-0865-1AA8-167DFEAF4259}"/>
          </ac:spMkLst>
        </pc:spChg>
        <pc:spChg chg="mod">
          <ac:chgData name="植野 芳彦" userId="86ab4e6fb1040a80" providerId="LiveId" clId="{491E1583-BB19-46A1-B269-AF31D4E4A627}" dt="2023-03-07T09:02:50.910" v="3865" actId="1076"/>
          <ac:spMkLst>
            <pc:docMk/>
            <pc:sldMk cId="3736012884" sldId="759"/>
            <ac:spMk id="14" creationId="{0AC7FB5E-6DF4-4261-9402-A0C740810F5B}"/>
          </ac:spMkLst>
        </pc:spChg>
        <pc:spChg chg="del">
          <ac:chgData name="植野 芳彦" userId="86ab4e6fb1040a80" providerId="LiveId" clId="{491E1583-BB19-46A1-B269-AF31D4E4A627}" dt="2023-03-07T09:02:22.935" v="3858" actId="21"/>
          <ac:spMkLst>
            <pc:docMk/>
            <pc:sldMk cId="3736012884" sldId="759"/>
            <ac:spMk id="39" creationId="{45733AEB-B9DB-42E8-8FC2-9E71B311D231}"/>
          </ac:spMkLst>
        </pc:spChg>
        <pc:spChg chg="del">
          <ac:chgData name="植野 芳彦" userId="86ab4e6fb1040a80" providerId="LiveId" clId="{491E1583-BB19-46A1-B269-AF31D4E4A627}" dt="2023-03-07T09:02:28.051" v="3859" actId="21"/>
          <ac:spMkLst>
            <pc:docMk/>
            <pc:sldMk cId="3736012884" sldId="759"/>
            <ac:spMk id="42" creationId="{474E61EB-837A-4C50-91B6-479FFA4C67D3}"/>
          </ac:spMkLst>
        </pc:spChg>
        <pc:spChg chg="mod">
          <ac:chgData name="植野 芳彦" userId="86ab4e6fb1040a80" providerId="LiveId" clId="{491E1583-BB19-46A1-B269-AF31D4E4A627}" dt="2023-03-04T05:55:13.297" v="3301" actId="20577"/>
          <ac:spMkLst>
            <pc:docMk/>
            <pc:sldMk cId="3736012884" sldId="759"/>
            <ac:spMk id="88070" creationId="{2E5D7F80-E348-421E-B0C9-D13435DC1C24}"/>
          </ac:spMkLst>
        </pc:spChg>
        <pc:picChg chg="mod">
          <ac:chgData name="植野 芳彦" userId="86ab4e6fb1040a80" providerId="LiveId" clId="{491E1583-BB19-46A1-B269-AF31D4E4A627}" dt="2023-03-07T09:02:46.218" v="3864" actId="1076"/>
          <ac:picMkLst>
            <pc:docMk/>
            <pc:sldMk cId="3736012884" sldId="759"/>
            <ac:picMk id="9" creationId="{B009B125-1E9C-48B4-996C-FF64F8BE02DB}"/>
          </ac:picMkLst>
        </pc:picChg>
        <pc:picChg chg="mod">
          <ac:chgData name="植野 芳彦" userId="86ab4e6fb1040a80" providerId="LiveId" clId="{491E1583-BB19-46A1-B269-AF31D4E4A627}" dt="2023-03-07T09:02:33.402" v="3860" actId="14100"/>
          <ac:picMkLst>
            <pc:docMk/>
            <pc:sldMk cId="3736012884" sldId="759"/>
            <ac:picMk id="18" creationId="{6F5DA99F-536B-4010-86BB-501932E98A76}"/>
          </ac:picMkLst>
        </pc:picChg>
        <pc:picChg chg="del mod">
          <ac:chgData name="植野 芳彦" userId="86ab4e6fb1040a80" providerId="LiveId" clId="{491E1583-BB19-46A1-B269-AF31D4E4A627}" dt="2023-03-07T09:02:19.407" v="3857" actId="21"/>
          <ac:picMkLst>
            <pc:docMk/>
            <pc:sldMk cId="3736012884" sldId="759"/>
            <ac:picMk id="88077" creationId="{1704CE8F-4063-4901-8762-A12F79421DB2}"/>
          </ac:picMkLst>
        </pc:picChg>
      </pc:sldChg>
      <pc:sldChg chg="modSp del">
        <pc:chgData name="植野 芳彦" userId="86ab4e6fb1040a80" providerId="LiveId" clId="{491E1583-BB19-46A1-B269-AF31D4E4A627}" dt="2023-02-13T02:30:47.374" v="722" actId="2696"/>
        <pc:sldMkLst>
          <pc:docMk/>
          <pc:sldMk cId="1866659297" sldId="766"/>
        </pc:sldMkLst>
        <pc:spChg chg="mod">
          <ac:chgData name="植野 芳彦" userId="86ab4e6fb1040a80" providerId="LiveId" clId="{491E1583-BB19-46A1-B269-AF31D4E4A627}" dt="2023-02-08T03:26:57.845" v="68"/>
          <ac:spMkLst>
            <pc:docMk/>
            <pc:sldMk cId="1866659297" sldId="766"/>
            <ac:spMk id="2" creationId="{8DC0FE3C-BC3C-4E41-8AB9-B0A57AEC5580}"/>
          </ac:spMkLst>
        </pc:spChg>
      </pc:sldChg>
      <pc:sldChg chg="modSp add del">
        <pc:chgData name="植野 芳彦" userId="86ab4e6fb1040a80" providerId="LiveId" clId="{491E1583-BB19-46A1-B269-AF31D4E4A627}" dt="2023-03-04T05:54:24.148" v="3234"/>
        <pc:sldMkLst>
          <pc:docMk/>
          <pc:sldMk cId="1395234089" sldId="769"/>
        </pc:sldMkLst>
        <pc:spChg chg="mod">
          <ac:chgData name="植野 芳彦" userId="86ab4e6fb1040a80" providerId="LiveId" clId="{491E1583-BB19-46A1-B269-AF31D4E4A627}" dt="2023-02-08T03:26:57.845" v="68"/>
          <ac:spMkLst>
            <pc:docMk/>
            <pc:sldMk cId="1395234089" sldId="769"/>
            <ac:spMk id="16386" creationId="{00000000-0000-0000-0000-000000000000}"/>
          </ac:spMkLst>
        </pc:spChg>
        <pc:graphicFrameChg chg="mod">
          <ac:chgData name="植野 芳彦" userId="86ab4e6fb1040a80" providerId="LiveId" clId="{491E1583-BB19-46A1-B269-AF31D4E4A627}" dt="2023-02-08T03:26:57.845" v="68"/>
          <ac:graphicFrameMkLst>
            <pc:docMk/>
            <pc:sldMk cId="1395234089" sldId="769"/>
            <ac:graphicFrameMk id="16388" creationId="{00000000-0000-0000-0000-000000000000}"/>
          </ac:graphicFrameMkLst>
        </pc:graphicFrameChg>
      </pc:sldChg>
      <pc:sldChg chg="add">
        <pc:chgData name="植野 芳彦" userId="86ab4e6fb1040a80" providerId="LiveId" clId="{491E1583-BB19-46A1-B269-AF31D4E4A627}" dt="2023-02-27T07:16:56.988" v="3060"/>
        <pc:sldMkLst>
          <pc:docMk/>
          <pc:sldMk cId="3009567186" sldId="789"/>
        </pc:sldMkLst>
      </pc:sldChg>
      <pc:sldChg chg="modSp del mod">
        <pc:chgData name="植野 芳彦" userId="86ab4e6fb1040a80" providerId="LiveId" clId="{491E1583-BB19-46A1-B269-AF31D4E4A627}" dt="2023-02-13T06:41:50.725" v="738" actId="2696"/>
        <pc:sldMkLst>
          <pc:docMk/>
          <pc:sldMk cId="1928805006" sldId="797"/>
        </pc:sldMkLst>
        <pc:spChg chg="mod">
          <ac:chgData name="植野 芳彦" userId="86ab4e6fb1040a80" providerId="LiveId" clId="{491E1583-BB19-46A1-B269-AF31D4E4A627}" dt="2023-02-12T21:01:25.698" v="700" actId="6549"/>
          <ac:spMkLst>
            <pc:docMk/>
            <pc:sldMk cId="1928805006" sldId="797"/>
            <ac:spMk id="3" creationId="{00000000-0000-0000-0000-000000000000}"/>
          </ac:spMkLst>
        </pc:spChg>
        <pc:spChg chg="mod">
          <ac:chgData name="植野 芳彦" userId="86ab4e6fb1040a80" providerId="LiveId" clId="{491E1583-BB19-46A1-B269-AF31D4E4A627}" dt="2023-02-08T03:26:57.845" v="68"/>
          <ac:spMkLst>
            <pc:docMk/>
            <pc:sldMk cId="1928805006" sldId="797"/>
            <ac:spMk id="4" creationId="{D4C3399A-DFC8-14AE-45A9-7C6220A7C222}"/>
          </ac:spMkLst>
        </pc:spChg>
      </pc:sldChg>
      <pc:sldChg chg="modSp add mod">
        <pc:chgData name="植野 芳彦" userId="86ab4e6fb1040a80" providerId="LiveId" clId="{491E1583-BB19-46A1-B269-AF31D4E4A627}" dt="2023-03-16T05:05:33.066" v="5224" actId="6549"/>
        <pc:sldMkLst>
          <pc:docMk/>
          <pc:sldMk cId="3309054481" sldId="797"/>
        </pc:sldMkLst>
        <pc:spChg chg="mod">
          <ac:chgData name="植野 芳彦" userId="86ab4e6fb1040a80" providerId="LiveId" clId="{491E1583-BB19-46A1-B269-AF31D4E4A627}" dt="2023-03-07T04:27:27.315" v="3466" actId="6549"/>
          <ac:spMkLst>
            <pc:docMk/>
            <pc:sldMk cId="3309054481" sldId="797"/>
            <ac:spMk id="2" creationId="{00000000-0000-0000-0000-000000000000}"/>
          </ac:spMkLst>
        </pc:spChg>
        <pc:spChg chg="mod">
          <ac:chgData name="植野 芳彦" userId="86ab4e6fb1040a80" providerId="LiveId" clId="{491E1583-BB19-46A1-B269-AF31D4E4A627}" dt="2023-03-16T05:05:33.066" v="5224" actId="6549"/>
          <ac:spMkLst>
            <pc:docMk/>
            <pc:sldMk cId="3309054481" sldId="797"/>
            <ac:spMk id="3" creationId="{00000000-0000-0000-0000-000000000000}"/>
          </ac:spMkLst>
        </pc:spChg>
      </pc:sldChg>
      <pc:sldChg chg="del">
        <pc:chgData name="植野 芳彦" userId="86ab4e6fb1040a80" providerId="LiveId" clId="{491E1583-BB19-46A1-B269-AF31D4E4A627}" dt="2023-02-19T09:34:34.043" v="851" actId="2696"/>
        <pc:sldMkLst>
          <pc:docMk/>
          <pc:sldMk cId="873082520" sldId="801"/>
        </pc:sldMkLst>
      </pc:sldChg>
      <pc:sldChg chg="modSp add del mod">
        <pc:chgData name="植野 芳彦" userId="86ab4e6fb1040a80" providerId="LiveId" clId="{491E1583-BB19-46A1-B269-AF31D4E4A627}" dt="2023-02-22T21:06:25.612" v="1672" actId="2696"/>
        <pc:sldMkLst>
          <pc:docMk/>
          <pc:sldMk cId="3623868747" sldId="801"/>
        </pc:sldMkLst>
        <pc:spChg chg="mod">
          <ac:chgData name="植野 芳彦" userId="86ab4e6fb1040a80" providerId="LiveId" clId="{491E1583-BB19-46A1-B269-AF31D4E4A627}" dt="2023-02-19T09:36:14.194" v="866" actId="14100"/>
          <ac:spMkLst>
            <pc:docMk/>
            <pc:sldMk cId="3623868747" sldId="801"/>
            <ac:spMk id="35843" creationId="{EB25B437-E1E4-4842-9C90-CF5A097FB8EB}"/>
          </ac:spMkLst>
        </pc:spChg>
        <pc:picChg chg="mod">
          <ac:chgData name="植野 芳彦" userId="86ab4e6fb1040a80" providerId="LiveId" clId="{491E1583-BB19-46A1-B269-AF31D4E4A627}" dt="2023-02-19T09:36:00.561" v="864" actId="14100"/>
          <ac:picMkLst>
            <pc:docMk/>
            <pc:sldMk cId="3623868747" sldId="801"/>
            <ac:picMk id="13" creationId="{00000000-0000-0000-0000-000000000000}"/>
          </ac:picMkLst>
        </pc:picChg>
        <pc:picChg chg="mod">
          <ac:chgData name="植野 芳彦" userId="86ab4e6fb1040a80" providerId="LiveId" clId="{491E1583-BB19-46A1-B269-AF31D4E4A627}" dt="2023-02-19T09:35:27.778" v="859" actId="14100"/>
          <ac:picMkLst>
            <pc:docMk/>
            <pc:sldMk cId="3623868747" sldId="801"/>
            <ac:picMk id="35846" creationId="{0FC157F3-AFD7-4332-B356-DACA06CD80EC}"/>
          </ac:picMkLst>
        </pc:picChg>
        <pc:picChg chg="mod">
          <ac:chgData name="植野 芳彦" userId="86ab4e6fb1040a80" providerId="LiveId" clId="{491E1583-BB19-46A1-B269-AF31D4E4A627}" dt="2023-02-19T09:35:46.689" v="863" actId="1076"/>
          <ac:picMkLst>
            <pc:docMk/>
            <pc:sldMk cId="3623868747" sldId="801"/>
            <ac:picMk id="35847" creationId="{A653DC5D-D37E-43D0-9699-BAFD58FEECFB}"/>
          </ac:picMkLst>
        </pc:picChg>
      </pc:sldChg>
      <pc:sldChg chg="del">
        <pc:chgData name="植野 芳彦" userId="86ab4e6fb1040a80" providerId="LiveId" clId="{491E1583-BB19-46A1-B269-AF31D4E4A627}" dt="2023-02-22T21:05:27.363" v="1668" actId="2696"/>
        <pc:sldMkLst>
          <pc:docMk/>
          <pc:sldMk cId="1950739148" sldId="802"/>
        </pc:sldMkLst>
      </pc:sldChg>
      <pc:sldChg chg="add modTransition">
        <pc:chgData name="植野 芳彦" userId="86ab4e6fb1040a80" providerId="LiveId" clId="{491E1583-BB19-46A1-B269-AF31D4E4A627}" dt="2023-03-07T20:24:31.513" v="3895"/>
        <pc:sldMkLst>
          <pc:docMk/>
          <pc:sldMk cId="210484992" sldId="806"/>
        </pc:sldMkLst>
      </pc:sldChg>
      <pc:sldChg chg="del">
        <pc:chgData name="植野 芳彦" userId="86ab4e6fb1040a80" providerId="LiveId" clId="{491E1583-BB19-46A1-B269-AF31D4E4A627}" dt="2023-02-22T21:07:47.998" v="1676" actId="2696"/>
        <pc:sldMkLst>
          <pc:docMk/>
          <pc:sldMk cId="1576577223" sldId="807"/>
        </pc:sldMkLst>
      </pc:sldChg>
      <pc:sldChg chg="modSp add mod">
        <pc:chgData name="植野 芳彦" userId="86ab4e6fb1040a80" providerId="LiveId" clId="{491E1583-BB19-46A1-B269-AF31D4E4A627}" dt="2023-03-08T20:48:26.147" v="4918" actId="1076"/>
        <pc:sldMkLst>
          <pc:docMk/>
          <pc:sldMk cId="1791747486" sldId="807"/>
        </pc:sldMkLst>
        <pc:spChg chg="mod">
          <ac:chgData name="植野 芳彦" userId="86ab4e6fb1040a80" providerId="LiveId" clId="{491E1583-BB19-46A1-B269-AF31D4E4A627}" dt="2023-03-08T20:48:26.147" v="4918" actId="1076"/>
          <ac:spMkLst>
            <pc:docMk/>
            <pc:sldMk cId="1791747486" sldId="807"/>
            <ac:spMk id="16" creationId="{00000000-0000-0000-0000-000000000000}"/>
          </ac:spMkLst>
        </pc:spChg>
      </pc:sldChg>
      <pc:sldChg chg="add">
        <pc:chgData name="植野 芳彦" userId="86ab4e6fb1040a80" providerId="LiveId" clId="{491E1583-BB19-46A1-B269-AF31D4E4A627}" dt="2023-03-07T20:22:52.812" v="3894"/>
        <pc:sldMkLst>
          <pc:docMk/>
          <pc:sldMk cId="453152758" sldId="808"/>
        </pc:sldMkLst>
      </pc:sldChg>
      <pc:sldChg chg="del">
        <pc:chgData name="植野 芳彦" userId="86ab4e6fb1040a80" providerId="LiveId" clId="{491E1583-BB19-46A1-B269-AF31D4E4A627}" dt="2023-02-21T23:36:52.100" v="1406" actId="2696"/>
        <pc:sldMkLst>
          <pc:docMk/>
          <pc:sldMk cId="2375415082" sldId="809"/>
        </pc:sldMkLst>
      </pc:sldChg>
      <pc:sldChg chg="del">
        <pc:chgData name="植野 芳彦" userId="86ab4e6fb1040a80" providerId="LiveId" clId="{491E1583-BB19-46A1-B269-AF31D4E4A627}" dt="2023-02-19T09:36:52.181" v="868" actId="2696"/>
        <pc:sldMkLst>
          <pc:docMk/>
          <pc:sldMk cId="3944956154" sldId="811"/>
        </pc:sldMkLst>
      </pc:sldChg>
      <pc:sldChg chg="add del">
        <pc:chgData name="植野 芳彦" userId="86ab4e6fb1040a80" providerId="LiveId" clId="{491E1583-BB19-46A1-B269-AF31D4E4A627}" dt="2023-02-27T07:17:53.434" v="3061"/>
        <pc:sldMkLst>
          <pc:docMk/>
          <pc:sldMk cId="3785664088" sldId="817"/>
        </pc:sldMkLst>
      </pc:sldChg>
      <pc:sldChg chg="addSp delSp modSp add mod">
        <pc:chgData name="植野 芳彦" userId="86ab4e6fb1040a80" providerId="LiveId" clId="{491E1583-BB19-46A1-B269-AF31D4E4A627}" dt="2023-03-08T20:32:32.466" v="4252" actId="1076"/>
        <pc:sldMkLst>
          <pc:docMk/>
          <pc:sldMk cId="0" sldId="938"/>
        </pc:sldMkLst>
        <pc:spChg chg="add del mod">
          <ac:chgData name="植野 芳彦" userId="86ab4e6fb1040a80" providerId="LiveId" clId="{491E1583-BB19-46A1-B269-AF31D4E4A627}" dt="2023-03-08T20:27:59.656" v="4095"/>
          <ac:spMkLst>
            <pc:docMk/>
            <pc:sldMk cId="0" sldId="938"/>
            <ac:spMk id="2" creationId="{A8279353-5DE4-9099-59EE-A76650CBD3DF}"/>
          </ac:spMkLst>
        </pc:spChg>
        <pc:spChg chg="add mod">
          <ac:chgData name="植野 芳彦" userId="86ab4e6fb1040a80" providerId="LiveId" clId="{491E1583-BB19-46A1-B269-AF31D4E4A627}" dt="2023-03-08T20:28:47.685" v="4122" actId="1076"/>
          <ac:spMkLst>
            <pc:docMk/>
            <pc:sldMk cId="0" sldId="938"/>
            <ac:spMk id="3" creationId="{22B88F58-C258-25C5-91EB-D4CB15463B72}"/>
          </ac:spMkLst>
        </pc:spChg>
        <pc:spChg chg="mod">
          <ac:chgData name="植野 芳彦" userId="86ab4e6fb1040a80" providerId="LiveId" clId="{491E1583-BB19-46A1-B269-AF31D4E4A627}" dt="2023-03-08T20:29:12.349" v="4126" actId="14100"/>
          <ac:spMkLst>
            <pc:docMk/>
            <pc:sldMk cId="0" sldId="938"/>
            <ac:spMk id="4" creationId="{B85D5519-6B40-4B8A-032F-2BCAACF4FDBA}"/>
          </ac:spMkLst>
        </pc:spChg>
        <pc:spChg chg="mod">
          <ac:chgData name="植野 芳彦" userId="86ab4e6fb1040a80" providerId="LiveId" clId="{491E1583-BB19-46A1-B269-AF31D4E4A627}" dt="2023-03-08T20:30:19.245" v="4183" actId="6549"/>
          <ac:spMkLst>
            <pc:docMk/>
            <pc:sldMk cId="0" sldId="938"/>
            <ac:spMk id="7" creationId="{AD468CE9-2045-D983-2CBE-A2BA456DB47D}"/>
          </ac:spMkLst>
        </pc:spChg>
        <pc:spChg chg="mod">
          <ac:chgData name="植野 芳彦" userId="86ab4e6fb1040a80" providerId="LiveId" clId="{491E1583-BB19-46A1-B269-AF31D4E4A627}" dt="2023-03-08T20:30:35.150" v="4187" actId="14100"/>
          <ac:spMkLst>
            <pc:docMk/>
            <pc:sldMk cId="0" sldId="938"/>
            <ac:spMk id="8" creationId="{E437F5F7-BD4E-DD08-4C7A-0F22C245EF32}"/>
          </ac:spMkLst>
        </pc:spChg>
        <pc:spChg chg="mod">
          <ac:chgData name="植野 芳彦" userId="86ab4e6fb1040a80" providerId="LiveId" clId="{491E1583-BB19-46A1-B269-AF31D4E4A627}" dt="2023-03-08T20:30:40.509" v="4189" actId="20577"/>
          <ac:spMkLst>
            <pc:docMk/>
            <pc:sldMk cId="0" sldId="938"/>
            <ac:spMk id="10" creationId="{1EFB4A81-1894-67F6-5159-B554F0011B0D}"/>
          </ac:spMkLst>
        </pc:spChg>
        <pc:spChg chg="mod">
          <ac:chgData name="植野 芳彦" userId="86ab4e6fb1040a80" providerId="LiveId" clId="{491E1583-BB19-46A1-B269-AF31D4E4A627}" dt="2023-03-08T20:27:30.346" v="4090" actId="14100"/>
          <ac:spMkLst>
            <pc:docMk/>
            <pc:sldMk cId="0" sldId="938"/>
            <ac:spMk id="11" creationId="{28E5F6E6-36F1-7510-7BA0-8F22B8E3792D}"/>
          </ac:spMkLst>
        </pc:spChg>
        <pc:spChg chg="mod">
          <ac:chgData name="植野 芳彦" userId="86ab4e6fb1040a80" providerId="LiveId" clId="{491E1583-BB19-46A1-B269-AF31D4E4A627}" dt="2023-03-08T20:31:10.634" v="4211" actId="14100"/>
          <ac:spMkLst>
            <pc:docMk/>
            <pc:sldMk cId="0" sldId="938"/>
            <ac:spMk id="12" creationId="{C628BED4-FD76-DF4F-EE71-9B2CDA751AEC}"/>
          </ac:spMkLst>
        </pc:spChg>
        <pc:spChg chg="mod">
          <ac:chgData name="植野 芳彦" userId="86ab4e6fb1040a80" providerId="LiveId" clId="{491E1583-BB19-46A1-B269-AF31D4E4A627}" dt="2023-03-08T20:32:26.900" v="4251" actId="14100"/>
          <ac:spMkLst>
            <pc:docMk/>
            <pc:sldMk cId="0" sldId="938"/>
            <ac:spMk id="23" creationId="{C1BA323D-9F02-B5F7-421F-938EC2D784E9}"/>
          </ac:spMkLst>
        </pc:spChg>
        <pc:spChg chg="add mod">
          <ac:chgData name="植野 芳彦" userId="86ab4e6fb1040a80" providerId="LiveId" clId="{491E1583-BB19-46A1-B269-AF31D4E4A627}" dt="2023-03-08T20:32:09.450" v="4250" actId="113"/>
          <ac:spMkLst>
            <pc:docMk/>
            <pc:sldMk cId="0" sldId="938"/>
            <ac:spMk id="26" creationId="{D36B3ACE-C25E-94B2-922D-FCD9F2D78EFC}"/>
          </ac:spMkLst>
        </pc:spChg>
        <pc:spChg chg="add mod">
          <ac:chgData name="植野 芳彦" userId="86ab4e6fb1040a80" providerId="LiveId" clId="{491E1583-BB19-46A1-B269-AF31D4E4A627}" dt="2023-03-08T20:32:32.466" v="4252" actId="1076"/>
          <ac:spMkLst>
            <pc:docMk/>
            <pc:sldMk cId="0" sldId="938"/>
            <ac:spMk id="27" creationId="{B76B4941-D616-DBF0-7E06-6029C1DD7789}"/>
          </ac:spMkLst>
        </pc:spChg>
      </pc:sldChg>
      <pc:sldChg chg="del">
        <pc:chgData name="植野 芳彦" userId="86ab4e6fb1040a80" providerId="LiveId" clId="{491E1583-BB19-46A1-B269-AF31D4E4A627}" dt="2023-02-13T06:43:44.993" v="743" actId="2696"/>
        <pc:sldMkLst>
          <pc:docMk/>
          <pc:sldMk cId="0" sldId="1059"/>
        </pc:sldMkLst>
      </pc:sldChg>
      <pc:sldChg chg="del">
        <pc:chgData name="植野 芳彦" userId="86ab4e6fb1040a80" providerId="LiveId" clId="{491E1583-BB19-46A1-B269-AF31D4E4A627}" dt="2023-02-13T02:30:26.548" v="721" actId="2696"/>
        <pc:sldMkLst>
          <pc:docMk/>
          <pc:sldMk cId="0" sldId="1082"/>
        </pc:sldMkLst>
      </pc:sldChg>
      <pc:sldChg chg="modSp del">
        <pc:chgData name="植野 芳彦" userId="86ab4e6fb1040a80" providerId="LiveId" clId="{491E1583-BB19-46A1-B269-AF31D4E4A627}" dt="2023-02-19T09:36:56.123" v="869" actId="2696"/>
        <pc:sldMkLst>
          <pc:docMk/>
          <pc:sldMk cId="0" sldId="1124"/>
        </pc:sldMkLst>
        <pc:spChg chg="mod">
          <ac:chgData name="植野 芳彦" userId="86ab4e6fb1040a80" providerId="LiveId" clId="{491E1583-BB19-46A1-B269-AF31D4E4A627}" dt="2023-02-08T03:26:57.845" v="68"/>
          <ac:spMkLst>
            <pc:docMk/>
            <pc:sldMk cId="0" sldId="1124"/>
            <ac:spMk id="26627" creationId="{D0678E0D-70A8-FCE8-1974-A9800C1EE740}"/>
          </ac:spMkLst>
        </pc:spChg>
      </pc:sldChg>
      <pc:sldChg chg="modSp del mod">
        <pc:chgData name="植野 芳彦" userId="86ab4e6fb1040a80" providerId="LiveId" clId="{491E1583-BB19-46A1-B269-AF31D4E4A627}" dt="2023-03-04T05:54:34.569" v="3236" actId="2696"/>
        <pc:sldMkLst>
          <pc:docMk/>
          <pc:sldMk cId="0" sldId="1127"/>
        </pc:sldMkLst>
        <pc:spChg chg="mod">
          <ac:chgData name="植野 芳彦" userId="86ab4e6fb1040a80" providerId="LiveId" clId="{491E1583-BB19-46A1-B269-AF31D4E4A627}" dt="2023-02-24T07:42:23.242" v="2840" actId="207"/>
          <ac:spMkLst>
            <pc:docMk/>
            <pc:sldMk cId="0" sldId="1127"/>
            <ac:spMk id="25603" creationId="{FA5C3DDD-53DA-4D81-9329-BC2C22A6385C}"/>
          </ac:spMkLst>
        </pc:spChg>
      </pc:sldChg>
      <pc:sldChg chg="del">
        <pc:chgData name="植野 芳彦" userId="86ab4e6fb1040a80" providerId="LiveId" clId="{491E1583-BB19-46A1-B269-AF31D4E4A627}" dt="2023-02-13T02:24:30.367" v="706" actId="2696"/>
        <pc:sldMkLst>
          <pc:docMk/>
          <pc:sldMk cId="0" sldId="1135"/>
        </pc:sldMkLst>
      </pc:sldChg>
      <pc:sldChg chg="del">
        <pc:chgData name="植野 芳彦" userId="86ab4e6fb1040a80" providerId="LiveId" clId="{491E1583-BB19-46A1-B269-AF31D4E4A627}" dt="2023-02-13T06:43:47.486" v="744" actId="2696"/>
        <pc:sldMkLst>
          <pc:docMk/>
          <pc:sldMk cId="1785713212" sldId="1144"/>
        </pc:sldMkLst>
      </pc:sldChg>
      <pc:sldChg chg="modSp add del mod">
        <pc:chgData name="植野 芳彦" userId="86ab4e6fb1040a80" providerId="LiveId" clId="{491E1583-BB19-46A1-B269-AF31D4E4A627}" dt="2023-02-24T07:42:59.710" v="2841" actId="2696"/>
        <pc:sldMkLst>
          <pc:docMk/>
          <pc:sldMk cId="4274010916" sldId="1149"/>
        </pc:sldMkLst>
        <pc:spChg chg="mod">
          <ac:chgData name="植野 芳彦" userId="86ab4e6fb1040a80" providerId="LiveId" clId="{491E1583-BB19-46A1-B269-AF31D4E4A627}" dt="2023-02-19T09:31:15.264" v="841" actId="14100"/>
          <ac:spMkLst>
            <pc:docMk/>
            <pc:sldMk cId="4274010916" sldId="1149"/>
            <ac:spMk id="2" creationId="{230B6B78-CF87-4ACD-9198-2018B6B945C1}"/>
          </ac:spMkLst>
        </pc:spChg>
        <pc:spChg chg="mod">
          <ac:chgData name="植野 芳彦" userId="86ab4e6fb1040a80" providerId="LiveId" clId="{491E1583-BB19-46A1-B269-AF31D4E4A627}" dt="2023-02-19T09:31:28.967" v="844" actId="14100"/>
          <ac:spMkLst>
            <pc:docMk/>
            <pc:sldMk cId="4274010916" sldId="1149"/>
            <ac:spMk id="3" creationId="{1A75390C-303E-4385-9312-9DAA287260F8}"/>
          </ac:spMkLst>
        </pc:spChg>
        <pc:spChg chg="mod">
          <ac:chgData name="植野 芳彦" userId="86ab4e6fb1040a80" providerId="LiveId" clId="{491E1583-BB19-46A1-B269-AF31D4E4A627}" dt="2023-02-19T09:31:46.483" v="850" actId="6549"/>
          <ac:spMkLst>
            <pc:docMk/>
            <pc:sldMk cId="4274010916" sldId="1149"/>
            <ac:spMk id="4" creationId="{48FC8551-6DA0-4EE0-9262-4FDBE54372EA}"/>
          </ac:spMkLst>
        </pc:spChg>
        <pc:spChg chg="mod">
          <ac:chgData name="植野 芳彦" userId="86ab4e6fb1040a80" providerId="LiveId" clId="{491E1583-BB19-46A1-B269-AF31D4E4A627}" dt="2023-02-19T09:30:04.199" v="820" actId="1076"/>
          <ac:spMkLst>
            <pc:docMk/>
            <pc:sldMk cId="4274010916" sldId="1149"/>
            <ac:spMk id="6" creationId="{79247EEF-2675-462B-ADAB-0B4ADDFB9150}"/>
          </ac:spMkLst>
        </pc:spChg>
        <pc:spChg chg="mod">
          <ac:chgData name="植野 芳彦" userId="86ab4e6fb1040a80" providerId="LiveId" clId="{491E1583-BB19-46A1-B269-AF31D4E4A627}" dt="2023-02-19T09:30:12.255" v="824" actId="1076"/>
          <ac:spMkLst>
            <pc:docMk/>
            <pc:sldMk cId="4274010916" sldId="1149"/>
            <ac:spMk id="7" creationId="{A9CB35A1-0D1E-4199-BF62-1E0F19F301F9}"/>
          </ac:spMkLst>
        </pc:spChg>
        <pc:spChg chg="mod">
          <ac:chgData name="植野 芳彦" userId="86ab4e6fb1040a80" providerId="LiveId" clId="{491E1583-BB19-46A1-B269-AF31D4E4A627}" dt="2023-02-19T09:30:54.648" v="835" actId="1076"/>
          <ac:spMkLst>
            <pc:docMk/>
            <pc:sldMk cId="4274010916" sldId="1149"/>
            <ac:spMk id="8" creationId="{904A46A0-E2A6-408D-B698-77553DB34673}"/>
          </ac:spMkLst>
        </pc:spChg>
        <pc:spChg chg="mod">
          <ac:chgData name="植野 芳彦" userId="86ab4e6fb1040a80" providerId="LiveId" clId="{491E1583-BB19-46A1-B269-AF31D4E4A627}" dt="2023-02-19T09:30:46.666" v="833" actId="1076"/>
          <ac:spMkLst>
            <pc:docMk/>
            <pc:sldMk cId="4274010916" sldId="1149"/>
            <ac:spMk id="9" creationId="{5283D245-67E4-4F91-B7A4-3C8980F5236D}"/>
          </ac:spMkLst>
        </pc:spChg>
        <pc:spChg chg="mod">
          <ac:chgData name="植野 芳彦" userId="86ab4e6fb1040a80" providerId="LiveId" clId="{491E1583-BB19-46A1-B269-AF31D4E4A627}" dt="2023-02-19T09:30:15.058" v="825" actId="1076"/>
          <ac:spMkLst>
            <pc:docMk/>
            <pc:sldMk cId="4274010916" sldId="1149"/>
            <ac:spMk id="10" creationId="{34E4AF9E-9781-4340-84D0-90A3E0F7AADB}"/>
          </ac:spMkLst>
        </pc:spChg>
        <pc:spChg chg="mod">
          <ac:chgData name="植野 芳彦" userId="86ab4e6fb1040a80" providerId="LiveId" clId="{491E1583-BB19-46A1-B269-AF31D4E4A627}" dt="2023-02-19T09:31:25.754" v="843" actId="14100"/>
          <ac:spMkLst>
            <pc:docMk/>
            <pc:sldMk cId="4274010916" sldId="1149"/>
            <ac:spMk id="11" creationId="{2819E3A6-DCCC-462B-A1B9-F8DF5B5E99A6}"/>
          </ac:spMkLst>
        </pc:spChg>
        <pc:spChg chg="mod">
          <ac:chgData name="植野 芳彦" userId="86ab4e6fb1040a80" providerId="LiveId" clId="{491E1583-BB19-46A1-B269-AF31D4E4A627}" dt="2023-02-19T09:30:11.427" v="823" actId="1076"/>
          <ac:spMkLst>
            <pc:docMk/>
            <pc:sldMk cId="4274010916" sldId="1149"/>
            <ac:spMk id="12" creationId="{7A07F033-E55D-4FD3-8FB3-91F9C289B862}"/>
          </ac:spMkLst>
        </pc:spChg>
        <pc:spChg chg="mod">
          <ac:chgData name="植野 芳彦" userId="86ab4e6fb1040a80" providerId="LiveId" clId="{491E1583-BB19-46A1-B269-AF31D4E4A627}" dt="2023-02-19T09:31:21.854" v="842" actId="1076"/>
          <ac:spMkLst>
            <pc:docMk/>
            <pc:sldMk cId="4274010916" sldId="1149"/>
            <ac:spMk id="13" creationId="{0118116F-52D5-4ED3-925D-2ED36506C4CE}"/>
          </ac:spMkLst>
        </pc:spChg>
        <pc:spChg chg="mod">
          <ac:chgData name="植野 芳彦" userId="86ab4e6fb1040a80" providerId="LiveId" clId="{491E1583-BB19-46A1-B269-AF31D4E4A627}" dt="2023-02-19T09:30:50.605" v="834" actId="1076"/>
          <ac:spMkLst>
            <pc:docMk/>
            <pc:sldMk cId="4274010916" sldId="1149"/>
            <ac:spMk id="14" creationId="{AA037EF6-9D72-4936-9313-9D12717ADBB3}"/>
          </ac:spMkLst>
        </pc:spChg>
        <pc:spChg chg="mod">
          <ac:chgData name="植野 芳彦" userId="86ab4e6fb1040a80" providerId="LiveId" clId="{491E1583-BB19-46A1-B269-AF31D4E4A627}" dt="2023-02-19T09:30:25.218" v="828" actId="14100"/>
          <ac:spMkLst>
            <pc:docMk/>
            <pc:sldMk cId="4274010916" sldId="1149"/>
            <ac:spMk id="24" creationId="{9B7D47C7-6231-4D4B-B2EE-82215DCCF621}"/>
          </ac:spMkLst>
        </pc:spChg>
        <pc:spChg chg="mod">
          <ac:chgData name="植野 芳彦" userId="86ab4e6fb1040a80" providerId="LiveId" clId="{491E1583-BB19-46A1-B269-AF31D4E4A627}" dt="2023-02-19T09:31:05.364" v="838" actId="1076"/>
          <ac:spMkLst>
            <pc:docMk/>
            <pc:sldMk cId="4274010916" sldId="1149"/>
            <ac:spMk id="27" creationId="{549CF4B6-6F78-4E82-BFAE-5231850EF016}"/>
          </ac:spMkLst>
        </pc:spChg>
        <pc:spChg chg="mod">
          <ac:chgData name="植野 芳彦" userId="86ab4e6fb1040a80" providerId="LiveId" clId="{491E1583-BB19-46A1-B269-AF31D4E4A627}" dt="2023-02-19T09:30:36.914" v="830" actId="1076"/>
          <ac:spMkLst>
            <pc:docMk/>
            <pc:sldMk cId="4274010916" sldId="1149"/>
            <ac:spMk id="31" creationId="{AF8E0B1B-3F0C-4B90-95FA-FD6289FD42DC}"/>
          </ac:spMkLst>
        </pc:spChg>
        <pc:spChg chg="mod">
          <ac:chgData name="植野 芳彦" userId="86ab4e6fb1040a80" providerId="LiveId" clId="{491E1583-BB19-46A1-B269-AF31D4E4A627}" dt="2023-02-19T09:29:53.946" v="816" actId="1076"/>
          <ac:spMkLst>
            <pc:docMk/>
            <pc:sldMk cId="4274010916" sldId="1149"/>
            <ac:spMk id="12300" creationId="{D3C89C84-EFB6-4B9E-BABF-410E59219817}"/>
          </ac:spMkLst>
        </pc:spChg>
      </pc:sldChg>
      <pc:sldChg chg="addSp delSp modSp add del mod">
        <pc:chgData name="植野 芳彦" userId="86ab4e6fb1040a80" providerId="LiveId" clId="{491E1583-BB19-46A1-B269-AF31D4E4A627}" dt="2023-02-26T23:32:43.906" v="3055" actId="2696"/>
        <pc:sldMkLst>
          <pc:docMk/>
          <pc:sldMk cId="469864035" sldId="1162"/>
        </pc:sldMkLst>
        <pc:spChg chg="add del mod">
          <ac:chgData name="植野 芳彦" userId="86ab4e6fb1040a80" providerId="LiveId" clId="{491E1583-BB19-46A1-B269-AF31D4E4A627}" dt="2023-02-12T20:50:10.428" v="148" actId="21"/>
          <ac:spMkLst>
            <pc:docMk/>
            <pc:sldMk cId="469864035" sldId="1162"/>
            <ac:spMk id="3" creationId="{CAA52A07-6B1B-11D4-CDA8-AC4458CD1725}"/>
          </ac:spMkLst>
        </pc:spChg>
        <pc:spChg chg="mod">
          <ac:chgData name="植野 芳彦" userId="86ab4e6fb1040a80" providerId="LiveId" clId="{491E1583-BB19-46A1-B269-AF31D4E4A627}" dt="2023-02-21T23:25:48.279" v="1002" actId="113"/>
          <ac:spMkLst>
            <pc:docMk/>
            <pc:sldMk cId="469864035" sldId="1162"/>
            <ac:spMk id="4099" creationId="{35C882C9-0FF4-ABA5-FB0B-43417D9A8E10}"/>
          </ac:spMkLst>
        </pc:spChg>
        <pc:spChg chg="mod">
          <ac:chgData name="植野 芳彦" userId="86ab4e6fb1040a80" providerId="LiveId" clId="{491E1583-BB19-46A1-B269-AF31D4E4A627}" dt="2023-02-21T23:23:56.180" v="931" actId="1076"/>
          <ac:spMkLst>
            <pc:docMk/>
            <pc:sldMk cId="469864035" sldId="1162"/>
            <ac:spMk id="4100" creationId="{9B9A8C65-54AC-55C9-76E5-843269FC650F}"/>
          </ac:spMkLst>
        </pc:spChg>
        <pc:picChg chg="mod">
          <ac:chgData name="植野 芳彦" userId="86ab4e6fb1040a80" providerId="LiveId" clId="{491E1583-BB19-46A1-B269-AF31D4E4A627}" dt="2023-02-16T21:05:37.963" v="751" actId="14100"/>
          <ac:picMkLst>
            <pc:docMk/>
            <pc:sldMk cId="469864035" sldId="1162"/>
            <ac:picMk id="4098" creationId="{5077D697-A05E-5CE4-BFC5-B2C18D972E98}"/>
          </ac:picMkLst>
        </pc:picChg>
      </pc:sldChg>
      <pc:sldChg chg="modSp mod">
        <pc:chgData name="植野 芳彦" userId="86ab4e6fb1040a80" providerId="LiveId" clId="{491E1583-BB19-46A1-B269-AF31D4E4A627}" dt="2023-03-08T20:49:28.419" v="4958" actId="6549"/>
        <pc:sldMkLst>
          <pc:docMk/>
          <pc:sldMk cId="0" sldId="1172"/>
        </pc:sldMkLst>
        <pc:spChg chg="mod">
          <ac:chgData name="植野 芳彦" userId="86ab4e6fb1040a80" providerId="LiveId" clId="{491E1583-BB19-46A1-B269-AF31D4E4A627}" dt="2023-03-08T20:49:28.419" v="4958" actId="6549"/>
          <ac:spMkLst>
            <pc:docMk/>
            <pc:sldMk cId="0" sldId="1172"/>
            <ac:spMk id="90114" creationId="{7C7C07A6-8D19-4978-7F61-E3A184F43B40}"/>
          </ac:spMkLst>
        </pc:spChg>
      </pc:sldChg>
      <pc:sldChg chg="del">
        <pc:chgData name="植野 芳彦" userId="86ab4e6fb1040a80" providerId="LiveId" clId="{491E1583-BB19-46A1-B269-AF31D4E4A627}" dt="2023-02-13T06:43:49.642" v="745" actId="2696"/>
        <pc:sldMkLst>
          <pc:docMk/>
          <pc:sldMk cId="927564124" sldId="1180"/>
        </pc:sldMkLst>
      </pc:sldChg>
      <pc:sldChg chg="del">
        <pc:chgData name="植野 芳彦" userId="86ab4e6fb1040a80" providerId="LiveId" clId="{491E1583-BB19-46A1-B269-AF31D4E4A627}" dt="2023-02-13T02:30:24.740" v="720" actId="2696"/>
        <pc:sldMkLst>
          <pc:docMk/>
          <pc:sldMk cId="0" sldId="1188"/>
        </pc:sldMkLst>
      </pc:sldChg>
      <pc:sldChg chg="del">
        <pc:chgData name="植野 芳彦" userId="86ab4e6fb1040a80" providerId="LiveId" clId="{491E1583-BB19-46A1-B269-AF31D4E4A627}" dt="2023-02-22T22:55:03.874" v="1679" actId="2696"/>
        <pc:sldMkLst>
          <pc:docMk/>
          <pc:sldMk cId="2157078012" sldId="1207"/>
        </pc:sldMkLst>
      </pc:sldChg>
      <pc:sldChg chg="modSp add del mod">
        <pc:chgData name="植野 芳彦" userId="86ab4e6fb1040a80" providerId="LiveId" clId="{491E1583-BB19-46A1-B269-AF31D4E4A627}" dt="2023-03-07T08:20:00.236" v="3824" actId="2696"/>
        <pc:sldMkLst>
          <pc:docMk/>
          <pc:sldMk cId="2746051640" sldId="1207"/>
        </pc:sldMkLst>
        <pc:spChg chg="mod">
          <ac:chgData name="植野 芳彦" userId="86ab4e6fb1040a80" providerId="LiveId" clId="{491E1583-BB19-46A1-B269-AF31D4E4A627}" dt="2023-02-24T11:15:25.425" v="2977" actId="6549"/>
          <ac:spMkLst>
            <pc:docMk/>
            <pc:sldMk cId="2746051640" sldId="1207"/>
            <ac:spMk id="3" creationId="{00000000-0000-0000-0000-000000000000}"/>
          </ac:spMkLst>
        </pc:spChg>
      </pc:sldChg>
      <pc:sldChg chg="modSp add del">
        <pc:chgData name="植野 芳彦" userId="86ab4e6fb1040a80" providerId="LiveId" clId="{491E1583-BB19-46A1-B269-AF31D4E4A627}" dt="2023-03-07T20:20:24.350" v="3889"/>
        <pc:sldMkLst>
          <pc:docMk/>
          <pc:sldMk cId="0" sldId="1230"/>
        </pc:sldMkLst>
        <pc:spChg chg="mod">
          <ac:chgData name="植野 芳彦" userId="86ab4e6fb1040a80" providerId="LiveId" clId="{491E1583-BB19-46A1-B269-AF31D4E4A627}" dt="2023-02-08T03:26:57.845" v="68"/>
          <ac:spMkLst>
            <pc:docMk/>
            <pc:sldMk cId="0" sldId="1230"/>
            <ac:spMk id="2" creationId="{F3348E82-EACA-4B46-83F5-D1A92AC6907B}"/>
          </ac:spMkLst>
        </pc:spChg>
      </pc:sldChg>
      <pc:sldChg chg="modSp del">
        <pc:chgData name="植野 芳彦" userId="86ab4e6fb1040a80" providerId="LiveId" clId="{491E1583-BB19-46A1-B269-AF31D4E4A627}" dt="2023-03-04T05:54:30.197" v="3235" actId="2696"/>
        <pc:sldMkLst>
          <pc:docMk/>
          <pc:sldMk cId="1551379747" sldId="1249"/>
        </pc:sldMkLst>
        <pc:spChg chg="mod">
          <ac:chgData name="植野 芳彦" userId="86ab4e6fb1040a80" providerId="LiveId" clId="{491E1583-BB19-46A1-B269-AF31D4E4A627}" dt="2023-02-08T03:26:57.845" v="68"/>
          <ac:spMkLst>
            <pc:docMk/>
            <pc:sldMk cId="1551379747" sldId="1249"/>
            <ac:spMk id="2" creationId="{60581524-2E69-4F9B-896A-9F59CB093495}"/>
          </ac:spMkLst>
        </pc:spChg>
      </pc:sldChg>
      <pc:sldChg chg="modSp mod">
        <pc:chgData name="植野 芳彦" userId="86ab4e6fb1040a80" providerId="LiveId" clId="{491E1583-BB19-46A1-B269-AF31D4E4A627}" dt="2023-03-04T05:44:11.191" v="3233" actId="6549"/>
        <pc:sldMkLst>
          <pc:docMk/>
          <pc:sldMk cId="702464498" sldId="1252"/>
        </pc:sldMkLst>
        <pc:spChg chg="mod">
          <ac:chgData name="植野 芳彦" userId="86ab4e6fb1040a80" providerId="LiveId" clId="{491E1583-BB19-46A1-B269-AF31D4E4A627}" dt="2023-02-08T03:26:57.845" v="68"/>
          <ac:spMkLst>
            <pc:docMk/>
            <pc:sldMk cId="702464498" sldId="1252"/>
            <ac:spMk id="2" creationId="{DAC90885-B8CF-441B-99FE-EE6DE5B07327}"/>
          </ac:spMkLst>
        </pc:spChg>
        <pc:spChg chg="mod">
          <ac:chgData name="植野 芳彦" userId="86ab4e6fb1040a80" providerId="LiveId" clId="{491E1583-BB19-46A1-B269-AF31D4E4A627}" dt="2023-03-04T05:44:11.191" v="3233" actId="6549"/>
          <ac:spMkLst>
            <pc:docMk/>
            <pc:sldMk cId="702464498" sldId="1252"/>
            <ac:spMk id="4" creationId="{3AD6E21D-6B47-4B4B-96FE-6B10C3DBB7C3}"/>
          </ac:spMkLst>
        </pc:spChg>
        <pc:spChg chg="mod">
          <ac:chgData name="植野 芳彦" userId="86ab4e6fb1040a80" providerId="LiveId" clId="{491E1583-BB19-46A1-B269-AF31D4E4A627}" dt="2023-02-22T23:02:21.302" v="1898" actId="20577"/>
          <ac:spMkLst>
            <pc:docMk/>
            <pc:sldMk cId="702464498" sldId="1252"/>
            <ac:spMk id="18" creationId="{DD051744-37FD-4115-95D8-73A7F26E957D}"/>
          </ac:spMkLst>
        </pc:spChg>
      </pc:sldChg>
      <pc:sldChg chg="modSp add del mod">
        <pc:chgData name="植野 芳彦" userId="86ab4e6fb1040a80" providerId="LiveId" clId="{491E1583-BB19-46A1-B269-AF31D4E4A627}" dt="2023-03-08T21:22:50.277" v="5056" actId="1076"/>
        <pc:sldMkLst>
          <pc:docMk/>
          <pc:sldMk cId="405098307" sldId="1261"/>
        </pc:sldMkLst>
        <pc:spChg chg="mod">
          <ac:chgData name="植野 芳彦" userId="86ab4e6fb1040a80" providerId="LiveId" clId="{491E1583-BB19-46A1-B269-AF31D4E4A627}" dt="2023-02-08T03:26:57.845" v="68"/>
          <ac:spMkLst>
            <pc:docMk/>
            <pc:sldMk cId="405098307" sldId="1261"/>
            <ac:spMk id="2" creationId="{8B6FED14-4693-403D-9D14-3CB50F7C87C7}"/>
          </ac:spMkLst>
        </pc:spChg>
        <pc:spChg chg="mod">
          <ac:chgData name="植野 芳彦" userId="86ab4e6fb1040a80" providerId="LiveId" clId="{491E1583-BB19-46A1-B269-AF31D4E4A627}" dt="2023-03-08T20:50:04.525" v="4972" actId="20577"/>
          <ac:spMkLst>
            <pc:docMk/>
            <pc:sldMk cId="405098307" sldId="1261"/>
            <ac:spMk id="7" creationId="{0B007122-EC92-4637-82BA-7F901968FCCA}"/>
          </ac:spMkLst>
        </pc:spChg>
        <pc:picChg chg="mod">
          <ac:chgData name="植野 芳彦" userId="86ab4e6fb1040a80" providerId="LiveId" clId="{491E1583-BB19-46A1-B269-AF31D4E4A627}" dt="2023-03-08T21:22:50.277" v="5056" actId="1076"/>
          <ac:picMkLst>
            <pc:docMk/>
            <pc:sldMk cId="405098307" sldId="1261"/>
            <ac:picMk id="14" creationId="{50FE721E-4B45-49FB-8C7C-5AA84D65D3DC}"/>
          </ac:picMkLst>
        </pc:picChg>
      </pc:sldChg>
      <pc:sldChg chg="add del">
        <pc:chgData name="植野 芳彦" userId="86ab4e6fb1040a80" providerId="LiveId" clId="{491E1583-BB19-46A1-B269-AF31D4E4A627}" dt="2023-03-08T20:33:33.822" v="4254" actId="2696"/>
        <pc:sldMkLst>
          <pc:docMk/>
          <pc:sldMk cId="0" sldId="1277"/>
        </pc:sldMkLst>
      </pc:sldChg>
      <pc:sldChg chg="del">
        <pc:chgData name="植野 芳彦" userId="86ab4e6fb1040a80" providerId="LiveId" clId="{491E1583-BB19-46A1-B269-AF31D4E4A627}" dt="2023-02-22T23:06:25.713" v="1954" actId="2696"/>
        <pc:sldMkLst>
          <pc:docMk/>
          <pc:sldMk cId="0" sldId="1280"/>
        </pc:sldMkLst>
      </pc:sldChg>
      <pc:sldChg chg="modSp add mod">
        <pc:chgData name="植野 芳彦" userId="86ab4e6fb1040a80" providerId="LiveId" clId="{491E1583-BB19-46A1-B269-AF31D4E4A627}" dt="2023-03-08T21:20:42.337" v="4975" actId="1076"/>
        <pc:sldMkLst>
          <pc:docMk/>
          <pc:sldMk cId="1933097685" sldId="1287"/>
        </pc:sldMkLst>
        <pc:spChg chg="mod">
          <ac:chgData name="植野 芳彦" userId="86ab4e6fb1040a80" providerId="LiveId" clId="{491E1583-BB19-46A1-B269-AF31D4E4A627}" dt="2023-03-08T20:50:29.578" v="4973" actId="20577"/>
          <ac:spMkLst>
            <pc:docMk/>
            <pc:sldMk cId="1933097685" sldId="1287"/>
            <ac:spMk id="4" creationId="{1E11B6C7-C83B-497F-9CC6-A2CAECC017AA}"/>
          </ac:spMkLst>
        </pc:spChg>
        <pc:picChg chg="mod">
          <ac:chgData name="植野 芳彦" userId="86ab4e6fb1040a80" providerId="LiveId" clId="{491E1583-BB19-46A1-B269-AF31D4E4A627}" dt="2023-03-08T21:20:42.337" v="4975" actId="1076"/>
          <ac:picMkLst>
            <pc:docMk/>
            <pc:sldMk cId="1933097685" sldId="1287"/>
            <ac:picMk id="3" creationId="{C35C2F22-5236-4B4D-A8F3-EE33AEA612E7}"/>
          </ac:picMkLst>
        </pc:picChg>
      </pc:sldChg>
      <pc:sldChg chg="del">
        <pc:chgData name="植野 芳彦" userId="86ab4e6fb1040a80" providerId="LiveId" clId="{491E1583-BB19-46A1-B269-AF31D4E4A627}" dt="2023-02-13T02:31:16.391" v="728" actId="2696"/>
        <pc:sldMkLst>
          <pc:docMk/>
          <pc:sldMk cId="486285533" sldId="1290"/>
        </pc:sldMkLst>
      </pc:sldChg>
      <pc:sldChg chg="add del">
        <pc:chgData name="植野 芳彦" userId="86ab4e6fb1040a80" providerId="LiveId" clId="{491E1583-BB19-46A1-B269-AF31D4E4A627}" dt="2023-03-08T21:23:44.617" v="5058" actId="2696"/>
        <pc:sldMkLst>
          <pc:docMk/>
          <pc:sldMk cId="3328283064" sldId="1290"/>
        </pc:sldMkLst>
      </pc:sldChg>
      <pc:sldChg chg="addSp modSp add del mod">
        <pc:chgData name="植野 芳彦" userId="86ab4e6fb1040a80" providerId="LiveId" clId="{491E1583-BB19-46A1-B269-AF31D4E4A627}" dt="2023-02-27T07:15:26.524" v="3056" actId="2696"/>
        <pc:sldMkLst>
          <pc:docMk/>
          <pc:sldMk cId="1798787005" sldId="1292"/>
        </pc:sldMkLst>
        <pc:spChg chg="add mod">
          <ac:chgData name="植野 芳彦" userId="86ab4e6fb1040a80" providerId="LiveId" clId="{491E1583-BB19-46A1-B269-AF31D4E4A627}" dt="2023-02-22T22:58:58.860" v="1778" actId="207"/>
          <ac:spMkLst>
            <pc:docMk/>
            <pc:sldMk cId="1798787005" sldId="1292"/>
            <ac:spMk id="2" creationId="{95C95C59-14B0-C778-D3DB-A2042E55D3DD}"/>
          </ac:spMkLst>
        </pc:spChg>
        <pc:spChg chg="mod">
          <ac:chgData name="植野 芳彦" userId="86ab4e6fb1040a80" providerId="LiveId" clId="{491E1583-BB19-46A1-B269-AF31D4E4A627}" dt="2023-02-22T22:59:22.633" v="1780" actId="14100"/>
          <ac:spMkLst>
            <pc:docMk/>
            <pc:sldMk cId="1798787005" sldId="1292"/>
            <ac:spMk id="3" creationId="{9BF7FCEE-C4E9-810E-B4E8-EFAE610C3BD8}"/>
          </ac:spMkLst>
        </pc:spChg>
        <pc:spChg chg="mod">
          <ac:chgData name="植野 芳彦" userId="86ab4e6fb1040a80" providerId="LiveId" clId="{491E1583-BB19-46A1-B269-AF31D4E4A627}" dt="2023-02-22T22:58:22.889" v="1757" actId="1076"/>
          <ac:spMkLst>
            <pc:docMk/>
            <pc:sldMk cId="1798787005" sldId="1292"/>
            <ac:spMk id="4" creationId="{18D8E567-F1D6-E9DC-D909-BBDDA8021FEA}"/>
          </ac:spMkLst>
        </pc:spChg>
        <pc:spChg chg="mod">
          <ac:chgData name="植野 芳彦" userId="86ab4e6fb1040a80" providerId="LiveId" clId="{491E1583-BB19-46A1-B269-AF31D4E4A627}" dt="2023-02-22T22:58:19.471" v="1756" actId="1076"/>
          <ac:spMkLst>
            <pc:docMk/>
            <pc:sldMk cId="1798787005" sldId="1292"/>
            <ac:spMk id="5" creationId="{A54C884D-9AEA-0171-D2DB-3A5F42DADF90}"/>
          </ac:spMkLst>
        </pc:spChg>
        <pc:spChg chg="mod">
          <ac:chgData name="植野 芳彦" userId="86ab4e6fb1040a80" providerId="LiveId" clId="{491E1583-BB19-46A1-B269-AF31D4E4A627}" dt="2023-02-22T22:59:15.321" v="1779" actId="1076"/>
          <ac:spMkLst>
            <pc:docMk/>
            <pc:sldMk cId="1798787005" sldId="1292"/>
            <ac:spMk id="66562" creationId="{75DB68AE-D631-9807-DD14-EF4CA238A9D5}"/>
          </ac:spMkLst>
        </pc:spChg>
      </pc:sldChg>
      <pc:sldChg chg="add del">
        <pc:chgData name="植野 芳彦" userId="86ab4e6fb1040a80" providerId="LiveId" clId="{491E1583-BB19-46A1-B269-AF31D4E4A627}" dt="2023-03-04T05:56:26.602" v="3353" actId="2696"/>
        <pc:sldMkLst>
          <pc:docMk/>
          <pc:sldMk cId="2724842189" sldId="1292"/>
        </pc:sldMkLst>
      </pc:sldChg>
      <pc:sldChg chg="add del">
        <pc:chgData name="植野 芳彦" userId="86ab4e6fb1040a80" providerId="LiveId" clId="{491E1583-BB19-46A1-B269-AF31D4E4A627}" dt="2023-03-07T20:18:55.039" v="3887" actId="2696"/>
        <pc:sldMkLst>
          <pc:docMk/>
          <pc:sldMk cId="2294613664" sldId="1294"/>
        </pc:sldMkLst>
      </pc:sldChg>
      <pc:sldChg chg="add del">
        <pc:chgData name="植野 芳彦" userId="86ab4e6fb1040a80" providerId="LiveId" clId="{491E1583-BB19-46A1-B269-AF31D4E4A627}" dt="2023-03-07T20:20:29.765" v="3890" actId="2696"/>
        <pc:sldMkLst>
          <pc:docMk/>
          <pc:sldMk cId="114307832" sldId="1295"/>
        </pc:sldMkLst>
      </pc:sldChg>
      <pc:sldChg chg="del">
        <pc:chgData name="植野 芳彦" userId="86ab4e6fb1040a80" providerId="LiveId" clId="{491E1583-BB19-46A1-B269-AF31D4E4A627}" dt="2023-02-13T02:31:04.480" v="727" actId="2696"/>
        <pc:sldMkLst>
          <pc:docMk/>
          <pc:sldMk cId="3971309634" sldId="1297"/>
        </pc:sldMkLst>
      </pc:sldChg>
      <pc:sldChg chg="modSp del mod">
        <pc:chgData name="植野 芳彦" userId="86ab4e6fb1040a80" providerId="LiveId" clId="{491E1583-BB19-46A1-B269-AF31D4E4A627}" dt="2023-03-07T09:01:36.387" v="3855" actId="2696"/>
        <pc:sldMkLst>
          <pc:docMk/>
          <pc:sldMk cId="3500431397" sldId="1304"/>
        </pc:sldMkLst>
        <pc:spChg chg="mod">
          <ac:chgData name="植野 芳彦" userId="86ab4e6fb1040a80" providerId="LiveId" clId="{491E1583-BB19-46A1-B269-AF31D4E4A627}" dt="2023-02-23T20:53:51.346" v="2238" actId="20577"/>
          <ac:spMkLst>
            <pc:docMk/>
            <pc:sldMk cId="3500431397" sldId="1304"/>
            <ac:spMk id="7" creationId="{4D0D4CAA-F1E2-4F24-8780-C69E621ABF4A}"/>
          </ac:spMkLst>
        </pc:spChg>
      </pc:sldChg>
      <pc:sldChg chg="modSp add del mod">
        <pc:chgData name="植野 芳彦" userId="86ab4e6fb1040a80" providerId="LiveId" clId="{491E1583-BB19-46A1-B269-AF31D4E4A627}" dt="2023-02-23T20:54:17.907" v="2239" actId="2696"/>
        <pc:sldMkLst>
          <pc:docMk/>
          <pc:sldMk cId="0" sldId="1310"/>
        </pc:sldMkLst>
        <pc:spChg chg="mod">
          <ac:chgData name="植野 芳彦" userId="86ab4e6fb1040a80" providerId="LiveId" clId="{491E1583-BB19-46A1-B269-AF31D4E4A627}" dt="2023-02-23T20:51:09.305" v="2194" actId="1076"/>
          <ac:spMkLst>
            <pc:docMk/>
            <pc:sldMk cId="0" sldId="1310"/>
            <ac:spMk id="2" creationId="{C91254AB-BE3F-4EF6-90AF-A588CCE200B3}"/>
          </ac:spMkLst>
        </pc:spChg>
        <pc:spChg chg="mod">
          <ac:chgData name="植野 芳彦" userId="86ab4e6fb1040a80" providerId="LiveId" clId="{491E1583-BB19-46A1-B269-AF31D4E4A627}" dt="2023-02-23T20:51:19.443" v="2196" actId="14100"/>
          <ac:spMkLst>
            <pc:docMk/>
            <pc:sldMk cId="0" sldId="1310"/>
            <ac:spMk id="75779" creationId="{FE1AD9DA-1D9D-4DFC-B585-E1E09A545C25}"/>
          </ac:spMkLst>
        </pc:spChg>
        <pc:spChg chg="mod">
          <ac:chgData name="植野 芳彦" userId="86ab4e6fb1040a80" providerId="LiveId" clId="{491E1583-BB19-46A1-B269-AF31D4E4A627}" dt="2023-02-23T20:51:29.758" v="2197" actId="255"/>
          <ac:spMkLst>
            <pc:docMk/>
            <pc:sldMk cId="0" sldId="1310"/>
            <ac:spMk id="75780" creationId="{BBE5638B-C21B-4B96-8AF6-3EE924B1F934}"/>
          </ac:spMkLst>
        </pc:spChg>
      </pc:sldChg>
      <pc:sldChg chg="modSp add mod">
        <pc:chgData name="植野 芳彦" userId="86ab4e6fb1040a80" providerId="LiveId" clId="{491E1583-BB19-46A1-B269-AF31D4E4A627}" dt="2023-03-08T20:48:46.959" v="4924" actId="1076"/>
        <pc:sldMkLst>
          <pc:docMk/>
          <pc:sldMk cId="376481270" sldId="1675"/>
        </pc:sldMkLst>
        <pc:spChg chg="mod">
          <ac:chgData name="植野 芳彦" userId="86ab4e6fb1040a80" providerId="LiveId" clId="{491E1583-BB19-46A1-B269-AF31D4E4A627}" dt="2023-03-08T20:48:46.959" v="4924" actId="1076"/>
          <ac:spMkLst>
            <pc:docMk/>
            <pc:sldMk cId="376481270" sldId="1675"/>
            <ac:spMk id="9" creationId="{00000000-0000-0000-0000-000000000000}"/>
          </ac:spMkLst>
        </pc:spChg>
      </pc:sldChg>
      <pc:sldChg chg="modSp del">
        <pc:chgData name="植野 芳彦" userId="86ab4e6fb1040a80" providerId="LiveId" clId="{491E1583-BB19-46A1-B269-AF31D4E4A627}" dt="2023-02-22T21:04:39.696" v="1664" actId="2696"/>
        <pc:sldMkLst>
          <pc:docMk/>
          <pc:sldMk cId="1845196303" sldId="1675"/>
        </pc:sldMkLst>
        <pc:spChg chg="mod">
          <ac:chgData name="植野 芳彦" userId="86ab4e6fb1040a80" providerId="LiveId" clId="{491E1583-BB19-46A1-B269-AF31D4E4A627}" dt="2023-02-08T03:26:57.845" v="68"/>
          <ac:spMkLst>
            <pc:docMk/>
            <pc:sldMk cId="1845196303" sldId="1675"/>
            <ac:spMk id="3" creationId="{AF723315-06EF-647F-39C0-60299A80C890}"/>
          </ac:spMkLst>
        </pc:spChg>
      </pc:sldChg>
      <pc:sldChg chg="modSp mod">
        <pc:chgData name="植野 芳彦" userId="86ab4e6fb1040a80" providerId="LiveId" clId="{491E1583-BB19-46A1-B269-AF31D4E4A627}" dt="2023-03-04T05:43:21.842" v="3141" actId="20577"/>
        <pc:sldMkLst>
          <pc:docMk/>
          <pc:sldMk cId="2194413261" sldId="1676"/>
        </pc:sldMkLst>
        <pc:spChg chg="mod">
          <ac:chgData name="植野 芳彦" userId="86ab4e6fb1040a80" providerId="LiveId" clId="{491E1583-BB19-46A1-B269-AF31D4E4A627}" dt="2023-02-08T03:26:57.845" v="68"/>
          <ac:spMkLst>
            <pc:docMk/>
            <pc:sldMk cId="2194413261" sldId="1676"/>
            <ac:spMk id="3" creationId="{73433ECA-4C90-4C51-AB20-10166BF097ED}"/>
          </ac:spMkLst>
        </pc:spChg>
        <pc:spChg chg="mod">
          <ac:chgData name="植野 芳彦" userId="86ab4e6fb1040a80" providerId="LiveId" clId="{491E1583-BB19-46A1-B269-AF31D4E4A627}" dt="2023-03-04T05:43:21.842" v="3141" actId="20577"/>
          <ac:spMkLst>
            <pc:docMk/>
            <pc:sldMk cId="2194413261" sldId="1676"/>
            <ac:spMk id="6" creationId="{7E51BE49-DD3D-46B5-A703-EFBE0B0F6E17}"/>
          </ac:spMkLst>
        </pc:spChg>
      </pc:sldChg>
      <pc:sldChg chg="modSp del mod">
        <pc:chgData name="植野 芳彦" userId="86ab4e6fb1040a80" providerId="LiveId" clId="{491E1583-BB19-46A1-B269-AF31D4E4A627}" dt="2023-03-08T21:21:11.014" v="4976" actId="2696"/>
        <pc:sldMkLst>
          <pc:docMk/>
          <pc:sldMk cId="237274462" sldId="1677"/>
        </pc:sldMkLst>
        <pc:spChg chg="mod">
          <ac:chgData name="植野 芳彦" userId="86ab4e6fb1040a80" providerId="LiveId" clId="{491E1583-BB19-46A1-B269-AF31D4E4A627}" dt="2023-02-22T23:07:04.129" v="1971" actId="20577"/>
          <ac:spMkLst>
            <pc:docMk/>
            <pc:sldMk cId="237274462" sldId="1677"/>
            <ac:spMk id="2" creationId="{00000000-0000-0000-0000-000000000000}"/>
          </ac:spMkLst>
        </pc:spChg>
        <pc:spChg chg="mod">
          <ac:chgData name="植野 芳彦" userId="86ab4e6fb1040a80" providerId="LiveId" clId="{491E1583-BB19-46A1-B269-AF31D4E4A627}" dt="2023-02-24T07:45:39.785" v="2953" actId="20577"/>
          <ac:spMkLst>
            <pc:docMk/>
            <pc:sldMk cId="237274462" sldId="1677"/>
            <ac:spMk id="3" creationId="{00000000-0000-0000-0000-000000000000}"/>
          </ac:spMkLst>
        </pc:spChg>
        <pc:spChg chg="mod">
          <ac:chgData name="植野 芳彦" userId="86ab4e6fb1040a80" providerId="LiveId" clId="{491E1583-BB19-46A1-B269-AF31D4E4A627}" dt="2023-02-08T03:26:57.845" v="68"/>
          <ac:spMkLst>
            <pc:docMk/>
            <pc:sldMk cId="237274462" sldId="1677"/>
            <ac:spMk id="5" creationId="{00000000-0000-0000-0000-000000000000}"/>
          </ac:spMkLst>
        </pc:spChg>
      </pc:sldChg>
      <pc:sldChg chg="modSp add mod">
        <pc:chgData name="植野 芳彦" userId="86ab4e6fb1040a80" providerId="LiveId" clId="{491E1583-BB19-46A1-B269-AF31D4E4A627}" dt="2023-03-08T21:22:19.784" v="5055" actId="6549"/>
        <pc:sldMkLst>
          <pc:docMk/>
          <pc:sldMk cId="684488319" sldId="1677"/>
        </pc:sldMkLst>
        <pc:spChg chg="mod">
          <ac:chgData name="植野 芳彦" userId="86ab4e6fb1040a80" providerId="LiveId" clId="{491E1583-BB19-46A1-B269-AF31D4E4A627}" dt="2023-03-08T21:22:19.784" v="5055" actId="6549"/>
          <ac:spMkLst>
            <pc:docMk/>
            <pc:sldMk cId="684488319" sldId="1677"/>
            <ac:spMk id="3" creationId="{00000000-0000-0000-0000-000000000000}"/>
          </ac:spMkLst>
        </pc:spChg>
      </pc:sldChg>
      <pc:sldChg chg="modSp del">
        <pc:chgData name="植野 芳彦" userId="86ab4e6fb1040a80" providerId="LiveId" clId="{491E1583-BB19-46A1-B269-AF31D4E4A627}" dt="2023-02-22T21:07:30.460" v="1675" actId="2696"/>
        <pc:sldMkLst>
          <pc:docMk/>
          <pc:sldMk cId="1135539397" sldId="1678"/>
        </pc:sldMkLst>
        <pc:spChg chg="mod">
          <ac:chgData name="植野 芳彦" userId="86ab4e6fb1040a80" providerId="LiveId" clId="{491E1583-BB19-46A1-B269-AF31D4E4A627}" dt="2023-02-08T03:26:57.845" v="68"/>
          <ac:spMkLst>
            <pc:docMk/>
            <pc:sldMk cId="1135539397" sldId="1678"/>
            <ac:spMk id="4" creationId="{00000000-0000-0000-0000-000000000000}"/>
          </ac:spMkLst>
        </pc:spChg>
      </pc:sldChg>
      <pc:sldChg chg="del">
        <pc:chgData name="植野 芳彦" userId="86ab4e6fb1040a80" providerId="LiveId" clId="{491E1583-BB19-46A1-B269-AF31D4E4A627}" dt="2023-02-13T06:43:54.789" v="747" actId="2696"/>
        <pc:sldMkLst>
          <pc:docMk/>
          <pc:sldMk cId="4185439006" sldId="1679"/>
        </pc:sldMkLst>
      </pc:sldChg>
      <pc:sldChg chg="delSp modSp del mod">
        <pc:chgData name="植野 芳彦" userId="86ab4e6fb1040a80" providerId="LiveId" clId="{491E1583-BB19-46A1-B269-AF31D4E4A627}" dt="2023-02-22T23:04:49.886" v="1925" actId="2696"/>
        <pc:sldMkLst>
          <pc:docMk/>
          <pc:sldMk cId="3685712115" sldId="1685"/>
        </pc:sldMkLst>
        <pc:spChg chg="mod">
          <ac:chgData name="植野 芳彦" userId="86ab4e6fb1040a80" providerId="LiveId" clId="{491E1583-BB19-46A1-B269-AF31D4E4A627}" dt="2023-02-08T03:26:57.845" v="68"/>
          <ac:spMkLst>
            <pc:docMk/>
            <pc:sldMk cId="3685712115" sldId="1685"/>
            <ac:spMk id="2" creationId="{E9A31780-ED65-49D1-9C8C-2CA447A7F581}"/>
          </ac:spMkLst>
        </pc:spChg>
        <pc:spChg chg="mod">
          <ac:chgData name="植野 芳彦" userId="86ab4e6fb1040a80" providerId="LiveId" clId="{491E1583-BB19-46A1-B269-AF31D4E4A627}" dt="2023-02-22T23:03:59.360" v="1922" actId="1076"/>
          <ac:spMkLst>
            <pc:docMk/>
            <pc:sldMk cId="3685712115" sldId="1685"/>
            <ac:spMk id="14" creationId="{0AC7FB5E-6DF4-4261-9402-A0C740810F5B}"/>
          </ac:spMkLst>
        </pc:spChg>
        <pc:spChg chg="mod">
          <ac:chgData name="植野 芳彦" userId="86ab4e6fb1040a80" providerId="LiveId" clId="{491E1583-BB19-46A1-B269-AF31D4E4A627}" dt="2023-02-22T23:03:29.496" v="1916" actId="1076"/>
          <ac:spMkLst>
            <pc:docMk/>
            <pc:sldMk cId="3685712115" sldId="1685"/>
            <ac:spMk id="19" creationId="{05EEBF18-AE3E-41C9-9047-7315661A89ED}"/>
          </ac:spMkLst>
        </pc:spChg>
        <pc:spChg chg="del">
          <ac:chgData name="植野 芳彦" userId="86ab4e6fb1040a80" providerId="LiveId" clId="{491E1583-BB19-46A1-B269-AF31D4E4A627}" dt="2023-02-22T23:03:36.585" v="1917" actId="21"/>
          <ac:spMkLst>
            <pc:docMk/>
            <pc:sldMk cId="3685712115" sldId="1685"/>
            <ac:spMk id="39" creationId="{45733AEB-B9DB-42E8-8FC2-9E71B311D231}"/>
          </ac:spMkLst>
        </pc:spChg>
        <pc:spChg chg="del">
          <ac:chgData name="植野 芳彦" userId="86ab4e6fb1040a80" providerId="LiveId" clId="{491E1583-BB19-46A1-B269-AF31D4E4A627}" dt="2023-02-22T23:03:06.264" v="1911" actId="21"/>
          <ac:spMkLst>
            <pc:docMk/>
            <pc:sldMk cId="3685712115" sldId="1685"/>
            <ac:spMk id="42" creationId="{474E61EB-837A-4C50-91B6-479FFA4C67D3}"/>
          </ac:spMkLst>
        </pc:spChg>
        <pc:picChg chg="mod">
          <ac:chgData name="植野 芳彦" userId="86ab4e6fb1040a80" providerId="LiveId" clId="{491E1583-BB19-46A1-B269-AF31D4E4A627}" dt="2023-02-22T23:04:06.804" v="1924" actId="1076"/>
          <ac:picMkLst>
            <pc:docMk/>
            <pc:sldMk cId="3685712115" sldId="1685"/>
            <ac:picMk id="4" creationId="{27A71B20-7D4F-41C1-AB4F-7A215636E253}"/>
          </ac:picMkLst>
        </pc:picChg>
        <pc:picChg chg="mod">
          <ac:chgData name="植野 芳彦" userId="86ab4e6fb1040a80" providerId="LiveId" clId="{491E1583-BB19-46A1-B269-AF31D4E4A627}" dt="2023-02-22T23:04:05.067" v="1923" actId="1076"/>
          <ac:picMkLst>
            <pc:docMk/>
            <pc:sldMk cId="3685712115" sldId="1685"/>
            <ac:picMk id="5" creationId="{B9B60A2C-B30B-4D55-8A45-1D8009ABE60B}"/>
          </ac:picMkLst>
        </pc:picChg>
        <pc:picChg chg="mod">
          <ac:chgData name="植野 芳彦" userId="86ab4e6fb1040a80" providerId="LiveId" clId="{491E1583-BB19-46A1-B269-AF31D4E4A627}" dt="2023-02-22T23:03:54.440" v="1921" actId="14100"/>
          <ac:picMkLst>
            <pc:docMk/>
            <pc:sldMk cId="3685712115" sldId="1685"/>
            <ac:picMk id="9" creationId="{B009B125-1E9C-48B4-996C-FF64F8BE02DB}"/>
          </ac:picMkLst>
        </pc:picChg>
        <pc:picChg chg="mod">
          <ac:chgData name="植野 芳彦" userId="86ab4e6fb1040a80" providerId="LiveId" clId="{491E1583-BB19-46A1-B269-AF31D4E4A627}" dt="2023-02-22T23:03:09.884" v="1912" actId="14100"/>
          <ac:picMkLst>
            <pc:docMk/>
            <pc:sldMk cId="3685712115" sldId="1685"/>
            <ac:picMk id="18" creationId="{6F5DA99F-536B-4010-86BB-501932E98A76}"/>
          </ac:picMkLst>
        </pc:picChg>
        <pc:picChg chg="del">
          <ac:chgData name="植野 芳彦" userId="86ab4e6fb1040a80" providerId="LiveId" clId="{491E1583-BB19-46A1-B269-AF31D4E4A627}" dt="2023-02-22T23:02:58.909" v="1910" actId="21"/>
          <ac:picMkLst>
            <pc:docMk/>
            <pc:sldMk cId="3685712115" sldId="1685"/>
            <ac:picMk id="88077" creationId="{1704CE8F-4063-4901-8762-A12F79421DB2}"/>
          </ac:picMkLst>
        </pc:picChg>
      </pc:sldChg>
      <pc:sldChg chg="del">
        <pc:chgData name="植野 芳彦" userId="86ab4e6fb1040a80" providerId="LiveId" clId="{491E1583-BB19-46A1-B269-AF31D4E4A627}" dt="2023-02-13T02:30:56.410" v="723" actId="2696"/>
        <pc:sldMkLst>
          <pc:docMk/>
          <pc:sldMk cId="1885170018" sldId="1686"/>
        </pc:sldMkLst>
      </pc:sldChg>
      <pc:sldChg chg="del">
        <pc:chgData name="植野 芳彦" userId="86ab4e6fb1040a80" providerId="LiveId" clId="{491E1583-BB19-46A1-B269-AF31D4E4A627}" dt="2023-02-13T02:30:58.650" v="724" actId="2696"/>
        <pc:sldMkLst>
          <pc:docMk/>
          <pc:sldMk cId="1400397055" sldId="1687"/>
        </pc:sldMkLst>
      </pc:sldChg>
      <pc:sldChg chg="modSp del">
        <pc:chgData name="植野 芳彦" userId="86ab4e6fb1040a80" providerId="LiveId" clId="{491E1583-BB19-46A1-B269-AF31D4E4A627}" dt="2023-02-22T20:58:36.443" v="1473" actId="2696"/>
        <pc:sldMkLst>
          <pc:docMk/>
          <pc:sldMk cId="2520211533" sldId="1688"/>
        </pc:sldMkLst>
        <pc:spChg chg="mod">
          <ac:chgData name="植野 芳彦" userId="86ab4e6fb1040a80" providerId="LiveId" clId="{491E1583-BB19-46A1-B269-AF31D4E4A627}" dt="2023-02-08T03:26:57.845" v="68"/>
          <ac:spMkLst>
            <pc:docMk/>
            <pc:sldMk cId="2520211533" sldId="1688"/>
            <ac:spMk id="2" creationId="{AA90F73F-F91C-4083-9A86-99A47BC508CF}"/>
          </ac:spMkLst>
        </pc:spChg>
      </pc:sldChg>
      <pc:sldChg chg="add del">
        <pc:chgData name="植野 芳彦" userId="86ab4e6fb1040a80" providerId="LiveId" clId="{491E1583-BB19-46A1-B269-AF31D4E4A627}" dt="2023-03-07T08:23:28.098" v="3846" actId="2696"/>
        <pc:sldMkLst>
          <pc:docMk/>
          <pc:sldMk cId="3795345282" sldId="1688"/>
        </pc:sldMkLst>
      </pc:sldChg>
      <pc:sldChg chg="add del">
        <pc:chgData name="植野 芳彦" userId="86ab4e6fb1040a80" providerId="LiveId" clId="{491E1583-BB19-46A1-B269-AF31D4E4A627}" dt="2023-03-07T09:04:30.133" v="3866"/>
        <pc:sldMkLst>
          <pc:docMk/>
          <pc:sldMk cId="2644541129" sldId="1711"/>
        </pc:sldMkLst>
      </pc:sldChg>
      <pc:sldChg chg="modSp del">
        <pc:chgData name="植野 芳彦" userId="86ab4e6fb1040a80" providerId="LiveId" clId="{491E1583-BB19-46A1-B269-AF31D4E4A627}" dt="2023-02-13T02:31:03.065" v="726" actId="2696"/>
        <pc:sldMkLst>
          <pc:docMk/>
          <pc:sldMk cId="1406876594" sldId="1712"/>
        </pc:sldMkLst>
        <pc:spChg chg="mod">
          <ac:chgData name="植野 芳彦" userId="86ab4e6fb1040a80" providerId="LiveId" clId="{491E1583-BB19-46A1-B269-AF31D4E4A627}" dt="2023-02-08T03:26:57.845" v="68"/>
          <ac:spMkLst>
            <pc:docMk/>
            <pc:sldMk cId="1406876594" sldId="1712"/>
            <ac:spMk id="2" creationId="{A0DCF098-5523-4705-FE0E-95634E48DA83}"/>
          </ac:spMkLst>
        </pc:spChg>
      </pc:sldChg>
      <pc:sldChg chg="del">
        <pc:chgData name="植野 芳彦" userId="86ab4e6fb1040a80" providerId="LiveId" clId="{491E1583-BB19-46A1-B269-AF31D4E4A627}" dt="2023-02-22T21:04:53.263" v="1665" actId="2696"/>
        <pc:sldMkLst>
          <pc:docMk/>
          <pc:sldMk cId="2526365978" sldId="1714"/>
        </pc:sldMkLst>
      </pc:sldChg>
      <pc:sldChg chg="modSp del">
        <pc:chgData name="植野 芳彦" userId="86ab4e6fb1040a80" providerId="LiveId" clId="{491E1583-BB19-46A1-B269-AF31D4E4A627}" dt="2023-02-22T21:04:56.009" v="1666" actId="2696"/>
        <pc:sldMkLst>
          <pc:docMk/>
          <pc:sldMk cId="3682219451" sldId="1715"/>
        </pc:sldMkLst>
        <pc:spChg chg="mod">
          <ac:chgData name="植野 芳彦" userId="86ab4e6fb1040a80" providerId="LiveId" clId="{491E1583-BB19-46A1-B269-AF31D4E4A627}" dt="2023-02-08T03:26:57.845" v="68"/>
          <ac:spMkLst>
            <pc:docMk/>
            <pc:sldMk cId="3682219451" sldId="1715"/>
            <ac:spMk id="80898" creationId="{E761654E-7B1B-458D-B600-7F20E4F7D808}"/>
          </ac:spMkLst>
        </pc:spChg>
      </pc:sldChg>
      <pc:sldChg chg="del">
        <pc:chgData name="植野 芳彦" userId="86ab4e6fb1040a80" providerId="LiveId" clId="{491E1583-BB19-46A1-B269-AF31D4E4A627}" dt="2023-02-22T23:05:02.443" v="1926" actId="2696"/>
        <pc:sldMkLst>
          <pc:docMk/>
          <pc:sldMk cId="3354696640" sldId="1716"/>
        </pc:sldMkLst>
      </pc:sldChg>
      <pc:sldChg chg="modSp del mod">
        <pc:chgData name="植野 芳彦" userId="86ab4e6fb1040a80" providerId="LiveId" clId="{491E1583-BB19-46A1-B269-AF31D4E4A627}" dt="2023-02-23T20:54:50.064" v="2240" actId="2696"/>
        <pc:sldMkLst>
          <pc:docMk/>
          <pc:sldMk cId="4159546609" sldId="1717"/>
        </pc:sldMkLst>
        <pc:spChg chg="mod">
          <ac:chgData name="植野 芳彦" userId="86ab4e6fb1040a80" providerId="LiveId" clId="{491E1583-BB19-46A1-B269-AF31D4E4A627}" dt="2023-02-22T23:05:26.487" v="1951" actId="20577"/>
          <ac:spMkLst>
            <pc:docMk/>
            <pc:sldMk cId="4159546609" sldId="1717"/>
            <ac:spMk id="75779" creationId="{FE1AD9DA-1D9D-4DFC-B585-E1E09A545C25}"/>
          </ac:spMkLst>
        </pc:spChg>
        <pc:spChg chg="mod">
          <ac:chgData name="植野 芳彦" userId="86ab4e6fb1040a80" providerId="LiveId" clId="{491E1583-BB19-46A1-B269-AF31D4E4A627}" dt="2023-02-22T23:05:42.575" v="1952" actId="255"/>
          <ac:spMkLst>
            <pc:docMk/>
            <pc:sldMk cId="4159546609" sldId="1717"/>
            <ac:spMk id="75780" creationId="{BBE5638B-C21B-4B96-8AF6-3EE924B1F934}"/>
          </ac:spMkLst>
        </pc:spChg>
        <pc:spChg chg="mod">
          <ac:chgData name="植野 芳彦" userId="86ab4e6fb1040a80" providerId="LiveId" clId="{491E1583-BB19-46A1-B269-AF31D4E4A627}" dt="2023-02-08T03:26:57.845" v="68"/>
          <ac:spMkLst>
            <pc:docMk/>
            <pc:sldMk cId="4159546609" sldId="1717"/>
            <ac:spMk id="75781" creationId="{FA53F684-B087-494C-B06C-65B401C58EF9}"/>
          </ac:spMkLst>
        </pc:spChg>
      </pc:sldChg>
      <pc:sldChg chg="modSp del">
        <pc:chgData name="植野 芳彦" userId="86ab4e6fb1040a80" providerId="LiveId" clId="{491E1583-BB19-46A1-B269-AF31D4E4A627}" dt="2023-02-13T02:31:01.326" v="725" actId="2696"/>
        <pc:sldMkLst>
          <pc:docMk/>
          <pc:sldMk cId="239962166" sldId="1718"/>
        </pc:sldMkLst>
        <pc:spChg chg="mod">
          <ac:chgData name="植野 芳彦" userId="86ab4e6fb1040a80" providerId="LiveId" clId="{491E1583-BB19-46A1-B269-AF31D4E4A627}" dt="2023-02-08T03:26:57.845" v="68"/>
          <ac:spMkLst>
            <pc:docMk/>
            <pc:sldMk cId="239962166" sldId="1718"/>
            <ac:spMk id="2" creationId="{9F29AA72-732C-AEE3-0941-00AF27F0A3B3}"/>
          </ac:spMkLst>
        </pc:spChg>
      </pc:sldChg>
      <pc:sldChg chg="del">
        <pc:chgData name="植野 芳彦" userId="86ab4e6fb1040a80" providerId="LiveId" clId="{491E1583-BB19-46A1-B269-AF31D4E4A627}" dt="2023-02-21T23:36:49.764" v="1405" actId="2696"/>
        <pc:sldMkLst>
          <pc:docMk/>
          <pc:sldMk cId="2734140509" sldId="1719"/>
        </pc:sldMkLst>
      </pc:sldChg>
      <pc:sldChg chg="addSp modSp new mod modClrScheme chgLayout">
        <pc:chgData name="植野 芳彦" userId="86ab4e6fb1040a80" providerId="LiveId" clId="{491E1583-BB19-46A1-B269-AF31D4E4A627}" dt="2023-02-13T02:34:16.409" v="733"/>
        <pc:sldMkLst>
          <pc:docMk/>
          <pc:sldMk cId="2225937424" sldId="1720"/>
        </pc:sldMkLst>
        <pc:spChg chg="mod ord modVis">
          <ac:chgData name="植野 芳彦" userId="86ab4e6fb1040a80" providerId="LiveId" clId="{491E1583-BB19-46A1-B269-AF31D4E4A627}" dt="2023-02-13T02:34:16.409" v="733"/>
          <ac:spMkLst>
            <pc:docMk/>
            <pc:sldMk cId="2225937424" sldId="1720"/>
            <ac:spMk id="2" creationId="{705C1FFF-8CA7-2A49-15FD-A4C52F2DD0D3}"/>
          </ac:spMkLst>
        </pc:spChg>
        <pc:picChg chg="add mod">
          <ac:chgData name="植野 芳彦" userId="86ab4e6fb1040a80" providerId="LiveId" clId="{491E1583-BB19-46A1-B269-AF31D4E4A627}" dt="2023-02-08T02:39:03.399" v="11" actId="26606"/>
          <ac:picMkLst>
            <pc:docMk/>
            <pc:sldMk cId="2225937424" sldId="1720"/>
            <ac:picMk id="3" creationId="{DA2D9DAC-0D6E-146E-932B-D78E37313C91}"/>
          </ac:picMkLst>
        </pc:picChg>
      </pc:sldChg>
      <pc:sldChg chg="addSp modSp new mod modClrScheme chgLayout">
        <pc:chgData name="植野 芳彦" userId="86ab4e6fb1040a80" providerId="LiveId" clId="{491E1583-BB19-46A1-B269-AF31D4E4A627}" dt="2023-02-13T02:34:16.409" v="733"/>
        <pc:sldMkLst>
          <pc:docMk/>
          <pc:sldMk cId="3033060695" sldId="1721"/>
        </pc:sldMkLst>
        <pc:spChg chg="mod ord modVis">
          <ac:chgData name="植野 芳彦" userId="86ab4e6fb1040a80" providerId="LiveId" clId="{491E1583-BB19-46A1-B269-AF31D4E4A627}" dt="2023-02-13T02:34:16.409" v="733"/>
          <ac:spMkLst>
            <pc:docMk/>
            <pc:sldMk cId="3033060695" sldId="1721"/>
            <ac:spMk id="2" creationId="{AADD910A-D0DE-704D-32A2-29609E918088}"/>
          </ac:spMkLst>
        </pc:spChg>
        <pc:picChg chg="add mod">
          <ac:chgData name="植野 芳彦" userId="86ab4e6fb1040a80" providerId="LiveId" clId="{491E1583-BB19-46A1-B269-AF31D4E4A627}" dt="2023-02-08T02:38:50.355" v="9" actId="26606"/>
          <ac:picMkLst>
            <pc:docMk/>
            <pc:sldMk cId="3033060695" sldId="1721"/>
            <ac:picMk id="3" creationId="{C1E641A5-EEA6-3537-255A-20C631624A6D}"/>
          </ac:picMkLst>
        </pc:picChg>
      </pc:sldChg>
      <pc:sldChg chg="addSp modSp new mod modClrScheme chgLayout">
        <pc:chgData name="植野 芳彦" userId="86ab4e6fb1040a80" providerId="LiveId" clId="{491E1583-BB19-46A1-B269-AF31D4E4A627}" dt="2023-02-13T02:34:16.409" v="733"/>
        <pc:sldMkLst>
          <pc:docMk/>
          <pc:sldMk cId="1163888577" sldId="1722"/>
        </pc:sldMkLst>
        <pc:spChg chg="mod ord modVis">
          <ac:chgData name="植野 芳彦" userId="86ab4e6fb1040a80" providerId="LiveId" clId="{491E1583-BB19-46A1-B269-AF31D4E4A627}" dt="2023-02-13T02:34:16.409" v="733"/>
          <ac:spMkLst>
            <pc:docMk/>
            <pc:sldMk cId="1163888577" sldId="1722"/>
            <ac:spMk id="2" creationId="{67C87D79-7D16-4612-A113-6954584F9163}"/>
          </ac:spMkLst>
        </pc:spChg>
        <pc:picChg chg="add mod">
          <ac:chgData name="植野 芳彦" userId="86ab4e6fb1040a80" providerId="LiveId" clId="{491E1583-BB19-46A1-B269-AF31D4E4A627}" dt="2023-02-08T02:38:58.806" v="10" actId="26606"/>
          <ac:picMkLst>
            <pc:docMk/>
            <pc:sldMk cId="1163888577" sldId="1722"/>
            <ac:picMk id="3" creationId="{0D0B22BF-68DC-90F9-A5BA-3DD3B6A83ADA}"/>
          </ac:picMkLst>
        </pc:picChg>
      </pc:sldChg>
      <pc:sldChg chg="modSp new del mod">
        <pc:chgData name="植野 芳彦" userId="86ab4e6fb1040a80" providerId="LiveId" clId="{491E1583-BB19-46A1-B269-AF31D4E4A627}" dt="2023-02-08T02:40:43.104" v="64" actId="2696"/>
        <pc:sldMkLst>
          <pc:docMk/>
          <pc:sldMk cId="299457126" sldId="1723"/>
        </pc:sldMkLst>
        <pc:spChg chg="mod">
          <ac:chgData name="植野 芳彦" userId="86ab4e6fb1040a80" providerId="LiveId" clId="{491E1583-BB19-46A1-B269-AF31D4E4A627}" dt="2023-02-08T02:40:23.550" v="34" actId="20577"/>
          <ac:spMkLst>
            <pc:docMk/>
            <pc:sldMk cId="299457126" sldId="1723"/>
            <ac:spMk id="2" creationId="{2A33EE26-3760-7D12-54E1-2B17074C2A2E}"/>
          </ac:spMkLst>
        </pc:spChg>
        <pc:spChg chg="mod">
          <ac:chgData name="植野 芳彦" userId="86ab4e6fb1040a80" providerId="LiveId" clId="{491E1583-BB19-46A1-B269-AF31D4E4A627}" dt="2023-02-08T02:40:36.562" v="63" actId="20577"/>
          <ac:spMkLst>
            <pc:docMk/>
            <pc:sldMk cId="299457126" sldId="1723"/>
            <ac:spMk id="3" creationId="{59A6AB16-D4F3-6B7A-7BE2-219C22BC7B35}"/>
          </ac:spMkLst>
        </pc:spChg>
      </pc:sldChg>
      <pc:sldChg chg="modSp add mod">
        <pc:chgData name="植野 芳彦" userId="86ab4e6fb1040a80" providerId="LiveId" clId="{491E1583-BB19-46A1-B269-AF31D4E4A627}" dt="2023-03-07T08:19:37.180" v="3823" actId="6549"/>
        <pc:sldMkLst>
          <pc:docMk/>
          <pc:sldMk cId="1411390702" sldId="1723"/>
        </pc:sldMkLst>
        <pc:spChg chg="mod">
          <ac:chgData name="植野 芳彦" userId="86ab4e6fb1040a80" providerId="LiveId" clId="{491E1583-BB19-46A1-B269-AF31D4E4A627}" dt="2023-02-21T23:31:25.877" v="1039" actId="255"/>
          <ac:spMkLst>
            <pc:docMk/>
            <pc:sldMk cId="1411390702" sldId="1723"/>
            <ac:spMk id="2" creationId="{2A33EE26-3760-7D12-54E1-2B17074C2A2E}"/>
          </ac:spMkLst>
        </pc:spChg>
        <pc:spChg chg="mod">
          <ac:chgData name="植野 芳彦" userId="86ab4e6fb1040a80" providerId="LiveId" clId="{491E1583-BB19-46A1-B269-AF31D4E4A627}" dt="2023-03-07T08:19:37.180" v="3823" actId="6549"/>
          <ac:spMkLst>
            <pc:docMk/>
            <pc:sldMk cId="1411390702" sldId="1723"/>
            <ac:spMk id="3" creationId="{59A6AB16-D4F3-6B7A-7BE2-219C22BC7B35}"/>
          </ac:spMkLst>
        </pc:spChg>
        <pc:spChg chg="mod">
          <ac:chgData name="植野 芳彦" userId="86ab4e6fb1040a80" providerId="LiveId" clId="{491E1583-BB19-46A1-B269-AF31D4E4A627}" dt="2023-02-08T03:26:57.845" v="68"/>
          <ac:spMkLst>
            <pc:docMk/>
            <pc:sldMk cId="1411390702" sldId="1723"/>
            <ac:spMk id="4" creationId="{E1FAAD9C-E333-F36A-5FBB-9873A616B45D}"/>
          </ac:spMkLst>
        </pc:spChg>
      </pc:sldChg>
      <pc:sldChg chg="new del">
        <pc:chgData name="植野 芳彦" userId="86ab4e6fb1040a80" providerId="LiveId" clId="{491E1583-BB19-46A1-B269-AF31D4E4A627}" dt="2023-02-08T02:39:45.042" v="13" actId="2696"/>
        <pc:sldMkLst>
          <pc:docMk/>
          <pc:sldMk cId="1717259144" sldId="1723"/>
        </pc:sldMkLst>
      </pc:sldChg>
      <pc:sldChg chg="modSp add del mod modClrScheme chgLayout">
        <pc:chgData name="植野 芳彦" userId="86ab4e6fb1040a80" providerId="LiveId" clId="{491E1583-BB19-46A1-B269-AF31D4E4A627}" dt="2023-02-08T03:27:19.521" v="70" actId="2696"/>
        <pc:sldMkLst>
          <pc:docMk/>
          <pc:sldMk cId="2238392265" sldId="1724"/>
        </pc:sldMkLst>
        <pc:spChg chg="mod">
          <ac:chgData name="植野 芳彦" userId="86ab4e6fb1040a80" providerId="LiveId" clId="{491E1583-BB19-46A1-B269-AF31D4E4A627}" dt="2023-02-08T03:27:07.387" v="69" actId="26606"/>
          <ac:spMkLst>
            <pc:docMk/>
            <pc:sldMk cId="2238392265" sldId="1724"/>
            <ac:spMk id="2" creationId="{2A33EE26-3760-7D12-54E1-2B17074C2A2E}"/>
          </ac:spMkLst>
        </pc:spChg>
        <pc:spChg chg="mod">
          <ac:chgData name="植野 芳彦" userId="86ab4e6fb1040a80" providerId="LiveId" clId="{491E1583-BB19-46A1-B269-AF31D4E4A627}" dt="2023-02-08T03:27:07.387" v="69" actId="26606"/>
          <ac:spMkLst>
            <pc:docMk/>
            <pc:sldMk cId="2238392265" sldId="1724"/>
            <ac:spMk id="3" creationId="{59A6AB16-D4F3-6B7A-7BE2-219C22BC7B35}"/>
          </ac:spMkLst>
        </pc:spChg>
        <pc:spChg chg="mod">
          <ac:chgData name="植野 芳彦" userId="86ab4e6fb1040a80" providerId="LiveId" clId="{491E1583-BB19-46A1-B269-AF31D4E4A627}" dt="2023-02-08T03:27:07.387" v="69" actId="26606"/>
          <ac:spMkLst>
            <pc:docMk/>
            <pc:sldMk cId="2238392265" sldId="1724"/>
            <ac:spMk id="4" creationId="{E1FAAD9C-E333-F36A-5FBB-9873A616B45D}"/>
          </ac:spMkLst>
        </pc:spChg>
      </pc:sldChg>
      <pc:sldChg chg="add del">
        <pc:chgData name="植野 芳彦" userId="86ab4e6fb1040a80" providerId="LiveId" clId="{491E1583-BB19-46A1-B269-AF31D4E4A627}" dt="2023-02-08T03:28:59.685" v="75" actId="2696"/>
        <pc:sldMkLst>
          <pc:docMk/>
          <pc:sldMk cId="3873431711" sldId="1724"/>
        </pc:sldMkLst>
      </pc:sldChg>
      <pc:sldChg chg="addSp modSp new mod">
        <pc:chgData name="植野 芳彦" userId="86ab4e6fb1040a80" providerId="LiveId" clId="{491E1583-BB19-46A1-B269-AF31D4E4A627}" dt="2023-03-07T04:33:13.148" v="3818" actId="255"/>
        <pc:sldMkLst>
          <pc:docMk/>
          <pc:sldMk cId="1576417505" sldId="1725"/>
        </pc:sldMkLst>
        <pc:spChg chg="add mod">
          <ac:chgData name="植野 芳彦" userId="86ab4e6fb1040a80" providerId="LiveId" clId="{491E1583-BB19-46A1-B269-AF31D4E4A627}" dt="2023-03-07T04:33:13.148" v="3818" actId="255"/>
          <ac:spMkLst>
            <pc:docMk/>
            <pc:sldMk cId="1576417505" sldId="1725"/>
            <ac:spMk id="3" creationId="{26B6B0B8-DE1A-4B7C-AAC8-E0AB6A360189}"/>
          </ac:spMkLst>
        </pc:spChg>
      </pc:sldChg>
      <pc:sldChg chg="new del">
        <pc:chgData name="植野 芳彦" userId="86ab4e6fb1040a80" providerId="LiveId" clId="{491E1583-BB19-46A1-B269-AF31D4E4A627}" dt="2023-02-08T03:28:22.368" v="73" actId="2696"/>
        <pc:sldMkLst>
          <pc:docMk/>
          <pc:sldMk cId="3461504606" sldId="1725"/>
        </pc:sldMkLst>
      </pc:sldChg>
      <pc:sldChg chg="add del">
        <pc:chgData name="植野 芳彦" userId="86ab4e6fb1040a80" providerId="LiveId" clId="{491E1583-BB19-46A1-B269-AF31D4E4A627}" dt="2023-02-08T03:29:15.088" v="77" actId="2696"/>
        <pc:sldMkLst>
          <pc:docMk/>
          <pc:sldMk cId="1326569768" sldId="1726"/>
        </pc:sldMkLst>
      </pc:sldChg>
      <pc:sldChg chg="new del">
        <pc:chgData name="植野 芳彦" userId="86ab4e6fb1040a80" providerId="LiveId" clId="{491E1583-BB19-46A1-B269-AF31D4E4A627}" dt="2023-02-08T22:44:40.829" v="82" actId="2696"/>
        <pc:sldMkLst>
          <pc:docMk/>
          <pc:sldMk cId="3650815518" sldId="1726"/>
        </pc:sldMkLst>
      </pc:sldChg>
      <pc:sldChg chg="new del">
        <pc:chgData name="植野 芳彦" userId="86ab4e6fb1040a80" providerId="LiveId" clId="{491E1583-BB19-46A1-B269-AF31D4E4A627}" dt="2023-02-08T03:29:38.662" v="80" actId="2696"/>
        <pc:sldMkLst>
          <pc:docMk/>
          <pc:sldMk cId="1505525063" sldId="1727"/>
        </pc:sldMkLst>
      </pc:sldChg>
      <pc:sldChg chg="new del">
        <pc:chgData name="植野 芳彦" userId="86ab4e6fb1040a80" providerId="LiveId" clId="{491E1583-BB19-46A1-B269-AF31D4E4A627}" dt="2023-02-21T23:36:04.076" v="1404" actId="2696"/>
        <pc:sldMkLst>
          <pc:docMk/>
          <pc:sldMk cId="3136146739" sldId="1727"/>
        </pc:sldMkLst>
      </pc:sldChg>
      <pc:sldChg chg="modSp add mod">
        <pc:chgData name="植野 芳彦" userId="86ab4e6fb1040a80" providerId="LiveId" clId="{491E1583-BB19-46A1-B269-AF31D4E4A627}" dt="2023-02-26T22:48:44.966" v="3045" actId="1076"/>
        <pc:sldMkLst>
          <pc:docMk/>
          <pc:sldMk cId="588392011" sldId="2759"/>
        </pc:sldMkLst>
        <pc:spChg chg="mod">
          <ac:chgData name="植野 芳彦" userId="86ab4e6fb1040a80" providerId="LiveId" clId="{491E1583-BB19-46A1-B269-AF31D4E4A627}" dt="2023-02-26T22:48:38.643" v="3043" actId="1076"/>
          <ac:spMkLst>
            <pc:docMk/>
            <pc:sldMk cId="588392011" sldId="2759"/>
            <ac:spMk id="3" creationId="{211B6A74-24DC-2B56-3149-600EC688E50D}"/>
          </ac:spMkLst>
        </pc:spChg>
        <pc:picChg chg="mod">
          <ac:chgData name="植野 芳彦" userId="86ab4e6fb1040a80" providerId="LiveId" clId="{491E1583-BB19-46A1-B269-AF31D4E4A627}" dt="2023-02-26T22:48:44.966" v="3045" actId="1076"/>
          <ac:picMkLst>
            <pc:docMk/>
            <pc:sldMk cId="588392011" sldId="2759"/>
            <ac:picMk id="2" creationId="{AFE772F5-7CAA-0729-1D45-0D7E9D96F325}"/>
          </ac:picMkLst>
        </pc:picChg>
      </pc:sldChg>
      <pc:sldChg chg="modSp add mod">
        <pc:chgData name="植野 芳彦" userId="86ab4e6fb1040a80" providerId="LiveId" clId="{491E1583-BB19-46A1-B269-AF31D4E4A627}" dt="2023-02-26T22:48:23.383" v="3041" actId="255"/>
        <pc:sldMkLst>
          <pc:docMk/>
          <pc:sldMk cId="1056054561" sldId="2761"/>
        </pc:sldMkLst>
        <pc:spChg chg="mod">
          <ac:chgData name="植野 芳彦" userId="86ab4e6fb1040a80" providerId="LiveId" clId="{491E1583-BB19-46A1-B269-AF31D4E4A627}" dt="2023-02-26T22:48:23.383" v="3041" actId="255"/>
          <ac:spMkLst>
            <pc:docMk/>
            <pc:sldMk cId="1056054561" sldId="2761"/>
            <ac:spMk id="3" creationId="{4A479C5C-E2B5-BD09-E4B5-F4C1D5812E47}"/>
          </ac:spMkLst>
        </pc:spChg>
        <pc:picChg chg="mod">
          <ac:chgData name="植野 芳彦" userId="86ab4e6fb1040a80" providerId="LiveId" clId="{491E1583-BB19-46A1-B269-AF31D4E4A627}" dt="2023-02-26T22:48:04.321" v="3028" actId="14100"/>
          <ac:picMkLst>
            <pc:docMk/>
            <pc:sldMk cId="1056054561" sldId="2761"/>
            <ac:picMk id="2" creationId="{27975FDE-699F-0F1F-E021-A9850C0925ED}"/>
          </ac:picMkLst>
        </pc:picChg>
      </pc:sldChg>
      <pc:sldChg chg="add del">
        <pc:chgData name="植野 芳彦" userId="86ab4e6fb1040a80" providerId="LiveId" clId="{491E1583-BB19-46A1-B269-AF31D4E4A627}" dt="2023-03-07T08:23:34.296" v="3847" actId="2696"/>
        <pc:sldMkLst>
          <pc:docMk/>
          <pc:sldMk cId="1256625" sldId="2769"/>
        </pc:sldMkLst>
      </pc:sldChg>
      <pc:sldChg chg="add">
        <pc:chgData name="植野 芳彦" userId="86ab4e6fb1040a80" providerId="LiveId" clId="{491E1583-BB19-46A1-B269-AF31D4E4A627}" dt="2023-03-07T08:23:43.918" v="3848"/>
        <pc:sldMkLst>
          <pc:docMk/>
          <pc:sldMk cId="2031032305" sldId="2769"/>
        </pc:sldMkLst>
      </pc:sldChg>
      <pc:sldChg chg="modSp add del mod">
        <pc:chgData name="植野 芳彦" userId="86ab4e6fb1040a80" providerId="LiveId" clId="{491E1583-BB19-46A1-B269-AF31D4E4A627}" dt="2023-02-24T06:14:20.511" v="2306" actId="2696"/>
        <pc:sldMkLst>
          <pc:docMk/>
          <pc:sldMk cId="2243404657" sldId="2771"/>
        </pc:sldMkLst>
        <pc:spChg chg="mod">
          <ac:chgData name="植野 芳彦" userId="86ab4e6fb1040a80" providerId="LiveId" clId="{491E1583-BB19-46A1-B269-AF31D4E4A627}" dt="2023-02-21T23:34:38.048" v="1285" actId="14100"/>
          <ac:spMkLst>
            <pc:docMk/>
            <pc:sldMk cId="2243404657" sldId="2771"/>
            <ac:spMk id="6" creationId="{DA634812-7B19-FD0F-235C-77C876D62A10}"/>
          </ac:spMkLst>
        </pc:spChg>
      </pc:sldChg>
      <pc:sldChg chg="modSp add del mod">
        <pc:chgData name="植野 芳彦" userId="86ab4e6fb1040a80" providerId="LiveId" clId="{491E1583-BB19-46A1-B269-AF31D4E4A627}" dt="2023-03-07T08:22:07.654" v="3834" actId="2696"/>
        <pc:sldMkLst>
          <pc:docMk/>
          <pc:sldMk cId="1056980360" sldId="2777"/>
        </pc:sldMkLst>
        <pc:spChg chg="mod">
          <ac:chgData name="植野 芳彦" userId="86ab4e6fb1040a80" providerId="LiveId" clId="{491E1583-BB19-46A1-B269-AF31D4E4A627}" dt="2023-02-23T20:47:57.622" v="2059" actId="14100"/>
          <ac:spMkLst>
            <pc:docMk/>
            <pc:sldMk cId="1056980360" sldId="2777"/>
            <ac:spMk id="3" creationId="{54C2600A-EDFC-45BC-B651-E21925D1631C}"/>
          </ac:spMkLst>
        </pc:spChg>
        <pc:spChg chg="mod">
          <ac:chgData name="植野 芳彦" userId="86ab4e6fb1040a80" providerId="LiveId" clId="{491E1583-BB19-46A1-B269-AF31D4E4A627}" dt="2023-02-23T20:48:12.455" v="2062" actId="1076"/>
          <ac:spMkLst>
            <pc:docMk/>
            <pc:sldMk cId="1056980360" sldId="2777"/>
            <ac:spMk id="4" creationId="{C9665207-4C7D-41C9-B795-AD7F69C1F43E}"/>
          </ac:spMkLst>
        </pc:spChg>
      </pc:sldChg>
      <pc:sldChg chg="add">
        <pc:chgData name="植野 芳彦" userId="86ab4e6fb1040a80" providerId="LiveId" clId="{491E1583-BB19-46A1-B269-AF31D4E4A627}" dt="2023-03-07T08:22:11.541" v="3835"/>
        <pc:sldMkLst>
          <pc:docMk/>
          <pc:sldMk cId="3438407741" sldId="2777"/>
        </pc:sldMkLst>
      </pc:sldChg>
      <pc:sldChg chg="delSp modSp add mod">
        <pc:chgData name="植野 芳彦" userId="86ab4e6fb1040a80" providerId="LiveId" clId="{491E1583-BB19-46A1-B269-AF31D4E4A627}" dt="2023-03-07T04:30:19.872" v="3623"/>
        <pc:sldMkLst>
          <pc:docMk/>
          <pc:sldMk cId="2563216280" sldId="2778"/>
        </pc:sldMkLst>
        <pc:spChg chg="mod">
          <ac:chgData name="植野 芳彦" userId="86ab4e6fb1040a80" providerId="LiveId" clId="{491E1583-BB19-46A1-B269-AF31D4E4A627}" dt="2023-03-07T04:30:17.519" v="3621" actId="6549"/>
          <ac:spMkLst>
            <pc:docMk/>
            <pc:sldMk cId="2563216280" sldId="2778"/>
            <ac:spMk id="4" creationId="{5A40F5C0-6815-9F21-D789-8CCD6846478E}"/>
          </ac:spMkLst>
        </pc:spChg>
        <pc:spChg chg="del mod">
          <ac:chgData name="植野 芳彦" userId="86ab4e6fb1040a80" providerId="LiveId" clId="{491E1583-BB19-46A1-B269-AF31D4E4A627}" dt="2023-03-07T04:30:19.872" v="3623"/>
          <ac:spMkLst>
            <pc:docMk/>
            <pc:sldMk cId="2563216280" sldId="2778"/>
            <ac:spMk id="5" creationId="{0CF77AFD-1792-C0D7-F59E-043C23F55F58}"/>
          </ac:spMkLst>
        </pc:spChg>
      </pc:sldChg>
      <pc:sldChg chg="modSp add mod">
        <pc:chgData name="植野 芳彦" userId="86ab4e6fb1040a80" providerId="LiveId" clId="{491E1583-BB19-46A1-B269-AF31D4E4A627}" dt="2023-03-07T04:29:30.781" v="3579" actId="21"/>
        <pc:sldMkLst>
          <pc:docMk/>
          <pc:sldMk cId="3291753045" sldId="2782"/>
        </pc:sldMkLst>
        <pc:spChg chg="mod">
          <ac:chgData name="植野 芳彦" userId="86ab4e6fb1040a80" providerId="LiveId" clId="{491E1583-BB19-46A1-B269-AF31D4E4A627}" dt="2023-02-19T09:28:46.796" v="778" actId="14100"/>
          <ac:spMkLst>
            <pc:docMk/>
            <pc:sldMk cId="3291753045" sldId="2782"/>
            <ac:spMk id="3" creationId="{3EEF8F64-1493-43D1-C8DE-BE183C65E839}"/>
          </ac:spMkLst>
        </pc:spChg>
        <pc:spChg chg="mod">
          <ac:chgData name="植野 芳彦" userId="86ab4e6fb1040a80" providerId="LiveId" clId="{491E1583-BB19-46A1-B269-AF31D4E4A627}" dt="2023-03-07T04:29:30.781" v="3579" actId="21"/>
          <ac:spMkLst>
            <pc:docMk/>
            <pc:sldMk cId="3291753045" sldId="2782"/>
            <ac:spMk id="5" creationId="{BC57F35D-079B-6256-5765-9F75D5F7895B}"/>
          </ac:spMkLst>
        </pc:spChg>
        <pc:picChg chg="mod">
          <ac:chgData name="植野 芳彦" userId="86ab4e6fb1040a80" providerId="LiveId" clId="{491E1583-BB19-46A1-B269-AF31D4E4A627}" dt="2023-02-19T09:28:26.211" v="773" actId="14100"/>
          <ac:picMkLst>
            <pc:docMk/>
            <pc:sldMk cId="3291753045" sldId="2782"/>
            <ac:picMk id="2" creationId="{FFECD84D-13F4-019A-6839-48E77C4E6F17}"/>
          </ac:picMkLst>
        </pc:picChg>
      </pc:sldChg>
      <pc:sldChg chg="add del">
        <pc:chgData name="植野 芳彦" userId="86ab4e6fb1040a80" providerId="LiveId" clId="{491E1583-BB19-46A1-B269-AF31D4E4A627}" dt="2023-03-07T20:20:32.252" v="3891" actId="2696"/>
        <pc:sldMkLst>
          <pc:docMk/>
          <pc:sldMk cId="225489638" sldId="2784"/>
        </pc:sldMkLst>
      </pc:sldChg>
      <pc:sldChg chg="add del">
        <pc:chgData name="植野 芳彦" userId="86ab4e6fb1040a80" providerId="LiveId" clId="{491E1583-BB19-46A1-B269-AF31D4E4A627}" dt="2023-02-13T02:27:07.501" v="709" actId="2696"/>
        <pc:sldMkLst>
          <pc:docMk/>
          <pc:sldMk cId="2450264262" sldId="2785"/>
        </pc:sldMkLst>
      </pc:sldChg>
      <pc:sldChg chg="add">
        <pc:chgData name="植野 芳彦" userId="86ab4e6fb1040a80" providerId="LiveId" clId="{491E1583-BB19-46A1-B269-AF31D4E4A627}" dt="2023-03-07T08:22:02.924" v="3833"/>
        <pc:sldMkLst>
          <pc:docMk/>
          <pc:sldMk cId="3285538707" sldId="2785"/>
        </pc:sldMkLst>
      </pc:sldChg>
      <pc:sldChg chg="addSp modSp add del mod">
        <pc:chgData name="植野 芳彦" userId="86ab4e6fb1040a80" providerId="LiveId" clId="{491E1583-BB19-46A1-B269-AF31D4E4A627}" dt="2023-03-07T08:21:59.395" v="3832" actId="2696"/>
        <pc:sldMkLst>
          <pc:docMk/>
          <pc:sldMk cId="4171598980" sldId="2785"/>
        </pc:sldMkLst>
        <pc:spChg chg="add mod">
          <ac:chgData name="植野 芳彦" userId="86ab4e6fb1040a80" providerId="LiveId" clId="{491E1583-BB19-46A1-B269-AF31D4E4A627}" dt="2023-02-23T20:47:42.563" v="2057" actId="1076"/>
          <ac:spMkLst>
            <pc:docMk/>
            <pc:sldMk cId="4171598980" sldId="2785"/>
            <ac:spMk id="2" creationId="{61B46380-EFA7-82C3-7DA6-4E6DE8B91D7D}"/>
          </ac:spMkLst>
        </pc:spChg>
        <pc:picChg chg="mod">
          <ac:chgData name="植野 芳彦" userId="86ab4e6fb1040a80" providerId="LiveId" clId="{491E1583-BB19-46A1-B269-AF31D4E4A627}" dt="2023-02-23T20:47:38.403" v="2056" actId="1076"/>
          <ac:picMkLst>
            <pc:docMk/>
            <pc:sldMk cId="4171598980" sldId="2785"/>
            <ac:picMk id="3" creationId="{DC318A81-7952-BAF1-0191-0DB3B79B4571}"/>
          </ac:picMkLst>
        </pc:picChg>
      </pc:sldChg>
      <pc:sldChg chg="new del">
        <pc:chgData name="植野 芳彦" userId="86ab4e6fb1040a80" providerId="LiveId" clId="{491E1583-BB19-46A1-B269-AF31D4E4A627}" dt="2023-02-22T23:00:41.574" v="1781" actId="2696"/>
        <pc:sldMkLst>
          <pc:docMk/>
          <pc:sldMk cId="2446299384" sldId="2786"/>
        </pc:sldMkLst>
      </pc:sldChg>
      <pc:sldChg chg="addSp modSp add del mod">
        <pc:chgData name="植野 芳彦" userId="86ab4e6fb1040a80" providerId="LiveId" clId="{491E1583-BB19-46A1-B269-AF31D4E4A627}" dt="2023-03-07T08:22:29.721" v="3838" actId="2696"/>
        <pc:sldMkLst>
          <pc:docMk/>
          <pc:sldMk cId="1633019847" sldId="2787"/>
        </pc:sldMkLst>
        <pc:spChg chg="add mod">
          <ac:chgData name="植野 芳彦" userId="86ab4e6fb1040a80" providerId="LiveId" clId="{491E1583-BB19-46A1-B269-AF31D4E4A627}" dt="2023-02-22T21:03:33.935" v="1661" actId="20577"/>
          <ac:spMkLst>
            <pc:docMk/>
            <pc:sldMk cId="1633019847" sldId="2787"/>
            <ac:spMk id="11" creationId="{13B6E5AC-D157-06E2-556B-00FFAD54C87D}"/>
          </ac:spMkLst>
        </pc:spChg>
      </pc:sldChg>
      <pc:sldChg chg="modSp add del mod">
        <pc:chgData name="植野 芳彦" userId="86ab4e6fb1040a80" providerId="LiveId" clId="{491E1583-BB19-46A1-B269-AF31D4E4A627}" dt="2023-03-07T08:20:11.928" v="3825" actId="2696"/>
        <pc:sldMkLst>
          <pc:docMk/>
          <pc:sldMk cId="2968306498" sldId="2788"/>
        </pc:sldMkLst>
        <pc:picChg chg="mod">
          <ac:chgData name="植野 芳彦" userId="86ab4e6fb1040a80" providerId="LiveId" clId="{491E1583-BB19-46A1-B269-AF31D4E4A627}" dt="2023-02-22T21:02:38.105" v="1605" actId="14100"/>
          <ac:picMkLst>
            <pc:docMk/>
            <pc:sldMk cId="2968306498" sldId="2788"/>
            <ac:picMk id="3" creationId="{608B3109-A165-EDB0-D011-7DFC342227F8}"/>
          </ac:picMkLst>
        </pc:picChg>
      </pc:sldChg>
      <pc:sldChg chg="add del">
        <pc:chgData name="植野 芳彦" userId="86ab4e6fb1040a80" providerId="LiveId" clId="{491E1583-BB19-46A1-B269-AF31D4E4A627}" dt="2023-02-13T02:28:19.963" v="713" actId="2696"/>
        <pc:sldMkLst>
          <pc:docMk/>
          <pc:sldMk cId="0" sldId="2811"/>
        </pc:sldMkLst>
      </pc:sldChg>
      <pc:sldChg chg="modSp add del mod">
        <pc:chgData name="植野 芳彦" userId="86ab4e6fb1040a80" providerId="LiveId" clId="{491E1583-BB19-46A1-B269-AF31D4E4A627}" dt="2023-03-07T08:22:40.358" v="3840" actId="2696"/>
        <pc:sldMkLst>
          <pc:docMk/>
          <pc:sldMk cId="1030936371" sldId="2812"/>
        </pc:sldMkLst>
        <pc:picChg chg="mod">
          <ac:chgData name="植野 芳彦" userId="86ab4e6fb1040a80" providerId="LiveId" clId="{491E1583-BB19-46A1-B269-AF31D4E4A627}" dt="2023-02-23T20:52:07.158" v="2200" actId="14100"/>
          <ac:picMkLst>
            <pc:docMk/>
            <pc:sldMk cId="1030936371" sldId="2812"/>
            <ac:picMk id="3" creationId="{EF873169-6F59-6DFB-15A1-B1F4E18C9550}"/>
          </ac:picMkLst>
        </pc:picChg>
      </pc:sldChg>
      <pc:sldChg chg="add del">
        <pc:chgData name="植野 芳彦" userId="86ab4e6fb1040a80" providerId="LiveId" clId="{491E1583-BB19-46A1-B269-AF31D4E4A627}" dt="2023-02-13T02:28:26.288" v="714" actId="2696"/>
        <pc:sldMkLst>
          <pc:docMk/>
          <pc:sldMk cId="4069921732" sldId="2812"/>
        </pc:sldMkLst>
      </pc:sldChg>
      <pc:sldChg chg="add">
        <pc:chgData name="植野 芳彦" userId="86ab4e6fb1040a80" providerId="LiveId" clId="{491E1583-BB19-46A1-B269-AF31D4E4A627}" dt="2023-03-07T08:22:44.481" v="3841"/>
        <pc:sldMkLst>
          <pc:docMk/>
          <pc:sldMk cId="4165403584" sldId="2812"/>
        </pc:sldMkLst>
      </pc:sldChg>
      <pc:sldChg chg="addSp modSp add del mod">
        <pc:chgData name="植野 芳彦" userId="86ab4e6fb1040a80" providerId="LiveId" clId="{491E1583-BB19-46A1-B269-AF31D4E4A627}" dt="2023-03-07T08:22:17.240" v="3836" actId="2696"/>
        <pc:sldMkLst>
          <pc:docMk/>
          <pc:sldMk cId="1349868172" sldId="2813"/>
        </pc:sldMkLst>
        <pc:spChg chg="add mod">
          <ac:chgData name="植野 芳彦" userId="86ab4e6fb1040a80" providerId="LiveId" clId="{491E1583-BB19-46A1-B269-AF31D4E4A627}" dt="2023-02-22T21:02:14.574" v="1601" actId="20577"/>
          <ac:spMkLst>
            <pc:docMk/>
            <pc:sldMk cId="1349868172" sldId="2813"/>
            <ac:spMk id="2" creationId="{A7396AF7-7198-378A-645A-CD1A751DC212}"/>
          </ac:spMkLst>
        </pc:spChg>
        <pc:spChg chg="mod">
          <ac:chgData name="植野 芳彦" userId="86ab4e6fb1040a80" providerId="LiveId" clId="{491E1583-BB19-46A1-B269-AF31D4E4A627}" dt="2023-02-23T20:50:49.936" v="2193" actId="20577"/>
          <ac:spMkLst>
            <pc:docMk/>
            <pc:sldMk cId="1349868172" sldId="2813"/>
            <ac:spMk id="7" creationId="{B26A66D6-F4D7-3094-85CD-AAA8029E21B5}"/>
          </ac:spMkLst>
        </pc:spChg>
        <pc:picChg chg="mod">
          <ac:chgData name="植野 芳彦" userId="86ab4e6fb1040a80" providerId="LiveId" clId="{491E1583-BB19-46A1-B269-AF31D4E4A627}" dt="2023-02-23T20:48:40.576" v="2066" actId="1076"/>
          <ac:picMkLst>
            <pc:docMk/>
            <pc:sldMk cId="1349868172" sldId="2813"/>
            <ac:picMk id="3" creationId="{C202DCCC-A273-7409-1B6D-ED9CB6C84CB3}"/>
          </ac:picMkLst>
        </pc:picChg>
        <pc:picChg chg="mod">
          <ac:chgData name="植野 芳彦" userId="86ab4e6fb1040a80" providerId="LiveId" clId="{491E1583-BB19-46A1-B269-AF31D4E4A627}" dt="2023-02-23T20:50:14.067" v="2157" actId="14100"/>
          <ac:picMkLst>
            <pc:docMk/>
            <pc:sldMk cId="1349868172" sldId="2813"/>
            <ac:picMk id="5" creationId="{A2C26A01-6986-6150-28DC-4859D78C0252}"/>
          </ac:picMkLst>
        </pc:picChg>
      </pc:sldChg>
      <pc:sldChg chg="add">
        <pc:chgData name="植野 芳彦" userId="86ab4e6fb1040a80" providerId="LiveId" clId="{491E1583-BB19-46A1-B269-AF31D4E4A627}" dt="2023-03-07T08:22:22.193" v="3837"/>
        <pc:sldMkLst>
          <pc:docMk/>
          <pc:sldMk cId="3268885342" sldId="2813"/>
        </pc:sldMkLst>
      </pc:sldChg>
      <pc:sldChg chg="modSp add del mod">
        <pc:chgData name="植野 芳彦" userId="86ab4e6fb1040a80" providerId="LiveId" clId="{491E1583-BB19-46A1-B269-AF31D4E4A627}" dt="2023-02-24T06:14:21.577" v="2307" actId="2696"/>
        <pc:sldMkLst>
          <pc:docMk/>
          <pc:sldMk cId="4185912097" sldId="2814"/>
        </pc:sldMkLst>
        <pc:spChg chg="mod">
          <ac:chgData name="植野 芳彦" userId="86ab4e6fb1040a80" providerId="LiveId" clId="{491E1583-BB19-46A1-B269-AF31D4E4A627}" dt="2023-02-21T23:35:41.964" v="1401" actId="1076"/>
          <ac:spMkLst>
            <pc:docMk/>
            <pc:sldMk cId="4185912097" sldId="2814"/>
            <ac:spMk id="2" creationId="{00000000-0000-0000-0000-000000000000}"/>
          </ac:spMkLst>
        </pc:spChg>
        <pc:spChg chg="mod">
          <ac:chgData name="植野 芳彦" userId="86ab4e6fb1040a80" providerId="LiveId" clId="{491E1583-BB19-46A1-B269-AF31D4E4A627}" dt="2023-02-21T23:35:52.368" v="1403" actId="14100"/>
          <ac:spMkLst>
            <pc:docMk/>
            <pc:sldMk cId="4185912097" sldId="2814"/>
            <ac:spMk id="3" creationId="{5776874E-101E-CE90-B9A0-AF9968718CEC}"/>
          </ac:spMkLst>
        </pc:spChg>
      </pc:sldChg>
      <pc:sldChg chg="modSp add del mod">
        <pc:chgData name="植野 芳彦" userId="86ab4e6fb1040a80" providerId="LiveId" clId="{491E1583-BB19-46A1-B269-AF31D4E4A627}" dt="2023-02-24T06:14:18.349" v="2305" actId="2696"/>
        <pc:sldMkLst>
          <pc:docMk/>
          <pc:sldMk cId="3594384430" sldId="2815"/>
        </pc:sldMkLst>
        <pc:spChg chg="mod">
          <ac:chgData name="植野 芳彦" userId="86ab4e6fb1040a80" providerId="LiveId" clId="{491E1583-BB19-46A1-B269-AF31D4E4A627}" dt="2023-02-21T23:34:21.090" v="1283" actId="6549"/>
          <ac:spMkLst>
            <pc:docMk/>
            <pc:sldMk cId="3594384430" sldId="2815"/>
            <ac:spMk id="2" creationId="{2A33EE26-3760-7D12-54E1-2B17074C2A2E}"/>
          </ac:spMkLst>
        </pc:spChg>
        <pc:spChg chg="mod">
          <ac:chgData name="植野 芳彦" userId="86ab4e6fb1040a80" providerId="LiveId" clId="{491E1583-BB19-46A1-B269-AF31D4E4A627}" dt="2023-02-22T20:58:09.836" v="1470" actId="20577"/>
          <ac:spMkLst>
            <pc:docMk/>
            <pc:sldMk cId="3594384430" sldId="2815"/>
            <ac:spMk id="3" creationId="{59A6AB16-D4F3-6B7A-7BE2-219C22BC7B35}"/>
          </ac:spMkLst>
        </pc:spChg>
      </pc:sldChg>
      <pc:sldChg chg="add">
        <pc:chgData name="植野 芳彦" userId="86ab4e6fb1040a80" providerId="LiveId" clId="{491E1583-BB19-46A1-B269-AF31D4E4A627}" dt="2023-03-07T08:21:52.405" v="3831"/>
        <pc:sldMkLst>
          <pc:docMk/>
          <pc:sldMk cId="62187434" sldId="2816"/>
        </pc:sldMkLst>
      </pc:sldChg>
      <pc:sldChg chg="modSp add del mod">
        <pc:chgData name="植野 芳彦" userId="86ab4e6fb1040a80" providerId="LiveId" clId="{491E1583-BB19-46A1-B269-AF31D4E4A627}" dt="2023-03-07T08:21:47.142" v="3830" actId="2696"/>
        <pc:sldMkLst>
          <pc:docMk/>
          <pc:sldMk cId="2744041597" sldId="2816"/>
        </pc:sldMkLst>
        <pc:spChg chg="mod">
          <ac:chgData name="植野 芳彦" userId="86ab4e6fb1040a80" providerId="LiveId" clId="{491E1583-BB19-46A1-B269-AF31D4E4A627}" dt="2023-02-22T21:00:33.924" v="1501" actId="6549"/>
          <ac:spMkLst>
            <pc:docMk/>
            <pc:sldMk cId="2744041597" sldId="2816"/>
            <ac:spMk id="2" creationId="{2A33EE26-3760-7D12-54E1-2B17074C2A2E}"/>
          </ac:spMkLst>
        </pc:spChg>
        <pc:spChg chg="mod">
          <ac:chgData name="植野 芳彦" userId="86ab4e6fb1040a80" providerId="LiveId" clId="{491E1583-BB19-46A1-B269-AF31D4E4A627}" dt="2023-02-23T20:47:19.892" v="2052" actId="27636"/>
          <ac:spMkLst>
            <pc:docMk/>
            <pc:sldMk cId="2744041597" sldId="2816"/>
            <ac:spMk id="3" creationId="{59A6AB16-D4F3-6B7A-7BE2-219C22BC7B35}"/>
          </ac:spMkLst>
        </pc:spChg>
      </pc:sldChg>
      <pc:sldChg chg="modSp add del mod">
        <pc:chgData name="植野 芳彦" userId="86ab4e6fb1040a80" providerId="LiveId" clId="{491E1583-BB19-46A1-B269-AF31D4E4A627}" dt="2023-03-07T08:23:15.725" v="3844" actId="2696"/>
        <pc:sldMkLst>
          <pc:docMk/>
          <pc:sldMk cId="3225118802" sldId="2817"/>
        </pc:sldMkLst>
        <pc:spChg chg="mod">
          <ac:chgData name="植野 芳彦" userId="86ab4e6fb1040a80" providerId="LiveId" clId="{491E1583-BB19-46A1-B269-AF31D4E4A627}" dt="2023-02-22T23:01:17.755" v="1804" actId="6549"/>
          <ac:spMkLst>
            <pc:docMk/>
            <pc:sldMk cId="3225118802" sldId="2817"/>
            <ac:spMk id="2" creationId="{2A33EE26-3760-7D12-54E1-2B17074C2A2E}"/>
          </ac:spMkLst>
        </pc:spChg>
        <pc:spChg chg="mod">
          <ac:chgData name="植野 芳彦" userId="86ab4e6fb1040a80" providerId="LiveId" clId="{491E1583-BB19-46A1-B269-AF31D4E4A627}" dt="2023-03-04T05:43:05.576" v="3132" actId="6549"/>
          <ac:spMkLst>
            <pc:docMk/>
            <pc:sldMk cId="3225118802" sldId="2817"/>
            <ac:spMk id="3" creationId="{59A6AB16-D4F3-6B7A-7BE2-219C22BC7B35}"/>
          </ac:spMkLst>
        </pc:spChg>
      </pc:sldChg>
      <pc:sldChg chg="add">
        <pc:chgData name="植野 芳彦" userId="86ab4e6fb1040a80" providerId="LiveId" clId="{491E1583-BB19-46A1-B269-AF31D4E4A627}" dt="2023-03-07T08:23:22.541" v="3845"/>
        <pc:sldMkLst>
          <pc:docMk/>
          <pc:sldMk cId="3592500252" sldId="2817"/>
        </pc:sldMkLst>
      </pc:sldChg>
      <pc:sldChg chg="add">
        <pc:chgData name="植野 芳彦" userId="86ab4e6fb1040a80" providerId="LiveId" clId="{491E1583-BB19-46A1-B269-AF31D4E4A627}" dt="2023-03-07T08:23:04.242" v="3843"/>
        <pc:sldMkLst>
          <pc:docMk/>
          <pc:sldMk cId="1669230869" sldId="2818"/>
        </pc:sldMkLst>
      </pc:sldChg>
      <pc:sldChg chg="addSp modSp new del mod">
        <pc:chgData name="植野 芳彦" userId="86ab4e6fb1040a80" providerId="LiveId" clId="{491E1583-BB19-46A1-B269-AF31D4E4A627}" dt="2023-03-07T08:22:56.585" v="3842" actId="2696"/>
        <pc:sldMkLst>
          <pc:docMk/>
          <pc:sldMk cId="1813597272" sldId="2818"/>
        </pc:sldMkLst>
        <pc:spChg chg="add mod">
          <ac:chgData name="植野 芳彦" userId="86ab4e6fb1040a80" providerId="LiveId" clId="{491E1583-BB19-46A1-B269-AF31D4E4A627}" dt="2023-02-24T07:32:07.747" v="2725" actId="1076"/>
          <ac:spMkLst>
            <pc:docMk/>
            <pc:sldMk cId="1813597272" sldId="2818"/>
            <ac:spMk id="3" creationId="{98658827-7309-AEAA-B104-FDFAC36F6AB5}"/>
          </ac:spMkLst>
        </pc:spChg>
        <pc:spChg chg="add mod">
          <ac:chgData name="植野 芳彦" userId="86ab4e6fb1040a80" providerId="LiveId" clId="{491E1583-BB19-46A1-B269-AF31D4E4A627}" dt="2023-02-24T07:32:29.168" v="2729" actId="1076"/>
          <ac:spMkLst>
            <pc:docMk/>
            <pc:sldMk cId="1813597272" sldId="2818"/>
            <ac:spMk id="4" creationId="{16487E47-B5CB-255E-D168-FF59B33C79E5}"/>
          </ac:spMkLst>
        </pc:spChg>
        <pc:spChg chg="add mod">
          <ac:chgData name="植野 芳彦" userId="86ab4e6fb1040a80" providerId="LiveId" clId="{491E1583-BB19-46A1-B269-AF31D4E4A627}" dt="2023-02-24T07:41:42.213" v="2839" actId="20577"/>
          <ac:spMkLst>
            <pc:docMk/>
            <pc:sldMk cId="1813597272" sldId="2818"/>
            <ac:spMk id="5" creationId="{D392E1AC-8F47-08F8-FC0D-CD099A44B3BB}"/>
          </ac:spMkLst>
        </pc:spChg>
      </pc:sldChg>
      <pc:sldChg chg="modSp add mod">
        <pc:chgData name="植野 芳彦" userId="86ab4e6fb1040a80" providerId="LiveId" clId="{491E1583-BB19-46A1-B269-AF31D4E4A627}" dt="2023-03-07T04:26:50.738" v="3456" actId="20577"/>
        <pc:sldMkLst>
          <pc:docMk/>
          <pc:sldMk cId="2459585590" sldId="2819"/>
        </pc:sldMkLst>
        <pc:spChg chg="mod">
          <ac:chgData name="植野 芳彦" userId="86ab4e6fb1040a80" providerId="LiveId" clId="{491E1583-BB19-46A1-B269-AF31D4E4A627}" dt="2023-03-07T04:26:50.738" v="3456" actId="20577"/>
          <ac:spMkLst>
            <pc:docMk/>
            <pc:sldMk cId="2459585590" sldId="2819"/>
            <ac:spMk id="4100" creationId="{9B9A8C65-54AC-55C9-76E5-843269FC650F}"/>
          </ac:spMkLst>
        </pc:spChg>
      </pc:sldChg>
      <pc:sldChg chg="addSp delSp modSp new del mod">
        <pc:chgData name="植野 芳彦" userId="86ab4e6fb1040a80" providerId="LiveId" clId="{491E1583-BB19-46A1-B269-AF31D4E4A627}" dt="2023-03-08T20:34:14.422" v="4257" actId="2696"/>
        <pc:sldMkLst>
          <pc:docMk/>
          <pc:sldMk cId="2486189769" sldId="2820"/>
        </pc:sldMkLst>
        <pc:picChg chg="add del mod">
          <ac:chgData name="植野 芳彦" userId="86ab4e6fb1040a80" providerId="LiveId" clId="{491E1583-BB19-46A1-B269-AF31D4E4A627}" dt="2023-03-07T11:55:48.873" v="3876" actId="21"/>
          <ac:picMkLst>
            <pc:docMk/>
            <pc:sldMk cId="2486189769" sldId="2820"/>
            <ac:picMk id="3" creationId="{142DD347-000E-3D6B-1DBE-AFB25E264CBA}"/>
          </ac:picMkLst>
        </pc:picChg>
      </pc:sldChg>
      <pc:sldChg chg="modSp add mod">
        <pc:chgData name="植野 芳彦" userId="86ab4e6fb1040a80" providerId="LiveId" clId="{491E1583-BB19-46A1-B269-AF31D4E4A627}" dt="2023-03-08T21:26:10.252" v="5223" actId="14100"/>
        <pc:sldMkLst>
          <pc:docMk/>
          <pc:sldMk cId="1122694504" sldId="2821"/>
        </pc:sldMkLst>
        <pc:picChg chg="mod">
          <ac:chgData name="植野 芳彦" userId="86ab4e6fb1040a80" providerId="LiveId" clId="{491E1583-BB19-46A1-B269-AF31D4E4A627}" dt="2023-03-08T21:26:10.252" v="5223" actId="14100"/>
          <ac:picMkLst>
            <pc:docMk/>
            <pc:sldMk cId="1122694504" sldId="2821"/>
            <ac:picMk id="2" creationId="{A8FE739A-1DEA-6B9E-AAA3-751FBE1DAB31}"/>
          </ac:picMkLst>
        </pc:picChg>
      </pc:sldChg>
      <pc:sldChg chg="modSp add del mod">
        <pc:chgData name="植野 芳彦" userId="86ab4e6fb1040a80" providerId="LiveId" clId="{491E1583-BB19-46A1-B269-AF31D4E4A627}" dt="2023-03-08T20:34:20.154" v="4258" actId="2696"/>
        <pc:sldMkLst>
          <pc:docMk/>
          <pc:sldMk cId="1708730348" sldId="2822"/>
        </pc:sldMkLst>
        <pc:spChg chg="mod">
          <ac:chgData name="植野 芳彦" userId="86ab4e6fb1040a80" providerId="LiveId" clId="{491E1583-BB19-46A1-B269-AF31D4E4A627}" dt="2023-03-07T20:17:47.913" v="3885" actId="1076"/>
          <ac:spMkLst>
            <pc:docMk/>
            <pc:sldMk cId="1708730348" sldId="2822"/>
            <ac:spMk id="2" creationId="{907EE66F-A623-DE03-23F5-77DADCFD77F8}"/>
          </ac:spMkLst>
        </pc:spChg>
      </pc:sldChg>
      <pc:sldChg chg="add del">
        <pc:chgData name="植野 芳彦" userId="86ab4e6fb1040a80" providerId="LiveId" clId="{491E1583-BB19-46A1-B269-AF31D4E4A627}" dt="2023-03-08T21:23:40.731" v="5057" actId="2696"/>
        <pc:sldMkLst>
          <pc:docMk/>
          <pc:sldMk cId="3204698224" sldId="2823"/>
        </pc:sldMkLst>
      </pc:sldChg>
      <pc:sldChg chg="add">
        <pc:chgData name="植野 芳彦" userId="86ab4e6fb1040a80" providerId="LiveId" clId="{491E1583-BB19-46A1-B269-AF31D4E4A627}" dt="2023-03-08T20:33:12.236" v="4253"/>
        <pc:sldMkLst>
          <pc:docMk/>
          <pc:sldMk cId="3359569296" sldId="2824"/>
        </pc:sldMkLst>
      </pc:sldChg>
      <pc:sldChg chg="addSp modSp new mod">
        <pc:chgData name="植野 芳彦" userId="86ab4e6fb1040a80" providerId="LiveId" clId="{491E1583-BB19-46A1-B269-AF31D4E4A627}" dt="2023-03-08T20:48:06.080" v="4916" actId="1076"/>
        <pc:sldMkLst>
          <pc:docMk/>
          <pc:sldMk cId="3166690312" sldId="2825"/>
        </pc:sldMkLst>
        <pc:spChg chg="add mod">
          <ac:chgData name="植野 芳彦" userId="86ab4e6fb1040a80" providerId="LiveId" clId="{491E1583-BB19-46A1-B269-AF31D4E4A627}" dt="2023-03-08T20:45:48.228" v="4892" actId="1076"/>
          <ac:spMkLst>
            <pc:docMk/>
            <pc:sldMk cId="3166690312" sldId="2825"/>
            <ac:spMk id="3" creationId="{45FB46AF-B70E-FCCC-C095-C779DE248F76}"/>
          </ac:spMkLst>
        </pc:spChg>
        <pc:spChg chg="add mod">
          <ac:chgData name="植野 芳彦" userId="86ab4e6fb1040a80" providerId="LiveId" clId="{491E1583-BB19-46A1-B269-AF31D4E4A627}" dt="2023-03-08T20:47:22.613" v="4906" actId="255"/>
          <ac:spMkLst>
            <pc:docMk/>
            <pc:sldMk cId="3166690312" sldId="2825"/>
            <ac:spMk id="4" creationId="{F6E0699E-AEC9-F748-2A17-A81A66136E0D}"/>
          </ac:spMkLst>
        </pc:spChg>
        <pc:spChg chg="add mod">
          <ac:chgData name="植野 芳彦" userId="86ab4e6fb1040a80" providerId="LiveId" clId="{491E1583-BB19-46A1-B269-AF31D4E4A627}" dt="2023-03-08T20:47:51.070" v="4913" actId="1076"/>
          <ac:spMkLst>
            <pc:docMk/>
            <pc:sldMk cId="3166690312" sldId="2825"/>
            <ac:spMk id="5" creationId="{70F6E163-0F3B-C7DA-19A1-E5C186857A01}"/>
          </ac:spMkLst>
        </pc:spChg>
        <pc:spChg chg="add mod">
          <ac:chgData name="植野 芳彦" userId="86ab4e6fb1040a80" providerId="LiveId" clId="{491E1583-BB19-46A1-B269-AF31D4E4A627}" dt="2023-03-08T20:48:02.838" v="4915" actId="1076"/>
          <ac:spMkLst>
            <pc:docMk/>
            <pc:sldMk cId="3166690312" sldId="2825"/>
            <ac:spMk id="6" creationId="{AC5B9A01-24FC-8F9F-4C4D-377586C8B83B}"/>
          </ac:spMkLst>
        </pc:spChg>
        <pc:spChg chg="add mod">
          <ac:chgData name="植野 芳彦" userId="86ab4e6fb1040a80" providerId="LiveId" clId="{491E1583-BB19-46A1-B269-AF31D4E4A627}" dt="2023-03-08T20:48:06.080" v="4916" actId="1076"/>
          <ac:spMkLst>
            <pc:docMk/>
            <pc:sldMk cId="3166690312" sldId="2825"/>
            <ac:spMk id="7" creationId="{CD91596C-6BCA-4EF7-E7B3-B54173598F58}"/>
          </ac:spMkLst>
        </pc:spChg>
        <pc:spChg chg="add mod">
          <ac:chgData name="植野 芳彦" userId="86ab4e6fb1040a80" providerId="LiveId" clId="{491E1583-BB19-46A1-B269-AF31D4E4A627}" dt="2023-03-08T20:44:45.848" v="4850" actId="1076"/>
          <ac:spMkLst>
            <pc:docMk/>
            <pc:sldMk cId="3166690312" sldId="2825"/>
            <ac:spMk id="8" creationId="{83E18B2C-314A-EEF7-65C6-44D9DF3C2A1C}"/>
          </ac:spMkLst>
        </pc:spChg>
        <pc:spChg chg="add mod">
          <ac:chgData name="植野 芳彦" userId="86ab4e6fb1040a80" providerId="LiveId" clId="{491E1583-BB19-46A1-B269-AF31D4E4A627}" dt="2023-03-08T20:47:54.795" v="4914" actId="1076"/>
          <ac:spMkLst>
            <pc:docMk/>
            <pc:sldMk cId="3166690312" sldId="2825"/>
            <ac:spMk id="9" creationId="{ABBF0A16-2A93-5921-DE41-4020E29DBD82}"/>
          </ac:spMkLst>
        </pc:spChg>
      </pc:sldChg>
      <pc:sldMasterChg chg="delSldLayout">
        <pc:chgData name="植野 芳彦" userId="86ab4e6fb1040a80" providerId="LiveId" clId="{491E1583-BB19-46A1-B269-AF31D4E4A627}" dt="2023-03-07T08:22:29.721" v="3838" actId="2696"/>
        <pc:sldMasterMkLst>
          <pc:docMk/>
          <pc:sldMasterMk cId="1873802127" sldId="2147483685"/>
        </pc:sldMasterMkLst>
        <pc:sldLayoutChg chg="del">
          <pc:chgData name="植野 芳彦" userId="86ab4e6fb1040a80" providerId="LiveId" clId="{491E1583-BB19-46A1-B269-AF31D4E4A627}" dt="2023-03-07T08:22:29.721" v="3838" actId="2696"/>
          <pc:sldLayoutMkLst>
            <pc:docMk/>
            <pc:sldMasterMk cId="1873802127" sldId="2147483685"/>
            <pc:sldLayoutMk cId="3925190193" sldId="2147483912"/>
          </pc:sldLayoutMkLst>
        </pc:sldLayoutChg>
        <pc:sldLayoutChg chg="del">
          <pc:chgData name="植野 芳彦" userId="86ab4e6fb1040a80" providerId="LiveId" clId="{491E1583-BB19-46A1-B269-AF31D4E4A627}" dt="2023-02-23T20:54:17.907" v="2239" actId="2696"/>
          <pc:sldLayoutMkLst>
            <pc:docMk/>
            <pc:sldMasterMk cId="1873802127" sldId="2147483685"/>
            <pc:sldLayoutMk cId="987150507" sldId="2147483913"/>
          </pc:sldLayoutMkLst>
        </pc:sldLayoutChg>
      </pc:sldMasterChg>
      <pc:sldMasterChg chg="delSldLayout">
        <pc:chgData name="植野 芳彦" userId="86ab4e6fb1040a80" providerId="LiveId" clId="{491E1583-BB19-46A1-B269-AF31D4E4A627}" dt="2023-02-19T09:36:56.123" v="869" actId="2696"/>
        <pc:sldMasterMkLst>
          <pc:docMk/>
          <pc:sldMasterMk cId="622364951" sldId="2147483899"/>
        </pc:sldMasterMkLst>
        <pc:sldLayoutChg chg="del">
          <pc:chgData name="植野 芳彦" userId="86ab4e6fb1040a80" providerId="LiveId" clId="{491E1583-BB19-46A1-B269-AF31D4E4A627}" dt="2023-02-19T09:36:56.123" v="869" actId="2696"/>
          <pc:sldLayoutMkLst>
            <pc:docMk/>
            <pc:sldMasterMk cId="622364951" sldId="2147483899"/>
            <pc:sldLayoutMk cId="2502267582" sldId="2147483911"/>
          </pc:sldLayoutMkLst>
        </pc:sldLayoutChg>
      </pc:sldMasterChg>
    </pc:docChg>
  </pc:docChgLst>
  <pc:docChgLst>
    <pc:chgData name="植野 芳彦" userId="86ab4e6fb1040a80" providerId="LiveId" clId="{8CF3AC81-7A83-4275-B106-615690C89620}"/>
    <pc:docChg chg="undo custSel addSld delSld modSld">
      <pc:chgData name="植野 芳彦" userId="86ab4e6fb1040a80" providerId="LiveId" clId="{8CF3AC81-7A83-4275-B106-615690C89620}" dt="2022-06-30T20:27:02.169" v="2104" actId="20577"/>
      <pc:docMkLst>
        <pc:docMk/>
      </pc:docMkLst>
      <pc:sldChg chg="addSp modSp add mod">
        <pc:chgData name="植野 芳彦" userId="86ab4e6fb1040a80" providerId="LiveId" clId="{8CF3AC81-7A83-4275-B106-615690C89620}" dt="2022-06-30T20:21:55.156" v="1894" actId="2711"/>
        <pc:sldMkLst>
          <pc:docMk/>
          <pc:sldMk cId="2291883027" sldId="256"/>
        </pc:sldMkLst>
        <pc:spChg chg="add mod">
          <ac:chgData name="植野 芳彦" userId="86ab4e6fb1040a80" providerId="LiveId" clId="{8CF3AC81-7A83-4275-B106-615690C89620}" dt="2022-06-30T20:21:55.156" v="1894" actId="2711"/>
          <ac:spMkLst>
            <pc:docMk/>
            <pc:sldMk cId="2291883027" sldId="256"/>
            <ac:spMk id="2" creationId="{00CC11C5-B7DF-3E25-BB75-263137114C15}"/>
          </ac:spMkLst>
        </pc:spChg>
        <pc:spChg chg="mod">
          <ac:chgData name="植野 芳彦" userId="86ab4e6fb1040a80" providerId="LiveId" clId="{8CF3AC81-7A83-4275-B106-615690C89620}" dt="2022-06-30T20:21:17.964" v="1882" actId="21"/>
          <ac:spMkLst>
            <pc:docMk/>
            <pc:sldMk cId="2291883027" sldId="256"/>
            <ac:spMk id="4" creationId="{00000000-0000-0000-0000-000000000000}"/>
          </ac:spMkLst>
        </pc:spChg>
        <pc:spChg chg="mod">
          <ac:chgData name="植野 芳彦" userId="86ab4e6fb1040a80" providerId="LiveId" clId="{8CF3AC81-7A83-4275-B106-615690C89620}" dt="2022-06-30T20:21:39.517" v="1893" actId="1076"/>
          <ac:spMkLst>
            <pc:docMk/>
            <pc:sldMk cId="2291883027" sldId="256"/>
            <ac:spMk id="5" creationId="{00000000-0000-0000-0000-000000000000}"/>
          </ac:spMkLst>
        </pc:spChg>
      </pc:sldChg>
      <pc:sldChg chg="modSp add mod">
        <pc:chgData name="植野 芳彦" userId="86ab4e6fb1040a80" providerId="LiveId" clId="{8CF3AC81-7A83-4275-B106-615690C89620}" dt="2022-06-30T20:24:20.331" v="2005" actId="6549"/>
        <pc:sldMkLst>
          <pc:docMk/>
          <pc:sldMk cId="725156132" sldId="257"/>
        </pc:sldMkLst>
        <pc:spChg chg="mod">
          <ac:chgData name="植野 芳彦" userId="86ab4e6fb1040a80" providerId="LiveId" clId="{8CF3AC81-7A83-4275-B106-615690C89620}" dt="2022-06-30T20:24:20.331" v="2005" actId="6549"/>
          <ac:spMkLst>
            <pc:docMk/>
            <pc:sldMk cId="725156132" sldId="257"/>
            <ac:spMk id="3" creationId="{00000000-0000-0000-0000-000000000000}"/>
          </ac:spMkLst>
        </pc:spChg>
        <pc:spChg chg="mod">
          <ac:chgData name="植野 芳彦" userId="86ab4e6fb1040a80" providerId="LiveId" clId="{8CF3AC81-7A83-4275-B106-615690C89620}" dt="2022-06-30T20:23:01.364" v="1955" actId="1076"/>
          <ac:spMkLst>
            <pc:docMk/>
            <pc:sldMk cId="725156132" sldId="257"/>
            <ac:spMk id="4" creationId="{00000000-0000-0000-0000-000000000000}"/>
          </ac:spMkLst>
        </pc:spChg>
        <pc:picChg chg="mod">
          <ac:chgData name="植野 芳彦" userId="86ab4e6fb1040a80" providerId="LiveId" clId="{8CF3AC81-7A83-4275-B106-615690C89620}" dt="2022-06-30T20:23:16.404" v="1959" actId="1076"/>
          <ac:picMkLst>
            <pc:docMk/>
            <pc:sldMk cId="725156132" sldId="257"/>
            <ac:picMk id="5" creationId="{00000000-0000-0000-0000-000000000000}"/>
          </ac:picMkLst>
        </pc:picChg>
        <pc:picChg chg="mod">
          <ac:chgData name="植野 芳彦" userId="86ab4e6fb1040a80" providerId="LiveId" clId="{8CF3AC81-7A83-4275-B106-615690C89620}" dt="2022-06-30T20:23:19.213" v="1960" actId="1076"/>
          <ac:picMkLst>
            <pc:docMk/>
            <pc:sldMk cId="725156132" sldId="257"/>
            <ac:picMk id="8" creationId="{00000000-0000-0000-0000-000000000000}"/>
          </ac:picMkLst>
        </pc:picChg>
        <pc:picChg chg="mod">
          <ac:chgData name="植野 芳彦" userId="86ab4e6fb1040a80" providerId="LiveId" clId="{8CF3AC81-7A83-4275-B106-615690C89620}" dt="2022-06-30T20:23:21.165" v="1961" actId="1076"/>
          <ac:picMkLst>
            <pc:docMk/>
            <pc:sldMk cId="725156132" sldId="257"/>
            <ac:picMk id="18" creationId="{00000000-0000-0000-0000-000000000000}"/>
          </ac:picMkLst>
        </pc:picChg>
        <pc:picChg chg="mod">
          <ac:chgData name="植野 芳彦" userId="86ab4e6fb1040a80" providerId="LiveId" clId="{8CF3AC81-7A83-4275-B106-615690C89620}" dt="2022-06-30T20:23:13.117" v="1957" actId="1076"/>
          <ac:picMkLst>
            <pc:docMk/>
            <pc:sldMk cId="725156132" sldId="257"/>
            <ac:picMk id="23" creationId="{00000000-0000-0000-0000-000000000000}"/>
          </ac:picMkLst>
        </pc:picChg>
      </pc:sldChg>
      <pc:sldChg chg="addSp delSp modSp mod">
        <pc:chgData name="植野 芳彦" userId="86ab4e6fb1040a80" providerId="LiveId" clId="{8CF3AC81-7A83-4275-B106-615690C89620}" dt="2022-06-29T11:06:42.198" v="988" actId="113"/>
        <pc:sldMkLst>
          <pc:docMk/>
          <pc:sldMk cId="3415352116" sldId="285"/>
        </pc:sldMkLst>
        <pc:spChg chg="mod">
          <ac:chgData name="植野 芳彦" userId="86ab4e6fb1040a80" providerId="LiveId" clId="{8CF3AC81-7A83-4275-B106-615690C89620}" dt="2022-06-29T11:05:53.383" v="955" actId="207"/>
          <ac:spMkLst>
            <pc:docMk/>
            <pc:sldMk cId="3415352116" sldId="285"/>
            <ac:spMk id="2" creationId="{85A5FBB4-ED5F-4E12-8ED9-85CE77427551}"/>
          </ac:spMkLst>
        </pc:spChg>
        <pc:spChg chg="mod">
          <ac:chgData name="植野 芳彦" userId="86ab4e6fb1040a80" providerId="LiveId" clId="{8CF3AC81-7A83-4275-B106-615690C89620}" dt="2022-06-29T10:34:25.509" v="936" actId="26606"/>
          <ac:spMkLst>
            <pc:docMk/>
            <pc:sldMk cId="3415352116" sldId="285"/>
            <ac:spMk id="3" creationId="{2DDDDAB9-C510-D494-8D89-563E152F9E1F}"/>
          </ac:spMkLst>
        </pc:spChg>
        <pc:spChg chg="add mod">
          <ac:chgData name="植野 芳彦" userId="86ab4e6fb1040a80" providerId="LiveId" clId="{8CF3AC81-7A83-4275-B106-615690C89620}" dt="2022-06-29T11:06:42.198" v="988" actId="113"/>
          <ac:spMkLst>
            <pc:docMk/>
            <pc:sldMk cId="3415352116" sldId="285"/>
            <ac:spMk id="4" creationId="{66D61490-E3F2-85B0-8EF3-E68CB9577E3D}"/>
          </ac:spMkLst>
        </pc:spChg>
        <pc:spChg chg="del">
          <ac:chgData name="植野 芳彦" userId="86ab4e6fb1040a80" providerId="LiveId" clId="{8CF3AC81-7A83-4275-B106-615690C89620}" dt="2022-06-29T10:34:25.509" v="936" actId="26606"/>
          <ac:spMkLst>
            <pc:docMk/>
            <pc:sldMk cId="3415352116" sldId="285"/>
            <ac:spMk id="73" creationId="{79BB35BC-D5C2-4C8B-A22A-A71E6191913B}"/>
          </ac:spMkLst>
        </pc:spChg>
        <pc:spChg chg="mod">
          <ac:chgData name="植野 芳彦" userId="86ab4e6fb1040a80" providerId="LiveId" clId="{8CF3AC81-7A83-4275-B106-615690C89620}" dt="2022-06-29T10:35:29.011" v="947" actId="5793"/>
          <ac:spMkLst>
            <pc:docMk/>
            <pc:sldMk cId="3415352116" sldId="285"/>
            <ac:spMk id="9220" creationId="{00000000-0000-0000-0000-000000000000}"/>
          </ac:spMkLst>
        </pc:spChg>
        <pc:spChg chg="add">
          <ac:chgData name="植野 芳彦" userId="86ab4e6fb1040a80" providerId="LiveId" clId="{8CF3AC81-7A83-4275-B106-615690C89620}" dt="2022-06-29T10:34:25.509" v="936" actId="26606"/>
          <ac:spMkLst>
            <pc:docMk/>
            <pc:sldMk cId="3415352116" sldId="285"/>
            <ac:spMk id="9225" creationId="{04812C46-200A-4DEB-A05E-3ED6C68C2387}"/>
          </ac:spMkLst>
        </pc:spChg>
        <pc:spChg chg="add">
          <ac:chgData name="植野 芳彦" userId="86ab4e6fb1040a80" providerId="LiveId" clId="{8CF3AC81-7A83-4275-B106-615690C89620}" dt="2022-06-29T10:34:25.509" v="936" actId="26606"/>
          <ac:spMkLst>
            <pc:docMk/>
            <pc:sldMk cId="3415352116" sldId="285"/>
            <ac:spMk id="9227" creationId="{D1EA859B-E555-4109-94F3-6700E046E008}"/>
          </ac:spMkLst>
        </pc:spChg>
        <pc:picChg chg="add mod ord">
          <ac:chgData name="植野 芳彦" userId="86ab4e6fb1040a80" providerId="LiveId" clId="{8CF3AC81-7A83-4275-B106-615690C89620}" dt="2022-06-29T11:05:54.216" v="956" actId="1076"/>
          <ac:picMkLst>
            <pc:docMk/>
            <pc:sldMk cId="3415352116" sldId="285"/>
            <ac:picMk id="6" creationId="{FAF5DBDB-7112-1448-E0D6-4F9F5A3E821B}"/>
          </ac:picMkLst>
        </pc:picChg>
      </pc:sldChg>
      <pc:sldChg chg="add">
        <pc:chgData name="植野 芳彦" userId="86ab4e6fb1040a80" providerId="LiveId" clId="{8CF3AC81-7A83-4275-B106-615690C89620}" dt="2022-06-29T06:19:30.428" v="925"/>
        <pc:sldMkLst>
          <pc:docMk/>
          <pc:sldMk cId="3886032588" sldId="289"/>
        </pc:sldMkLst>
      </pc:sldChg>
      <pc:sldChg chg="modSp mod">
        <pc:chgData name="植野 芳彦" userId="86ab4e6fb1040a80" providerId="LiveId" clId="{8CF3AC81-7A83-4275-B106-615690C89620}" dt="2022-06-29T06:06:24.087" v="807" actId="20577"/>
        <pc:sldMkLst>
          <pc:docMk/>
          <pc:sldMk cId="1732934232" sldId="427"/>
        </pc:sldMkLst>
        <pc:spChg chg="mod">
          <ac:chgData name="植野 芳彦" userId="86ab4e6fb1040a80" providerId="LiveId" clId="{8CF3AC81-7A83-4275-B106-615690C89620}" dt="2022-06-29T06:06:24.087" v="807" actId="20577"/>
          <ac:spMkLst>
            <pc:docMk/>
            <pc:sldMk cId="1732934232" sldId="427"/>
            <ac:spMk id="2" creationId="{00000000-0000-0000-0000-000000000000}"/>
          </ac:spMkLst>
        </pc:spChg>
      </pc:sldChg>
      <pc:sldChg chg="del">
        <pc:chgData name="植野 芳彦" userId="86ab4e6fb1040a80" providerId="LiveId" clId="{8CF3AC81-7A83-4275-B106-615690C89620}" dt="2022-06-29T06:23:11.161" v="931" actId="2696"/>
        <pc:sldMkLst>
          <pc:docMk/>
          <pc:sldMk cId="148789479" sldId="428"/>
        </pc:sldMkLst>
      </pc:sldChg>
      <pc:sldChg chg="add del modTransition">
        <pc:chgData name="植野 芳彦" userId="86ab4e6fb1040a80" providerId="LiveId" clId="{8CF3AC81-7A83-4275-B106-615690C89620}" dt="2022-06-30T20:05:55.256" v="1543" actId="2696"/>
        <pc:sldMkLst>
          <pc:docMk/>
          <pc:sldMk cId="1621821757" sldId="441"/>
        </pc:sldMkLst>
      </pc:sldChg>
      <pc:sldChg chg="add">
        <pc:chgData name="植野 芳彦" userId="86ab4e6fb1040a80" providerId="LiveId" clId="{8CF3AC81-7A83-4275-B106-615690C89620}" dt="2022-06-30T20:06:05.210" v="1544"/>
        <pc:sldMkLst>
          <pc:docMk/>
          <pc:sldMk cId="2539413466" sldId="441"/>
        </pc:sldMkLst>
      </pc:sldChg>
      <pc:sldChg chg="addSp delSp modSp mod">
        <pc:chgData name="植野 芳彦" userId="86ab4e6fb1040a80" providerId="LiveId" clId="{8CF3AC81-7A83-4275-B106-615690C89620}" dt="2022-06-29T05:41:05.030" v="720"/>
        <pc:sldMkLst>
          <pc:docMk/>
          <pc:sldMk cId="1645456188" sldId="443"/>
        </pc:sldMkLst>
        <pc:spChg chg="add del mod">
          <ac:chgData name="植野 芳彦" userId="86ab4e6fb1040a80" providerId="LiveId" clId="{8CF3AC81-7A83-4275-B106-615690C89620}" dt="2022-06-29T05:41:05.030" v="720"/>
          <ac:spMkLst>
            <pc:docMk/>
            <pc:sldMk cId="1645456188" sldId="443"/>
            <ac:spMk id="6" creationId="{A6500FAD-E9B0-0D72-22C9-A46647632807}"/>
          </ac:spMkLst>
        </pc:spChg>
      </pc:sldChg>
      <pc:sldChg chg="add">
        <pc:chgData name="植野 芳彦" userId="86ab4e6fb1040a80" providerId="LiveId" clId="{8CF3AC81-7A83-4275-B106-615690C89620}" dt="2022-06-29T06:18:23.892" v="921"/>
        <pc:sldMkLst>
          <pc:docMk/>
          <pc:sldMk cId="0" sldId="540"/>
        </pc:sldMkLst>
      </pc:sldChg>
      <pc:sldChg chg="del">
        <pc:chgData name="植野 芳彦" userId="86ab4e6fb1040a80" providerId="LiveId" clId="{8CF3AC81-7A83-4275-B106-615690C89620}" dt="2022-06-29T00:35:23.344" v="704" actId="2696"/>
        <pc:sldMkLst>
          <pc:docMk/>
          <pc:sldMk cId="3912263062" sldId="656"/>
        </pc:sldMkLst>
      </pc:sldChg>
      <pc:sldChg chg="addSp delSp modSp mod">
        <pc:chgData name="植野 芳彦" userId="86ab4e6fb1040a80" providerId="LiveId" clId="{8CF3AC81-7A83-4275-B106-615690C89620}" dt="2022-06-23T22:19:31.461" v="276" actId="166"/>
        <pc:sldMkLst>
          <pc:docMk/>
          <pc:sldMk cId="0" sldId="685"/>
        </pc:sldMkLst>
        <pc:spChg chg="mod">
          <ac:chgData name="植野 芳彦" userId="86ab4e6fb1040a80" providerId="LiveId" clId="{8CF3AC81-7A83-4275-B106-615690C89620}" dt="2022-06-23T22:19:31.461" v="276" actId="166"/>
          <ac:spMkLst>
            <pc:docMk/>
            <pc:sldMk cId="0" sldId="685"/>
            <ac:spMk id="26637" creationId="{DF8BE285-17BA-9B4E-6273-AD8DE5BBA993}"/>
          </ac:spMkLst>
        </pc:spChg>
        <pc:picChg chg="add mod">
          <ac:chgData name="植野 芳彦" userId="86ab4e6fb1040a80" providerId="LiveId" clId="{8CF3AC81-7A83-4275-B106-615690C89620}" dt="2022-06-23T22:19:24.397" v="275" actId="1076"/>
          <ac:picMkLst>
            <pc:docMk/>
            <pc:sldMk cId="0" sldId="685"/>
            <ac:picMk id="2" creationId="{EB2BF3A2-A2F8-414A-65E2-7F3F6337E6D8}"/>
          </ac:picMkLst>
        </pc:picChg>
        <pc:picChg chg="del">
          <ac:chgData name="植野 芳彦" userId="86ab4e6fb1040a80" providerId="LiveId" clId="{8CF3AC81-7A83-4275-B106-615690C89620}" dt="2022-06-23T22:19:12.151" v="272" actId="21"/>
          <ac:picMkLst>
            <pc:docMk/>
            <pc:sldMk cId="0" sldId="685"/>
            <ac:picMk id="26635" creationId="{CA331587-F2A1-4309-CD05-113383C60FEF}"/>
          </ac:picMkLst>
        </pc:picChg>
      </pc:sldChg>
      <pc:sldChg chg="add del">
        <pc:chgData name="植野 芳彦" userId="86ab4e6fb1040a80" providerId="LiveId" clId="{8CF3AC81-7A83-4275-B106-615690C89620}" dt="2022-06-29T11:16:33.664" v="1002" actId="2696"/>
        <pc:sldMkLst>
          <pc:docMk/>
          <pc:sldMk cId="0" sldId="696"/>
        </pc:sldMkLst>
      </pc:sldChg>
      <pc:sldChg chg="del">
        <pc:chgData name="植野 芳彦" userId="86ab4e6fb1040a80" providerId="LiveId" clId="{8CF3AC81-7A83-4275-B106-615690C89620}" dt="2022-06-29T06:23:14.433" v="932" actId="2696"/>
        <pc:sldMkLst>
          <pc:docMk/>
          <pc:sldMk cId="0" sldId="722"/>
        </pc:sldMkLst>
      </pc:sldChg>
      <pc:sldChg chg="modSp">
        <pc:chgData name="植野 芳彦" userId="86ab4e6fb1040a80" providerId="LiveId" clId="{8CF3AC81-7A83-4275-B106-615690C89620}" dt="2022-06-29T06:08:30.858" v="809" actId="1076"/>
        <pc:sldMkLst>
          <pc:docMk/>
          <pc:sldMk cId="0" sldId="751"/>
        </pc:sldMkLst>
        <pc:picChg chg="mod">
          <ac:chgData name="植野 芳彦" userId="86ab4e6fb1040a80" providerId="LiveId" clId="{8CF3AC81-7A83-4275-B106-615690C89620}" dt="2022-06-29T06:08:30.858" v="809" actId="1076"/>
          <ac:picMkLst>
            <pc:docMk/>
            <pc:sldMk cId="0" sldId="751"/>
            <ac:picMk id="88075" creationId="{10452548-4DB4-A696-5BFD-7A6BAE8EB13A}"/>
          </ac:picMkLst>
        </pc:picChg>
      </pc:sldChg>
      <pc:sldChg chg="modSp add del mod">
        <pc:chgData name="植野 芳彦" userId="86ab4e6fb1040a80" providerId="LiveId" clId="{8CF3AC81-7A83-4275-B106-615690C89620}" dt="2022-06-30T20:26:25.095" v="2047" actId="2696"/>
        <pc:sldMkLst>
          <pc:docMk/>
          <pc:sldMk cId="1435757445" sldId="762"/>
        </pc:sldMkLst>
        <pc:spChg chg="mod">
          <ac:chgData name="植野 芳彦" userId="86ab4e6fb1040a80" providerId="LiveId" clId="{8CF3AC81-7A83-4275-B106-615690C89620}" dt="2022-06-30T20:25:55.139" v="2046" actId="6549"/>
          <ac:spMkLst>
            <pc:docMk/>
            <pc:sldMk cId="1435757445" sldId="762"/>
            <ac:spMk id="87042" creationId="{30F2AA3B-3A48-2EFE-C743-26D550F9110A}"/>
          </ac:spMkLst>
        </pc:spChg>
      </pc:sldChg>
      <pc:sldChg chg="modSp mod">
        <pc:chgData name="植野 芳彦" userId="86ab4e6fb1040a80" providerId="LiveId" clId="{8CF3AC81-7A83-4275-B106-615690C89620}" dt="2022-06-30T20:03:13.813" v="1536" actId="20577"/>
        <pc:sldMkLst>
          <pc:docMk/>
          <pc:sldMk cId="1866659297" sldId="766"/>
        </pc:sldMkLst>
        <pc:spChg chg="mod">
          <ac:chgData name="植野 芳彦" userId="86ab4e6fb1040a80" providerId="LiveId" clId="{8CF3AC81-7A83-4275-B106-615690C89620}" dt="2022-06-28T23:20:15.029" v="403" actId="6549"/>
          <ac:spMkLst>
            <pc:docMk/>
            <pc:sldMk cId="1866659297" sldId="766"/>
            <ac:spMk id="3075" creationId="{00000000-0000-0000-0000-000000000000}"/>
          </ac:spMkLst>
        </pc:spChg>
        <pc:spChg chg="mod">
          <ac:chgData name="植野 芳彦" userId="86ab4e6fb1040a80" providerId="LiveId" clId="{8CF3AC81-7A83-4275-B106-615690C89620}" dt="2022-06-30T20:03:13.813" v="1536" actId="20577"/>
          <ac:spMkLst>
            <pc:docMk/>
            <pc:sldMk cId="1866659297" sldId="766"/>
            <ac:spMk id="3076" creationId="{00000000-0000-0000-0000-000000000000}"/>
          </ac:spMkLst>
        </pc:spChg>
      </pc:sldChg>
      <pc:sldChg chg="add">
        <pc:chgData name="植野 芳彦" userId="86ab4e6fb1040a80" providerId="LiveId" clId="{8CF3AC81-7A83-4275-B106-615690C89620}" dt="2022-06-30T20:09:31.302" v="1560"/>
        <pc:sldMkLst>
          <pc:docMk/>
          <pc:sldMk cId="1395234089" sldId="769"/>
        </pc:sldMkLst>
      </pc:sldChg>
      <pc:sldChg chg="del">
        <pc:chgData name="植野 芳彦" userId="86ab4e6fb1040a80" providerId="LiveId" clId="{8CF3AC81-7A83-4275-B106-615690C89620}" dt="2022-06-28T23:32:48.679" v="517" actId="2696"/>
        <pc:sldMkLst>
          <pc:docMk/>
          <pc:sldMk cId="1648429434" sldId="769"/>
        </pc:sldMkLst>
      </pc:sldChg>
      <pc:sldChg chg="add del">
        <pc:chgData name="植野 芳彦" userId="86ab4e6fb1040a80" providerId="LiveId" clId="{8CF3AC81-7A83-4275-B106-615690C89620}" dt="2022-06-30T20:09:21.757" v="1559" actId="2696"/>
        <pc:sldMkLst>
          <pc:docMk/>
          <pc:sldMk cId="1694433743" sldId="769"/>
        </pc:sldMkLst>
      </pc:sldChg>
      <pc:sldChg chg="modSp add del mod">
        <pc:chgData name="植野 芳彦" userId="86ab4e6fb1040a80" providerId="LiveId" clId="{8CF3AC81-7A83-4275-B106-615690C89620}" dt="2022-06-29T06:02:03.970" v="762" actId="2696"/>
        <pc:sldMkLst>
          <pc:docMk/>
          <pc:sldMk cId="2036345393" sldId="769"/>
        </pc:sldMkLst>
        <pc:spChg chg="mod">
          <ac:chgData name="植野 芳彦" userId="86ab4e6fb1040a80" providerId="LiveId" clId="{8CF3AC81-7A83-4275-B106-615690C89620}" dt="2022-06-28T23:34:41.363" v="529" actId="1076"/>
          <ac:spMkLst>
            <pc:docMk/>
            <pc:sldMk cId="2036345393" sldId="769"/>
            <ac:spMk id="2" creationId="{00000000-0000-0000-0000-000000000000}"/>
          </ac:spMkLst>
        </pc:spChg>
        <pc:spChg chg="mod">
          <ac:chgData name="植野 芳彦" userId="86ab4e6fb1040a80" providerId="LiveId" clId="{8CF3AC81-7A83-4275-B106-615690C89620}" dt="2022-06-28T23:33:54.016" v="528" actId="14100"/>
          <ac:spMkLst>
            <pc:docMk/>
            <pc:sldMk cId="2036345393" sldId="769"/>
            <ac:spMk id="6" creationId="{00000000-0000-0000-0000-000000000000}"/>
          </ac:spMkLst>
        </pc:spChg>
        <pc:spChg chg="mod">
          <ac:chgData name="植野 芳彦" userId="86ab4e6fb1040a80" providerId="LiveId" clId="{8CF3AC81-7A83-4275-B106-615690C89620}" dt="2022-06-28T23:33:13.219" v="520" actId="1076"/>
          <ac:spMkLst>
            <pc:docMk/>
            <pc:sldMk cId="2036345393" sldId="769"/>
            <ac:spMk id="18" creationId="{00000000-0000-0000-0000-000000000000}"/>
          </ac:spMkLst>
        </pc:spChg>
        <pc:spChg chg="mod">
          <ac:chgData name="植野 芳彦" userId="86ab4e6fb1040a80" providerId="LiveId" clId="{8CF3AC81-7A83-4275-B106-615690C89620}" dt="2022-06-28T23:34:49.235" v="530" actId="1076"/>
          <ac:spMkLst>
            <pc:docMk/>
            <pc:sldMk cId="2036345393" sldId="769"/>
            <ac:spMk id="16390" creationId="{00000000-0000-0000-0000-000000000000}"/>
          </ac:spMkLst>
        </pc:spChg>
        <pc:graphicFrameChg chg="mod">
          <ac:chgData name="植野 芳彦" userId="86ab4e6fb1040a80" providerId="LiveId" clId="{8CF3AC81-7A83-4275-B106-615690C89620}" dt="2022-06-28T23:33:26.893" v="521" actId="1076"/>
          <ac:graphicFrameMkLst>
            <pc:docMk/>
            <pc:sldMk cId="2036345393" sldId="769"/>
            <ac:graphicFrameMk id="16388" creationId="{00000000-0000-0000-0000-000000000000}"/>
          </ac:graphicFrameMkLst>
        </pc:graphicFrameChg>
        <pc:cxnChg chg="mod">
          <ac:chgData name="植野 芳彦" userId="86ab4e6fb1040a80" providerId="LiveId" clId="{8CF3AC81-7A83-4275-B106-615690C89620}" dt="2022-06-28T23:33:34.131" v="522" actId="1076"/>
          <ac:cxnSpMkLst>
            <pc:docMk/>
            <pc:sldMk cId="2036345393" sldId="769"/>
            <ac:cxnSpMk id="3" creationId="{00000000-0000-0000-0000-000000000000}"/>
          </ac:cxnSpMkLst>
        </pc:cxnChg>
        <pc:cxnChg chg="mod">
          <ac:chgData name="植野 芳彦" userId="86ab4e6fb1040a80" providerId="LiveId" clId="{8CF3AC81-7A83-4275-B106-615690C89620}" dt="2022-06-28T23:33:46.675" v="526" actId="1076"/>
          <ac:cxnSpMkLst>
            <pc:docMk/>
            <pc:sldMk cId="2036345393" sldId="769"/>
            <ac:cxnSpMk id="5" creationId="{00000000-0000-0000-0000-000000000000}"/>
          </ac:cxnSpMkLst>
        </pc:cxnChg>
        <pc:cxnChg chg="mod">
          <ac:chgData name="植野 芳彦" userId="86ab4e6fb1040a80" providerId="LiveId" clId="{8CF3AC81-7A83-4275-B106-615690C89620}" dt="2022-06-28T23:33:40.283" v="524" actId="1076"/>
          <ac:cxnSpMkLst>
            <pc:docMk/>
            <pc:sldMk cId="2036345393" sldId="769"/>
            <ac:cxnSpMk id="13" creationId="{00000000-0000-0000-0000-000000000000}"/>
          </ac:cxnSpMkLst>
        </pc:cxnChg>
        <pc:cxnChg chg="mod">
          <ac:chgData name="植野 芳彦" userId="86ab4e6fb1040a80" providerId="LiveId" clId="{8CF3AC81-7A83-4275-B106-615690C89620}" dt="2022-06-28T23:33:37.820" v="523" actId="1076"/>
          <ac:cxnSpMkLst>
            <pc:docMk/>
            <pc:sldMk cId="2036345393" sldId="769"/>
            <ac:cxnSpMk id="15" creationId="{00000000-0000-0000-0000-000000000000}"/>
          </ac:cxnSpMkLst>
        </pc:cxnChg>
      </pc:sldChg>
      <pc:sldChg chg="modSp mod">
        <pc:chgData name="植野 芳彦" userId="86ab4e6fb1040a80" providerId="LiveId" clId="{8CF3AC81-7A83-4275-B106-615690C89620}" dt="2022-06-30T11:34:00.442" v="1284" actId="6549"/>
        <pc:sldMkLst>
          <pc:docMk/>
          <pc:sldMk cId="1928805006" sldId="797"/>
        </pc:sldMkLst>
        <pc:spChg chg="mod">
          <ac:chgData name="植野 芳彦" userId="86ab4e6fb1040a80" providerId="LiveId" clId="{8CF3AC81-7A83-4275-B106-615690C89620}" dt="2022-06-30T11:34:00.442" v="1284" actId="6549"/>
          <ac:spMkLst>
            <pc:docMk/>
            <pc:sldMk cId="1928805006" sldId="797"/>
            <ac:spMk id="3" creationId="{00000000-0000-0000-0000-000000000000}"/>
          </ac:spMkLst>
        </pc:spChg>
      </pc:sldChg>
      <pc:sldChg chg="add">
        <pc:chgData name="植野 芳彦" userId="86ab4e6fb1040a80" providerId="LiveId" clId="{8CF3AC81-7A83-4275-B106-615690C89620}" dt="2022-06-29T00:36:27.833" v="709"/>
        <pc:sldMkLst>
          <pc:docMk/>
          <pc:sldMk cId="1950739148" sldId="802"/>
        </pc:sldMkLst>
      </pc:sldChg>
      <pc:sldChg chg="modSp del mod">
        <pc:chgData name="植野 芳彦" userId="86ab4e6fb1040a80" providerId="LiveId" clId="{8CF3AC81-7A83-4275-B106-615690C89620}" dt="2022-06-29T00:36:23.438" v="708" actId="2696"/>
        <pc:sldMkLst>
          <pc:docMk/>
          <pc:sldMk cId="3929524294" sldId="802"/>
        </pc:sldMkLst>
        <pc:spChg chg="mod">
          <ac:chgData name="植野 芳彦" userId="86ab4e6fb1040a80" providerId="LiveId" clId="{8CF3AC81-7A83-4275-B106-615690C89620}" dt="2022-06-28T23:32:28.931" v="515" actId="14100"/>
          <ac:spMkLst>
            <pc:docMk/>
            <pc:sldMk cId="3929524294" sldId="802"/>
            <ac:spMk id="2" creationId="{00000000-0000-0000-0000-000000000000}"/>
          </ac:spMkLst>
        </pc:spChg>
        <pc:spChg chg="mod">
          <ac:chgData name="植野 芳彦" userId="86ab4e6fb1040a80" providerId="LiveId" clId="{8CF3AC81-7A83-4275-B106-615690C89620}" dt="2022-06-28T23:32:02.132" v="491" actId="1076"/>
          <ac:spMkLst>
            <pc:docMk/>
            <pc:sldMk cId="3929524294" sldId="802"/>
            <ac:spMk id="32770" creationId="{00000000-0000-0000-0000-000000000000}"/>
          </ac:spMkLst>
        </pc:spChg>
        <pc:picChg chg="mod">
          <ac:chgData name="植野 芳彦" userId="86ab4e6fb1040a80" providerId="LiveId" clId="{8CF3AC81-7A83-4275-B106-615690C89620}" dt="2022-06-28T23:32:30.827" v="516" actId="1076"/>
          <ac:picMkLst>
            <pc:docMk/>
            <pc:sldMk cId="3929524294" sldId="802"/>
            <ac:picMk id="14" creationId="{00000000-0000-0000-0000-000000000000}"/>
          </ac:picMkLst>
        </pc:picChg>
      </pc:sldChg>
      <pc:sldChg chg="delSp modSp mod">
        <pc:chgData name="植野 芳彦" userId="86ab4e6fb1040a80" providerId="LiveId" clId="{8CF3AC81-7A83-4275-B106-615690C89620}" dt="2022-06-28T23:24:26.898" v="467" actId="20577"/>
        <pc:sldMkLst>
          <pc:docMk/>
          <pc:sldMk cId="1576577223" sldId="807"/>
        </pc:sldMkLst>
        <pc:spChg chg="del">
          <ac:chgData name="植野 芳彦" userId="86ab4e6fb1040a80" providerId="LiveId" clId="{8CF3AC81-7A83-4275-B106-615690C89620}" dt="2022-06-28T23:22:41.827" v="420" actId="21"/>
          <ac:spMkLst>
            <pc:docMk/>
            <pc:sldMk cId="1576577223" sldId="807"/>
            <ac:spMk id="2" creationId="{FED7FA6A-6113-47C8-B66A-0668BE1B8EA7}"/>
          </ac:spMkLst>
        </pc:spChg>
        <pc:spChg chg="mod">
          <ac:chgData name="植野 芳彦" userId="86ab4e6fb1040a80" providerId="LiveId" clId="{8CF3AC81-7A83-4275-B106-615690C89620}" dt="2022-06-28T23:22:34.493" v="418" actId="14100"/>
          <ac:spMkLst>
            <pc:docMk/>
            <pc:sldMk cId="1576577223" sldId="807"/>
            <ac:spMk id="16" creationId="{00000000-0000-0000-0000-000000000000}"/>
          </ac:spMkLst>
        </pc:spChg>
        <pc:spChg chg="mod">
          <ac:chgData name="植野 芳彦" userId="86ab4e6fb1040a80" providerId="LiveId" clId="{8CF3AC81-7A83-4275-B106-615690C89620}" dt="2022-06-28T23:23:47.679" v="431" actId="20577"/>
          <ac:spMkLst>
            <pc:docMk/>
            <pc:sldMk cId="1576577223" sldId="807"/>
            <ac:spMk id="18" creationId="{00000000-0000-0000-0000-000000000000}"/>
          </ac:spMkLst>
        </pc:spChg>
        <pc:spChg chg="mod">
          <ac:chgData name="植野 芳彦" userId="86ab4e6fb1040a80" providerId="LiveId" clId="{8CF3AC81-7A83-4275-B106-615690C89620}" dt="2022-06-28T23:24:26.898" v="467" actId="20577"/>
          <ac:spMkLst>
            <pc:docMk/>
            <pc:sldMk cId="1576577223" sldId="807"/>
            <ac:spMk id="19476" creationId="{00000000-0000-0000-0000-000000000000}"/>
          </ac:spMkLst>
        </pc:spChg>
      </pc:sldChg>
      <pc:sldChg chg="del">
        <pc:chgData name="植野 芳彦" userId="86ab4e6fb1040a80" providerId="LiveId" clId="{8CF3AC81-7A83-4275-B106-615690C89620}" dt="2022-06-30T20:17:03.553" v="1769" actId="2696"/>
        <pc:sldMkLst>
          <pc:docMk/>
          <pc:sldMk cId="363673310" sldId="809"/>
        </pc:sldMkLst>
      </pc:sldChg>
      <pc:sldChg chg="add">
        <pc:chgData name="植野 芳彦" userId="86ab4e6fb1040a80" providerId="LiveId" clId="{8CF3AC81-7A83-4275-B106-615690C89620}" dt="2022-06-30T20:17:13.274" v="1770"/>
        <pc:sldMkLst>
          <pc:docMk/>
          <pc:sldMk cId="2375415082" sldId="809"/>
        </pc:sldMkLst>
      </pc:sldChg>
      <pc:sldChg chg="del">
        <pc:chgData name="植野 芳彦" userId="86ab4e6fb1040a80" providerId="LiveId" clId="{8CF3AC81-7A83-4275-B106-615690C89620}" dt="2022-06-30T20:14:56.306" v="1756" actId="2696"/>
        <pc:sldMkLst>
          <pc:docMk/>
          <pc:sldMk cId="1784118850" sldId="810"/>
        </pc:sldMkLst>
      </pc:sldChg>
      <pc:sldChg chg="add del">
        <pc:chgData name="植野 芳彦" userId="86ab4e6fb1040a80" providerId="LiveId" clId="{8CF3AC81-7A83-4275-B106-615690C89620}" dt="2022-06-30T20:15:38.755" v="1764" actId="2696"/>
        <pc:sldMkLst>
          <pc:docMk/>
          <pc:sldMk cId="3259382345" sldId="810"/>
        </pc:sldMkLst>
      </pc:sldChg>
      <pc:sldChg chg="add">
        <pc:chgData name="植野 芳彦" userId="86ab4e6fb1040a80" providerId="LiveId" clId="{8CF3AC81-7A83-4275-B106-615690C89620}" dt="2022-06-29T06:22:34.837" v="928"/>
        <pc:sldMkLst>
          <pc:docMk/>
          <pc:sldMk cId="3944956154" sldId="811"/>
        </pc:sldMkLst>
      </pc:sldChg>
      <pc:sldChg chg="addSp modSp add mod modTransition">
        <pc:chgData name="植野 芳彦" userId="86ab4e6fb1040a80" providerId="LiveId" clId="{8CF3AC81-7A83-4275-B106-615690C89620}" dt="2022-06-29T11:14:05.644" v="999" actId="6549"/>
        <pc:sldMkLst>
          <pc:docMk/>
          <pc:sldMk cId="3785664088" sldId="817"/>
        </pc:sldMkLst>
        <pc:spChg chg="mod">
          <ac:chgData name="植野 芳彦" userId="86ab4e6fb1040a80" providerId="LiveId" clId="{8CF3AC81-7A83-4275-B106-615690C89620}" dt="2022-06-29T11:14:05.644" v="999" actId="6549"/>
          <ac:spMkLst>
            <pc:docMk/>
            <pc:sldMk cId="3785664088" sldId="817"/>
            <ac:spMk id="2" creationId="{00000000-0000-0000-0000-000000000000}"/>
          </ac:spMkLst>
        </pc:spChg>
        <pc:picChg chg="add mod">
          <ac:chgData name="植野 芳彦" userId="86ab4e6fb1040a80" providerId="LiveId" clId="{8CF3AC81-7A83-4275-B106-615690C89620}" dt="2022-06-29T11:13:13.724" v="990"/>
          <ac:picMkLst>
            <pc:docMk/>
            <pc:sldMk cId="3785664088" sldId="817"/>
            <ac:picMk id="7" creationId="{C9874081-258C-825C-87EC-B2D27B045B36}"/>
          </ac:picMkLst>
        </pc:picChg>
      </pc:sldChg>
      <pc:sldChg chg="del">
        <pc:chgData name="植野 芳彦" userId="86ab4e6fb1040a80" providerId="LiveId" clId="{8CF3AC81-7A83-4275-B106-615690C89620}" dt="2022-06-19T03:15:12.903" v="0" actId="2696"/>
        <pc:sldMkLst>
          <pc:docMk/>
          <pc:sldMk cId="0" sldId="939"/>
        </pc:sldMkLst>
      </pc:sldChg>
      <pc:sldChg chg="add">
        <pc:chgData name="植野 芳彦" userId="86ab4e6fb1040a80" providerId="LiveId" clId="{8CF3AC81-7A83-4275-B106-615690C89620}" dt="2022-06-29T10:37:17.071" v="948"/>
        <pc:sldMkLst>
          <pc:docMk/>
          <pc:sldMk cId="0" sldId="1059"/>
        </pc:sldMkLst>
      </pc:sldChg>
      <pc:sldChg chg="add">
        <pc:chgData name="植野 芳彦" userId="86ab4e6fb1040a80" providerId="LiveId" clId="{8CF3AC81-7A83-4275-B106-615690C89620}" dt="2022-06-29T06:22:15.612" v="927"/>
        <pc:sldMkLst>
          <pc:docMk/>
          <pc:sldMk cId="0" sldId="1124"/>
        </pc:sldMkLst>
      </pc:sldChg>
      <pc:sldChg chg="add">
        <pc:chgData name="植野 芳彦" userId="86ab4e6fb1040a80" providerId="LiveId" clId="{8CF3AC81-7A83-4275-B106-615690C89620}" dt="2022-06-29T11:16:29.843" v="1001"/>
        <pc:sldMkLst>
          <pc:docMk/>
          <pc:sldMk cId="0" sldId="1127"/>
        </pc:sldMkLst>
      </pc:sldChg>
      <pc:sldChg chg="addSp modSp mod">
        <pc:chgData name="植野 芳彦" userId="86ab4e6fb1040a80" providerId="LiveId" clId="{8CF3AC81-7A83-4275-B106-615690C89620}" dt="2022-06-30T20:00:59.527" v="1448" actId="1076"/>
        <pc:sldMkLst>
          <pc:docMk/>
          <pc:sldMk cId="0" sldId="1135"/>
        </pc:sldMkLst>
        <pc:spChg chg="mod">
          <ac:chgData name="植野 芳彦" userId="86ab4e6fb1040a80" providerId="LiveId" clId="{8CF3AC81-7A83-4275-B106-615690C89620}" dt="2022-06-30T20:00:42.775" v="1446" actId="14100"/>
          <ac:spMkLst>
            <pc:docMk/>
            <pc:sldMk cId="0" sldId="1135"/>
            <ac:spMk id="5" creationId="{F1B3322E-7F7A-EC64-EAE8-7A5CEBB43CF4}"/>
          </ac:spMkLst>
        </pc:spChg>
        <pc:spChg chg="mod">
          <ac:chgData name="植野 芳彦" userId="86ab4e6fb1040a80" providerId="LiveId" clId="{8CF3AC81-7A83-4275-B106-615690C89620}" dt="2022-06-30T19:58:44.664" v="1395" actId="1076"/>
          <ac:spMkLst>
            <pc:docMk/>
            <pc:sldMk cId="0" sldId="1135"/>
            <ac:spMk id="8" creationId="{4B25AECF-1B09-C8AD-23DF-73BA4A52FBF2}"/>
          </ac:spMkLst>
        </pc:spChg>
        <pc:spChg chg="mod">
          <ac:chgData name="植野 芳彦" userId="86ab4e6fb1040a80" providerId="LiveId" clId="{8CF3AC81-7A83-4275-B106-615690C89620}" dt="2022-06-30T19:58:42.377" v="1394" actId="1076"/>
          <ac:spMkLst>
            <pc:docMk/>
            <pc:sldMk cId="0" sldId="1135"/>
            <ac:spMk id="11" creationId="{A4AE33D9-D633-56ED-21E1-5BC1C729FE01}"/>
          </ac:spMkLst>
        </pc:spChg>
        <pc:spChg chg="add mod">
          <ac:chgData name="植野 芳彦" userId="86ab4e6fb1040a80" providerId="LiveId" clId="{8CF3AC81-7A83-4275-B106-615690C89620}" dt="2022-06-30T19:59:48.040" v="1423" actId="1076"/>
          <ac:spMkLst>
            <pc:docMk/>
            <pc:sldMk cId="0" sldId="1135"/>
            <ac:spMk id="13" creationId="{EDCDD66A-F616-AD23-8833-6C2A9E591DC8}"/>
          </ac:spMkLst>
        </pc:spChg>
        <pc:spChg chg="mod">
          <ac:chgData name="植野 芳彦" userId="86ab4e6fb1040a80" providerId="LiveId" clId="{8CF3AC81-7A83-4275-B106-615690C89620}" dt="2022-06-30T20:00:46.687" v="1447" actId="1076"/>
          <ac:spMkLst>
            <pc:docMk/>
            <pc:sldMk cId="0" sldId="1135"/>
            <ac:spMk id="7173" creationId="{8D782030-1ACD-A8AC-6E49-B35BD15F2A19}"/>
          </ac:spMkLst>
        </pc:spChg>
        <pc:spChg chg="mod">
          <ac:chgData name="植野 芳彦" userId="86ab4e6fb1040a80" providerId="LiveId" clId="{8CF3AC81-7A83-4275-B106-615690C89620}" dt="2022-06-30T20:00:59.527" v="1448" actId="1076"/>
          <ac:spMkLst>
            <pc:docMk/>
            <pc:sldMk cId="0" sldId="1135"/>
            <ac:spMk id="20484" creationId="{28458BE9-CDE6-C840-C903-820017099F80}"/>
          </ac:spMkLst>
        </pc:spChg>
        <pc:spChg chg="mod">
          <ac:chgData name="植野 芳彦" userId="86ab4e6fb1040a80" providerId="LiveId" clId="{8CF3AC81-7A83-4275-B106-615690C89620}" dt="2022-06-30T19:58:36.790" v="1393" actId="207"/>
          <ac:spMkLst>
            <pc:docMk/>
            <pc:sldMk cId="0" sldId="1135"/>
            <ac:spMk id="20490" creationId="{0BC3D1AB-02C8-A568-8318-B4A585083FDD}"/>
          </ac:spMkLst>
        </pc:spChg>
        <pc:spChg chg="mod">
          <ac:chgData name="植野 芳彦" userId="86ab4e6fb1040a80" providerId="LiveId" clId="{8CF3AC81-7A83-4275-B106-615690C89620}" dt="2022-06-30T19:57:14.553" v="1329" actId="255"/>
          <ac:spMkLst>
            <pc:docMk/>
            <pc:sldMk cId="0" sldId="1135"/>
            <ac:spMk id="20491" creationId="{AEC6AB7D-77BD-9835-79C6-D2CB65D07912}"/>
          </ac:spMkLst>
        </pc:spChg>
      </pc:sldChg>
      <pc:sldChg chg="add del">
        <pc:chgData name="植野 芳彦" userId="86ab4e6fb1040a80" providerId="LiveId" clId="{8CF3AC81-7A83-4275-B106-615690C89620}" dt="2022-06-29T11:14:17.308" v="1000" actId="2696"/>
        <pc:sldMkLst>
          <pc:docMk/>
          <pc:sldMk cId="0" sldId="1139"/>
        </pc:sldMkLst>
      </pc:sldChg>
      <pc:sldChg chg="add del">
        <pc:chgData name="植野 芳彦" userId="86ab4e6fb1040a80" providerId="LiveId" clId="{8CF3AC81-7A83-4275-B106-615690C89620}" dt="2022-06-29T10:37:22.354" v="949" actId="2696"/>
        <pc:sldMkLst>
          <pc:docMk/>
          <pc:sldMk cId="1240909206" sldId="1142"/>
        </pc:sldMkLst>
      </pc:sldChg>
      <pc:sldChg chg="add">
        <pc:chgData name="植野 芳彦" userId="86ab4e6fb1040a80" providerId="LiveId" clId="{8CF3AC81-7A83-4275-B106-615690C89620}" dt="2022-06-29T06:18:58.564" v="923"/>
        <pc:sldMkLst>
          <pc:docMk/>
          <pc:sldMk cId="1785713212" sldId="1144"/>
        </pc:sldMkLst>
      </pc:sldChg>
      <pc:sldChg chg="modSp add mod">
        <pc:chgData name="植野 芳彦" userId="86ab4e6fb1040a80" providerId="LiveId" clId="{8CF3AC81-7A83-4275-B106-615690C89620}" dt="2022-06-30T20:27:02.169" v="2104" actId="20577"/>
        <pc:sldMkLst>
          <pc:docMk/>
          <pc:sldMk cId="0" sldId="1172"/>
        </pc:sldMkLst>
        <pc:spChg chg="mod">
          <ac:chgData name="植野 芳彦" userId="86ab4e6fb1040a80" providerId="LiveId" clId="{8CF3AC81-7A83-4275-B106-615690C89620}" dt="2022-06-30T20:27:02.169" v="2104" actId="20577"/>
          <ac:spMkLst>
            <pc:docMk/>
            <pc:sldMk cId="0" sldId="1172"/>
            <ac:spMk id="90114" creationId="{7C7C07A6-8D19-4978-7F61-E3A184F43B40}"/>
          </ac:spMkLst>
        </pc:spChg>
      </pc:sldChg>
      <pc:sldChg chg="add">
        <pc:chgData name="植野 芳彦" userId="86ab4e6fb1040a80" providerId="LiveId" clId="{8CF3AC81-7A83-4275-B106-615690C89620}" dt="2022-06-29T06:19:16.589" v="924"/>
        <pc:sldMkLst>
          <pc:docMk/>
          <pc:sldMk cId="927564124" sldId="1180"/>
        </pc:sldMkLst>
      </pc:sldChg>
      <pc:sldChg chg="add">
        <pc:chgData name="植野 芳彦" userId="86ab4e6fb1040a80" providerId="LiveId" clId="{8CF3AC81-7A83-4275-B106-615690C89620}" dt="2022-06-29T06:16:54.108" v="919"/>
        <pc:sldMkLst>
          <pc:docMk/>
          <pc:sldMk cId="2157078012" sldId="1207"/>
        </pc:sldMkLst>
      </pc:sldChg>
      <pc:sldChg chg="add">
        <pc:chgData name="植野 芳彦" userId="86ab4e6fb1040a80" providerId="LiveId" clId="{8CF3AC81-7A83-4275-B106-615690C89620}" dt="2022-06-30T20:09:48.181" v="1562"/>
        <pc:sldMkLst>
          <pc:docMk/>
          <pc:sldMk cId="1551379747" sldId="1249"/>
        </pc:sldMkLst>
      </pc:sldChg>
      <pc:sldChg chg="add del">
        <pc:chgData name="植野 芳彦" userId="86ab4e6fb1040a80" providerId="LiveId" clId="{8CF3AC81-7A83-4275-B106-615690C89620}" dt="2022-06-30T20:09:39.346" v="1561" actId="2696"/>
        <pc:sldMkLst>
          <pc:docMk/>
          <pc:sldMk cId="1705612392" sldId="1249"/>
        </pc:sldMkLst>
      </pc:sldChg>
      <pc:sldChg chg="modSp del mod">
        <pc:chgData name="植野 芳彦" userId="86ab4e6fb1040a80" providerId="LiveId" clId="{8CF3AC81-7A83-4275-B106-615690C89620}" dt="2022-06-29T06:02:30.297" v="764" actId="2696"/>
        <pc:sldMkLst>
          <pc:docMk/>
          <pc:sldMk cId="2348093337" sldId="1249"/>
        </pc:sldMkLst>
        <pc:spChg chg="mod">
          <ac:chgData name="植野 芳彦" userId="86ab4e6fb1040a80" providerId="LiveId" clId="{8CF3AC81-7A83-4275-B106-615690C89620}" dt="2022-06-29T05:40:37.082" v="716" actId="1076"/>
          <ac:spMkLst>
            <pc:docMk/>
            <pc:sldMk cId="2348093337" sldId="1249"/>
            <ac:spMk id="5" creationId="{EFEF4B88-D688-413C-8EE7-FA0F1A13B210}"/>
          </ac:spMkLst>
        </pc:spChg>
        <pc:picChg chg="mod">
          <ac:chgData name="植野 芳彦" userId="86ab4e6fb1040a80" providerId="LiveId" clId="{8CF3AC81-7A83-4275-B106-615690C89620}" dt="2022-06-23T22:21:13.599" v="279" actId="14100"/>
          <ac:picMkLst>
            <pc:docMk/>
            <pc:sldMk cId="2348093337" sldId="1249"/>
            <ac:picMk id="3" creationId="{2FF34695-3F15-4284-89B9-CB6E90AED09F}"/>
          </ac:picMkLst>
        </pc:picChg>
      </pc:sldChg>
      <pc:sldChg chg="addSp delSp modSp mod">
        <pc:chgData name="植野 芳彦" userId="86ab4e6fb1040a80" providerId="LiveId" clId="{8CF3AC81-7A83-4275-B106-615690C89620}" dt="2022-06-29T20:28:59.622" v="1257" actId="6549"/>
        <pc:sldMkLst>
          <pc:docMk/>
          <pc:sldMk cId="405098307" sldId="1261"/>
        </pc:sldMkLst>
        <pc:spChg chg="del">
          <ac:chgData name="植野 芳彦" userId="86ab4e6fb1040a80" providerId="LiveId" clId="{8CF3AC81-7A83-4275-B106-615690C89620}" dt="2022-06-29T20:25:36.344" v="1155" actId="21"/>
          <ac:spMkLst>
            <pc:docMk/>
            <pc:sldMk cId="405098307" sldId="1261"/>
            <ac:spMk id="3" creationId="{3AAAC01E-1137-4B3B-ABE9-CFAFF1E0829B}"/>
          </ac:spMkLst>
        </pc:spChg>
        <pc:spChg chg="mod">
          <ac:chgData name="植野 芳彦" userId="86ab4e6fb1040a80" providerId="LiveId" clId="{8CF3AC81-7A83-4275-B106-615690C89620}" dt="2022-06-29T20:28:36.894" v="1246" actId="20577"/>
          <ac:spMkLst>
            <pc:docMk/>
            <pc:sldMk cId="405098307" sldId="1261"/>
            <ac:spMk id="5" creationId="{071E315B-38D4-4418-AC8B-53083BDE64E0}"/>
          </ac:spMkLst>
        </pc:spChg>
        <pc:spChg chg="mod">
          <ac:chgData name="植野 芳彦" userId="86ab4e6fb1040a80" providerId="LiveId" clId="{8CF3AC81-7A83-4275-B106-615690C89620}" dt="2022-06-29T20:27:01.888" v="1174" actId="1076"/>
          <ac:spMkLst>
            <pc:docMk/>
            <pc:sldMk cId="405098307" sldId="1261"/>
            <ac:spMk id="6" creationId="{4A86CD0D-F3AA-4D41-826C-94615C306941}"/>
          </ac:spMkLst>
        </pc:spChg>
        <pc:spChg chg="del mod">
          <ac:chgData name="植野 芳彦" userId="86ab4e6fb1040a80" providerId="LiveId" clId="{8CF3AC81-7A83-4275-B106-615690C89620}" dt="2022-06-29T20:27:44.058" v="1185" actId="21"/>
          <ac:spMkLst>
            <pc:docMk/>
            <pc:sldMk cId="405098307" sldId="1261"/>
            <ac:spMk id="8" creationId="{0988B3EC-FAEB-40B6-A9A9-F6BE5944A82B}"/>
          </ac:spMkLst>
        </pc:spChg>
        <pc:spChg chg="del mod">
          <ac:chgData name="植野 芳彦" userId="86ab4e6fb1040a80" providerId="LiveId" clId="{8CF3AC81-7A83-4275-B106-615690C89620}" dt="2022-06-29T20:27:40.987" v="1184" actId="21"/>
          <ac:spMkLst>
            <pc:docMk/>
            <pc:sldMk cId="405098307" sldId="1261"/>
            <ac:spMk id="9" creationId="{EEC505E9-E982-4CFD-B82E-EAA0179A812F}"/>
          </ac:spMkLst>
        </pc:spChg>
        <pc:spChg chg="del">
          <ac:chgData name="植野 芳彦" userId="86ab4e6fb1040a80" providerId="LiveId" clId="{8CF3AC81-7A83-4275-B106-615690C89620}" dt="2022-06-29T20:25:42.837" v="1156" actId="21"/>
          <ac:spMkLst>
            <pc:docMk/>
            <pc:sldMk cId="405098307" sldId="1261"/>
            <ac:spMk id="15" creationId="{9136A642-1348-42F9-8154-D24C764656D0}"/>
          </ac:spMkLst>
        </pc:spChg>
        <pc:spChg chg="mod">
          <ac:chgData name="植野 芳彦" userId="86ab4e6fb1040a80" providerId="LiveId" clId="{8CF3AC81-7A83-4275-B106-615690C89620}" dt="2022-06-29T20:28:52.424" v="1250" actId="1076"/>
          <ac:spMkLst>
            <pc:docMk/>
            <pc:sldMk cId="405098307" sldId="1261"/>
            <ac:spMk id="16" creationId="{BFA9D52B-D235-485C-B563-FBBBA6B03166}"/>
          </ac:spMkLst>
        </pc:spChg>
        <pc:spChg chg="add mod">
          <ac:chgData name="植野 芳彦" userId="86ab4e6fb1040a80" providerId="LiveId" clId="{8CF3AC81-7A83-4275-B106-615690C89620}" dt="2022-06-29T20:28:59.622" v="1257" actId="6549"/>
          <ac:spMkLst>
            <pc:docMk/>
            <pc:sldMk cId="405098307" sldId="1261"/>
            <ac:spMk id="17" creationId="{E6918116-5580-98BF-A880-26CAC637FEA0}"/>
          </ac:spMkLst>
        </pc:spChg>
        <pc:picChg chg="mod">
          <ac:chgData name="植野 芳彦" userId="86ab4e6fb1040a80" providerId="LiveId" clId="{8CF3AC81-7A83-4275-B106-615690C89620}" dt="2022-06-29T20:26:57.856" v="1173" actId="14100"/>
          <ac:picMkLst>
            <pc:docMk/>
            <pc:sldMk cId="405098307" sldId="1261"/>
            <ac:picMk id="4" creationId="{C7B962AD-6642-43FE-AC7D-E37CAA9A34EC}"/>
          </ac:picMkLst>
        </pc:picChg>
        <pc:picChg chg="del">
          <ac:chgData name="植野 芳彦" userId="86ab4e6fb1040a80" providerId="LiveId" clId="{8CF3AC81-7A83-4275-B106-615690C89620}" dt="2022-06-29T20:25:29.007" v="1154" actId="21"/>
          <ac:picMkLst>
            <pc:docMk/>
            <pc:sldMk cId="405098307" sldId="1261"/>
            <ac:picMk id="14" creationId="{50FE721E-4B45-49FB-8C7C-5AA84D65D3DC}"/>
          </ac:picMkLst>
        </pc:picChg>
      </pc:sldChg>
      <pc:sldChg chg="add">
        <pc:chgData name="植野 芳彦" userId="86ab4e6fb1040a80" providerId="LiveId" clId="{8CF3AC81-7A83-4275-B106-615690C89620}" dt="2022-06-29T10:43:01.027" v="951"/>
        <pc:sldMkLst>
          <pc:docMk/>
          <pc:sldMk cId="0" sldId="1280"/>
        </pc:sldMkLst>
      </pc:sldChg>
      <pc:sldChg chg="del">
        <pc:chgData name="植野 芳彦" userId="86ab4e6fb1040a80" providerId="LiveId" clId="{8CF3AC81-7A83-4275-B106-615690C89620}" dt="2022-06-30T20:09:56.962" v="1563" actId="2696"/>
        <pc:sldMkLst>
          <pc:docMk/>
          <pc:sldMk cId="1933097685" sldId="1287"/>
        </pc:sldMkLst>
      </pc:sldChg>
      <pc:sldChg chg="add">
        <pc:chgData name="植野 芳彦" userId="86ab4e6fb1040a80" providerId="LiveId" clId="{8CF3AC81-7A83-4275-B106-615690C89620}" dt="2022-06-29T06:17:53.179" v="920"/>
        <pc:sldMkLst>
          <pc:docMk/>
          <pc:sldMk cId="1798787005" sldId="1292"/>
        </pc:sldMkLst>
      </pc:sldChg>
      <pc:sldChg chg="del">
        <pc:chgData name="植野 芳彦" userId="86ab4e6fb1040a80" providerId="LiveId" clId="{8CF3AC81-7A83-4275-B106-615690C89620}" dt="2022-06-28T02:14:29.866" v="345" actId="2696"/>
        <pc:sldMkLst>
          <pc:docMk/>
          <pc:sldMk cId="405913969" sldId="1293"/>
        </pc:sldMkLst>
      </pc:sldChg>
      <pc:sldChg chg="addSp delSp modSp del mod">
        <pc:chgData name="植野 芳彦" userId="86ab4e6fb1040a80" providerId="LiveId" clId="{8CF3AC81-7A83-4275-B106-615690C89620}" dt="2022-06-30T20:08:36.156" v="1555" actId="2696"/>
        <pc:sldMkLst>
          <pc:docMk/>
          <pc:sldMk cId="3971309634" sldId="1297"/>
        </pc:sldMkLst>
        <pc:spChg chg="mod">
          <ac:chgData name="植野 芳彦" userId="86ab4e6fb1040a80" providerId="LiveId" clId="{8CF3AC81-7A83-4275-B106-615690C89620}" dt="2022-06-29T00:27:13.485" v="640" actId="14100"/>
          <ac:spMkLst>
            <pc:docMk/>
            <pc:sldMk cId="3971309634" sldId="1297"/>
            <ac:spMk id="2" creationId="{75FADBED-8F91-81D4-604C-31144A080433}"/>
          </ac:spMkLst>
        </pc:spChg>
        <pc:spChg chg="mod">
          <ac:chgData name="植野 芳彦" userId="86ab4e6fb1040a80" providerId="LiveId" clId="{8CF3AC81-7A83-4275-B106-615690C89620}" dt="2022-06-29T06:00:05.212" v="730" actId="14100"/>
          <ac:spMkLst>
            <pc:docMk/>
            <pc:sldMk cId="3971309634" sldId="1297"/>
            <ac:spMk id="9" creationId="{43B6BCF4-5451-FC9A-5D76-BCFC403F7E07}"/>
          </ac:spMkLst>
        </pc:spChg>
        <pc:spChg chg="mod">
          <ac:chgData name="植野 芳彦" userId="86ab4e6fb1040a80" providerId="LiveId" clId="{8CF3AC81-7A83-4275-B106-615690C89620}" dt="2022-06-29T05:59:40.235" v="725" actId="14100"/>
          <ac:spMkLst>
            <pc:docMk/>
            <pc:sldMk cId="3971309634" sldId="1297"/>
            <ac:spMk id="10" creationId="{A07C6C6A-D618-C795-AFF4-9C75F0101A7A}"/>
          </ac:spMkLst>
        </pc:spChg>
        <pc:spChg chg="mod">
          <ac:chgData name="植野 芳彦" userId="86ab4e6fb1040a80" providerId="LiveId" clId="{8CF3AC81-7A83-4275-B106-615690C89620}" dt="2022-06-29T00:19:37.183" v="564" actId="255"/>
          <ac:spMkLst>
            <pc:docMk/>
            <pc:sldMk cId="3971309634" sldId="1297"/>
            <ac:spMk id="16" creationId="{2E67FAF3-119F-3491-8004-800FBE2C0C11}"/>
          </ac:spMkLst>
        </pc:spChg>
        <pc:spChg chg="mod">
          <ac:chgData name="植野 芳彦" userId="86ab4e6fb1040a80" providerId="LiveId" clId="{8CF3AC81-7A83-4275-B106-615690C89620}" dt="2022-06-29T00:24:34.029" v="614" actId="14100"/>
          <ac:spMkLst>
            <pc:docMk/>
            <pc:sldMk cId="3971309634" sldId="1297"/>
            <ac:spMk id="22" creationId="{D2EFDF64-282F-639D-F957-A1B04C81A0C3}"/>
          </ac:spMkLst>
        </pc:spChg>
        <pc:spChg chg="mod">
          <ac:chgData name="植野 芳彦" userId="86ab4e6fb1040a80" providerId="LiveId" clId="{8CF3AC81-7A83-4275-B106-615690C89620}" dt="2022-06-29T00:22:29.277" v="594" actId="1076"/>
          <ac:spMkLst>
            <pc:docMk/>
            <pc:sldMk cId="3971309634" sldId="1297"/>
            <ac:spMk id="30" creationId="{4387BEA2-7808-B31B-C550-89FB4330E04E}"/>
          </ac:spMkLst>
        </pc:spChg>
        <pc:spChg chg="mod">
          <ac:chgData name="植野 芳彦" userId="86ab4e6fb1040a80" providerId="LiveId" clId="{8CF3AC81-7A83-4275-B106-615690C89620}" dt="2022-06-29T05:59:58.804" v="729" actId="14100"/>
          <ac:spMkLst>
            <pc:docMk/>
            <pc:sldMk cId="3971309634" sldId="1297"/>
            <ac:spMk id="34" creationId="{4F4D5E2A-1580-4C22-692A-CB32E1592E15}"/>
          </ac:spMkLst>
        </pc:spChg>
        <pc:spChg chg="mod">
          <ac:chgData name="植野 芳彦" userId="86ab4e6fb1040a80" providerId="LiveId" clId="{8CF3AC81-7A83-4275-B106-615690C89620}" dt="2022-06-29T05:59:54.475" v="728" actId="14100"/>
          <ac:spMkLst>
            <pc:docMk/>
            <pc:sldMk cId="3971309634" sldId="1297"/>
            <ac:spMk id="35" creationId="{4D8B530C-52F6-5CE4-AC7E-8822725F3896}"/>
          </ac:spMkLst>
        </pc:spChg>
        <pc:spChg chg="mod">
          <ac:chgData name="植野 芳彦" userId="86ab4e6fb1040a80" providerId="LiveId" clId="{8CF3AC81-7A83-4275-B106-615690C89620}" dt="2022-06-29T00:19:15.855" v="559" actId="255"/>
          <ac:spMkLst>
            <pc:docMk/>
            <pc:sldMk cId="3971309634" sldId="1297"/>
            <ac:spMk id="39" creationId="{CC2467AC-9307-42CD-AB55-B9B2F6C8EBDE}"/>
          </ac:spMkLst>
        </pc:spChg>
        <pc:spChg chg="mod">
          <ac:chgData name="植野 芳彦" userId="86ab4e6fb1040a80" providerId="LiveId" clId="{8CF3AC81-7A83-4275-B106-615690C89620}" dt="2022-06-29T00:31:54.317" v="680" actId="1076"/>
          <ac:spMkLst>
            <pc:docMk/>
            <pc:sldMk cId="3971309634" sldId="1297"/>
            <ac:spMk id="43" creationId="{B2288FE4-CC59-FF25-1BB5-FF1C9DD0417F}"/>
          </ac:spMkLst>
        </pc:spChg>
        <pc:spChg chg="add mod">
          <ac:chgData name="植野 芳彦" userId="86ab4e6fb1040a80" providerId="LiveId" clId="{8CF3AC81-7A83-4275-B106-615690C89620}" dt="2022-06-29T05:59:35.029" v="724" actId="14100"/>
          <ac:spMkLst>
            <pc:docMk/>
            <pc:sldMk cId="3971309634" sldId="1297"/>
            <ac:spMk id="49" creationId="{C77B411E-8283-46C3-1672-2FD28ACAB5AE}"/>
          </ac:spMkLst>
        </pc:spChg>
        <pc:spChg chg="mod">
          <ac:chgData name="植野 芳彦" userId="86ab4e6fb1040a80" providerId="LiveId" clId="{8CF3AC81-7A83-4275-B106-615690C89620}" dt="2022-06-29T00:19:45.279" v="565" actId="255"/>
          <ac:spMkLst>
            <pc:docMk/>
            <pc:sldMk cId="3971309634" sldId="1297"/>
            <ac:spMk id="55" creationId="{17583CC1-C009-36DF-C84D-48611E2A9F03}"/>
          </ac:spMkLst>
        </pc:spChg>
        <pc:spChg chg="mod">
          <ac:chgData name="植野 芳彦" userId="86ab4e6fb1040a80" providerId="LiveId" clId="{8CF3AC81-7A83-4275-B106-615690C89620}" dt="2022-06-29T00:24:30.400" v="613" actId="1076"/>
          <ac:spMkLst>
            <pc:docMk/>
            <pc:sldMk cId="3971309634" sldId="1297"/>
            <ac:spMk id="56" creationId="{7541459F-3C82-7590-05A8-6C4E4194CE1F}"/>
          </ac:spMkLst>
        </pc:spChg>
        <pc:spChg chg="mod">
          <ac:chgData name="植野 芳彦" userId="86ab4e6fb1040a80" providerId="LiveId" clId="{8CF3AC81-7A83-4275-B106-615690C89620}" dt="2022-06-29T00:30:02.140" v="666" actId="1076"/>
          <ac:spMkLst>
            <pc:docMk/>
            <pc:sldMk cId="3971309634" sldId="1297"/>
            <ac:spMk id="53250" creationId="{A95A6FBC-A4E3-5429-F71D-0D9B1B5E48EF}"/>
          </ac:spMkLst>
        </pc:spChg>
        <pc:spChg chg="mod">
          <ac:chgData name="植野 芳彦" userId="86ab4e6fb1040a80" providerId="LiveId" clId="{8CF3AC81-7A83-4275-B106-615690C89620}" dt="2022-06-29T00:33:37.436" v="694" actId="14100"/>
          <ac:spMkLst>
            <pc:docMk/>
            <pc:sldMk cId="3971309634" sldId="1297"/>
            <ac:spMk id="53252" creationId="{6E42759C-7953-59D9-CC38-90B713C4ECE8}"/>
          </ac:spMkLst>
        </pc:spChg>
        <pc:spChg chg="mod">
          <ac:chgData name="植野 芳彦" userId="86ab4e6fb1040a80" providerId="LiveId" clId="{8CF3AC81-7A83-4275-B106-615690C89620}" dt="2022-06-29T00:31:46.572" v="678" actId="14100"/>
          <ac:spMkLst>
            <pc:docMk/>
            <pc:sldMk cId="3971309634" sldId="1297"/>
            <ac:spMk id="53259" creationId="{06810020-B7EB-678C-D7D1-DB66B0F53201}"/>
          </ac:spMkLst>
        </pc:spChg>
        <pc:spChg chg="mod">
          <ac:chgData name="植野 芳彦" userId="86ab4e6fb1040a80" providerId="LiveId" clId="{8CF3AC81-7A83-4275-B106-615690C89620}" dt="2022-06-29T00:21:50.749" v="589" actId="14100"/>
          <ac:spMkLst>
            <pc:docMk/>
            <pc:sldMk cId="3971309634" sldId="1297"/>
            <ac:spMk id="53260" creationId="{D46101C7-885E-AA5C-8AE5-916A8956541C}"/>
          </ac:spMkLst>
        </pc:spChg>
        <pc:spChg chg="mod">
          <ac:chgData name="植野 芳彦" userId="86ab4e6fb1040a80" providerId="LiveId" clId="{8CF3AC81-7A83-4275-B106-615690C89620}" dt="2022-06-29T00:30:41.924" v="668" actId="14100"/>
          <ac:spMkLst>
            <pc:docMk/>
            <pc:sldMk cId="3971309634" sldId="1297"/>
            <ac:spMk id="53263" creationId="{CDBA6EC1-22F6-88B2-4007-20D902EFED03}"/>
          </ac:spMkLst>
        </pc:spChg>
        <pc:spChg chg="mod">
          <ac:chgData name="植野 芳彦" userId="86ab4e6fb1040a80" providerId="LiveId" clId="{8CF3AC81-7A83-4275-B106-615690C89620}" dt="2022-06-29T00:19:24.389" v="561" actId="1076"/>
          <ac:spMkLst>
            <pc:docMk/>
            <pc:sldMk cId="3971309634" sldId="1297"/>
            <ac:spMk id="53264" creationId="{A6258676-F19B-3BD5-EC9E-BC87A8D8E79C}"/>
          </ac:spMkLst>
        </pc:spChg>
        <pc:spChg chg="mod">
          <ac:chgData name="植野 芳彦" userId="86ab4e6fb1040a80" providerId="LiveId" clId="{8CF3AC81-7A83-4275-B106-615690C89620}" dt="2022-06-29T00:19:06.806" v="557" actId="1076"/>
          <ac:spMkLst>
            <pc:docMk/>
            <pc:sldMk cId="3971309634" sldId="1297"/>
            <ac:spMk id="53265" creationId="{FBD94CEB-8291-DDD2-9B89-7B7ADC8E6E60}"/>
          </ac:spMkLst>
        </pc:spChg>
        <pc:spChg chg="mod">
          <ac:chgData name="植野 芳彦" userId="86ab4e6fb1040a80" providerId="LiveId" clId="{8CF3AC81-7A83-4275-B106-615690C89620}" dt="2022-06-29T00:20:11.622" v="572" actId="1076"/>
          <ac:spMkLst>
            <pc:docMk/>
            <pc:sldMk cId="3971309634" sldId="1297"/>
            <ac:spMk id="53269" creationId="{31B199EC-F33D-7C61-0D19-BED6D0B36C21}"/>
          </ac:spMkLst>
        </pc:spChg>
        <pc:spChg chg="mod">
          <ac:chgData name="植野 芳彦" userId="86ab4e6fb1040a80" providerId="LiveId" clId="{8CF3AC81-7A83-4275-B106-615690C89620}" dt="2022-06-29T00:20:08.077" v="571" actId="1076"/>
          <ac:spMkLst>
            <pc:docMk/>
            <pc:sldMk cId="3971309634" sldId="1297"/>
            <ac:spMk id="53270" creationId="{A3E9BBDE-3CC1-9F6A-31B0-ACD78B474363}"/>
          </ac:spMkLst>
        </pc:spChg>
        <pc:spChg chg="mod">
          <ac:chgData name="植野 芳彦" userId="86ab4e6fb1040a80" providerId="LiveId" clId="{8CF3AC81-7A83-4275-B106-615690C89620}" dt="2022-06-29T00:31:22.644" v="672" actId="1076"/>
          <ac:spMkLst>
            <pc:docMk/>
            <pc:sldMk cId="3971309634" sldId="1297"/>
            <ac:spMk id="53271" creationId="{1D5ADCA4-BE49-1AC4-A9E8-92C7C5BCF3BE}"/>
          </ac:spMkLst>
        </pc:spChg>
        <pc:spChg chg="mod">
          <ac:chgData name="植野 芳彦" userId="86ab4e6fb1040a80" providerId="LiveId" clId="{8CF3AC81-7A83-4275-B106-615690C89620}" dt="2022-06-29T00:31:14.165" v="671" actId="113"/>
          <ac:spMkLst>
            <pc:docMk/>
            <pc:sldMk cId="3971309634" sldId="1297"/>
            <ac:spMk id="53280" creationId="{988296E8-4E5B-2533-23E2-C05ABFD98850}"/>
          </ac:spMkLst>
        </pc:spChg>
        <pc:spChg chg="mod">
          <ac:chgData name="植野 芳彦" userId="86ab4e6fb1040a80" providerId="LiveId" clId="{8CF3AC81-7A83-4275-B106-615690C89620}" dt="2022-06-29T00:30:56.109" v="670" actId="14100"/>
          <ac:spMkLst>
            <pc:docMk/>
            <pc:sldMk cId="3971309634" sldId="1297"/>
            <ac:spMk id="53281" creationId="{C61BA3E8-1C3E-B8B8-3C22-9F641CB6933B}"/>
          </ac:spMkLst>
        </pc:spChg>
        <pc:spChg chg="mod">
          <ac:chgData name="植野 芳彦" userId="86ab4e6fb1040a80" providerId="LiveId" clId="{8CF3AC81-7A83-4275-B106-615690C89620}" dt="2022-06-29T00:28:05.788" v="645" actId="14100"/>
          <ac:spMkLst>
            <pc:docMk/>
            <pc:sldMk cId="3971309634" sldId="1297"/>
            <ac:spMk id="53282" creationId="{5D8374EC-575C-435F-E88A-20FD90D175EB}"/>
          </ac:spMkLst>
        </pc:spChg>
        <pc:spChg chg="mod">
          <ac:chgData name="植野 芳彦" userId="86ab4e6fb1040a80" providerId="LiveId" clId="{8CF3AC81-7A83-4275-B106-615690C89620}" dt="2022-06-29T00:33:44.461" v="696" actId="14100"/>
          <ac:spMkLst>
            <pc:docMk/>
            <pc:sldMk cId="3971309634" sldId="1297"/>
            <ac:spMk id="53283" creationId="{170CDE96-572E-5A3C-A020-D3F0FC94E9A5}"/>
          </ac:spMkLst>
        </pc:spChg>
        <pc:spChg chg="del mod">
          <ac:chgData name="植野 芳彦" userId="86ab4e6fb1040a80" providerId="LiveId" clId="{8CF3AC81-7A83-4275-B106-615690C89620}" dt="2022-06-29T00:27:54.550" v="644" actId="21"/>
          <ac:spMkLst>
            <pc:docMk/>
            <pc:sldMk cId="3971309634" sldId="1297"/>
            <ac:spMk id="53284" creationId="{B9F3E669-8962-A953-890A-5E3B27D76991}"/>
          </ac:spMkLst>
        </pc:spChg>
        <pc:spChg chg="mod">
          <ac:chgData name="植野 芳彦" userId="86ab4e6fb1040a80" providerId="LiveId" clId="{8CF3AC81-7A83-4275-B106-615690C89620}" dt="2022-06-29T00:32:05.484" v="682" actId="1076"/>
          <ac:spMkLst>
            <pc:docMk/>
            <pc:sldMk cId="3971309634" sldId="1297"/>
            <ac:spMk id="53287" creationId="{C8AD1DAB-5E27-13D3-2E8E-8551066D6E8C}"/>
          </ac:spMkLst>
        </pc:spChg>
        <pc:cxnChg chg="mod">
          <ac:chgData name="植野 芳彦" userId="86ab4e6fb1040a80" providerId="LiveId" clId="{8CF3AC81-7A83-4275-B106-615690C89620}" dt="2022-06-29T00:21:13.101" v="582" actId="14100"/>
          <ac:cxnSpMkLst>
            <pc:docMk/>
            <pc:sldMk cId="3971309634" sldId="1297"/>
            <ac:cxnSpMk id="7" creationId="{BED31831-5431-80A4-B276-CC18783C989C}"/>
          </ac:cxnSpMkLst>
        </pc:cxnChg>
        <pc:cxnChg chg="mod">
          <ac:chgData name="植野 芳彦" userId="86ab4e6fb1040a80" providerId="LiveId" clId="{8CF3AC81-7A83-4275-B106-615690C89620}" dt="2022-06-29T00:20:03.493" v="570" actId="14100"/>
          <ac:cxnSpMkLst>
            <pc:docMk/>
            <pc:sldMk cId="3971309634" sldId="1297"/>
            <ac:cxnSpMk id="53251" creationId="{4781A66F-1601-A1C1-3D5D-4137D89CD701}"/>
          </ac:cxnSpMkLst>
        </pc:cxnChg>
        <pc:cxnChg chg="mod">
          <ac:chgData name="植野 芳彦" userId="86ab4e6fb1040a80" providerId="LiveId" clId="{8CF3AC81-7A83-4275-B106-615690C89620}" dt="2022-06-29T00:19:56.445" v="568" actId="14100"/>
          <ac:cxnSpMkLst>
            <pc:docMk/>
            <pc:sldMk cId="3971309634" sldId="1297"/>
            <ac:cxnSpMk id="53253" creationId="{ABC89C58-4A88-7986-46B2-3A7374D00315}"/>
          </ac:cxnSpMkLst>
        </pc:cxnChg>
        <pc:cxnChg chg="del">
          <ac:chgData name="植野 芳彦" userId="86ab4e6fb1040a80" providerId="LiveId" clId="{8CF3AC81-7A83-4275-B106-615690C89620}" dt="2022-06-29T00:20:24.025" v="575" actId="21"/>
          <ac:cxnSpMkLst>
            <pc:docMk/>
            <pc:sldMk cId="3971309634" sldId="1297"/>
            <ac:cxnSpMk id="53256" creationId="{09291248-CDB5-4AF2-F25A-55B70F6FE1F6}"/>
          </ac:cxnSpMkLst>
        </pc:cxnChg>
        <pc:cxnChg chg="mod">
          <ac:chgData name="植野 芳彦" userId="86ab4e6fb1040a80" providerId="LiveId" clId="{8CF3AC81-7A83-4275-B106-615690C89620}" dt="2022-06-29T00:22:14.869" v="592" actId="14100"/>
          <ac:cxnSpMkLst>
            <pc:docMk/>
            <pc:sldMk cId="3971309634" sldId="1297"/>
            <ac:cxnSpMk id="53262" creationId="{3596C2F4-DF46-5941-4E7D-E199FEE44D88}"/>
          </ac:cxnSpMkLst>
        </pc:cxnChg>
        <pc:cxnChg chg="mod">
          <ac:chgData name="植野 芳彦" userId="86ab4e6fb1040a80" providerId="LiveId" clId="{8CF3AC81-7A83-4275-B106-615690C89620}" dt="2022-06-29T00:20:18.605" v="574" actId="14100"/>
          <ac:cxnSpMkLst>
            <pc:docMk/>
            <pc:sldMk cId="3971309634" sldId="1297"/>
            <ac:cxnSpMk id="53268" creationId="{1391B93D-60FD-6AB8-4309-5B33A59EB368}"/>
          </ac:cxnSpMkLst>
        </pc:cxnChg>
        <pc:cxnChg chg="mod">
          <ac:chgData name="植野 芳彦" userId="86ab4e6fb1040a80" providerId="LiveId" clId="{8CF3AC81-7A83-4275-B106-615690C89620}" dt="2022-06-29T00:26:38.262" v="632" actId="14100"/>
          <ac:cxnSpMkLst>
            <pc:docMk/>
            <pc:sldMk cId="3971309634" sldId="1297"/>
            <ac:cxnSpMk id="53275" creationId="{884E32C3-C108-4650-C0FD-29AB8D09D23D}"/>
          </ac:cxnSpMkLst>
        </pc:cxnChg>
      </pc:sldChg>
      <pc:sldChg chg="modSp mod">
        <pc:chgData name="植野 芳彦" userId="86ab4e6fb1040a80" providerId="LiveId" clId="{8CF3AC81-7A83-4275-B106-615690C89620}" dt="2022-06-29T06:04:11.571" v="791" actId="20577"/>
        <pc:sldMkLst>
          <pc:docMk/>
          <pc:sldMk cId="3500431397" sldId="1304"/>
        </pc:sldMkLst>
        <pc:spChg chg="mod">
          <ac:chgData name="植野 芳彦" userId="86ab4e6fb1040a80" providerId="LiveId" clId="{8CF3AC81-7A83-4275-B106-615690C89620}" dt="2022-06-28T23:26:20.711" v="470" actId="14100"/>
          <ac:spMkLst>
            <pc:docMk/>
            <pc:sldMk cId="3500431397" sldId="1304"/>
            <ac:spMk id="2" creationId="{1D2483CE-52C5-40B5-951B-27F3BD75B56E}"/>
          </ac:spMkLst>
        </pc:spChg>
        <pc:spChg chg="mod">
          <ac:chgData name="植野 芳彦" userId="86ab4e6fb1040a80" providerId="LiveId" clId="{8CF3AC81-7A83-4275-B106-615690C89620}" dt="2022-06-28T23:26:32.261" v="472" actId="1076"/>
          <ac:spMkLst>
            <pc:docMk/>
            <pc:sldMk cId="3500431397" sldId="1304"/>
            <ac:spMk id="3" creationId="{7A58253C-08F8-4704-8C65-C7F188AFEBEC}"/>
          </ac:spMkLst>
        </pc:spChg>
        <pc:spChg chg="mod">
          <ac:chgData name="植野 芳彦" userId="86ab4e6fb1040a80" providerId="LiveId" clId="{8CF3AC81-7A83-4275-B106-615690C89620}" dt="2022-06-28T23:26:37.220" v="473" actId="1076"/>
          <ac:spMkLst>
            <pc:docMk/>
            <pc:sldMk cId="3500431397" sldId="1304"/>
            <ac:spMk id="4" creationId="{BE87FAAA-CB02-455C-B090-AED62EB24C9E}"/>
          </ac:spMkLst>
        </pc:spChg>
        <pc:spChg chg="mod">
          <ac:chgData name="植野 芳彦" userId="86ab4e6fb1040a80" providerId="LiveId" clId="{8CF3AC81-7A83-4275-B106-615690C89620}" dt="2022-06-28T23:27:48.605" v="485" actId="1076"/>
          <ac:spMkLst>
            <pc:docMk/>
            <pc:sldMk cId="3500431397" sldId="1304"/>
            <ac:spMk id="5" creationId="{E5D7DA03-E136-4120-BBF3-ED907EB7AF15}"/>
          </ac:spMkLst>
        </pc:spChg>
        <pc:spChg chg="mod">
          <ac:chgData name="植野 芳彦" userId="86ab4e6fb1040a80" providerId="LiveId" clId="{8CF3AC81-7A83-4275-B106-615690C89620}" dt="2022-06-28T23:27:31.148" v="481" actId="14100"/>
          <ac:spMkLst>
            <pc:docMk/>
            <pc:sldMk cId="3500431397" sldId="1304"/>
            <ac:spMk id="6" creationId="{52D83903-842F-4DFF-AE6A-3BCAD998D63A}"/>
          </ac:spMkLst>
        </pc:spChg>
        <pc:spChg chg="mod">
          <ac:chgData name="植野 芳彦" userId="86ab4e6fb1040a80" providerId="LiveId" clId="{8CF3AC81-7A83-4275-B106-615690C89620}" dt="2022-06-29T06:04:11.571" v="791" actId="20577"/>
          <ac:spMkLst>
            <pc:docMk/>
            <pc:sldMk cId="3500431397" sldId="1304"/>
            <ac:spMk id="7" creationId="{4D0D4CAA-F1E2-4F24-8780-C69E621ABF4A}"/>
          </ac:spMkLst>
        </pc:spChg>
        <pc:spChg chg="mod">
          <ac:chgData name="植野 芳彦" userId="86ab4e6fb1040a80" providerId="LiveId" clId="{8CF3AC81-7A83-4275-B106-615690C89620}" dt="2022-06-28T23:26:25.341" v="471" actId="1076"/>
          <ac:spMkLst>
            <pc:docMk/>
            <pc:sldMk cId="3500431397" sldId="1304"/>
            <ac:spMk id="11" creationId="{32FF8CE3-C7B8-43CC-9D2B-23FA0FC86A4B}"/>
          </ac:spMkLst>
        </pc:spChg>
        <pc:spChg chg="mod">
          <ac:chgData name="植野 芳彦" userId="86ab4e6fb1040a80" providerId="LiveId" clId="{8CF3AC81-7A83-4275-B106-615690C89620}" dt="2022-06-28T23:27:41.884" v="484" actId="1076"/>
          <ac:spMkLst>
            <pc:docMk/>
            <pc:sldMk cId="3500431397" sldId="1304"/>
            <ac:spMk id="13" creationId="{A9B91C2E-9D55-461B-BA65-26FDF74C26DA}"/>
          </ac:spMkLst>
        </pc:spChg>
        <pc:spChg chg="mod">
          <ac:chgData name="植野 芳彦" userId="86ab4e6fb1040a80" providerId="LiveId" clId="{8CF3AC81-7A83-4275-B106-615690C89620}" dt="2022-06-28T23:27:33.292" v="482" actId="1076"/>
          <ac:spMkLst>
            <pc:docMk/>
            <pc:sldMk cId="3500431397" sldId="1304"/>
            <ac:spMk id="14" creationId="{EC05719D-53BA-4535-8646-C86FB125ABE7}"/>
          </ac:spMkLst>
        </pc:spChg>
        <pc:spChg chg="mod">
          <ac:chgData name="植野 芳彦" userId="86ab4e6fb1040a80" providerId="LiveId" clId="{8CF3AC81-7A83-4275-B106-615690C89620}" dt="2022-06-28T23:27:36.396" v="483" actId="1076"/>
          <ac:spMkLst>
            <pc:docMk/>
            <pc:sldMk cId="3500431397" sldId="1304"/>
            <ac:spMk id="15" creationId="{6BC18CA8-3C7C-437C-B654-388F059DD996}"/>
          </ac:spMkLst>
        </pc:spChg>
        <pc:spChg chg="mod">
          <ac:chgData name="植野 芳彦" userId="86ab4e6fb1040a80" providerId="LiveId" clId="{8CF3AC81-7A83-4275-B106-615690C89620}" dt="2022-06-28T23:26:55.716" v="476" actId="1076"/>
          <ac:spMkLst>
            <pc:docMk/>
            <pc:sldMk cId="3500431397" sldId="1304"/>
            <ac:spMk id="16" creationId="{4DAD3D6C-26B4-42D7-8B56-991438EAADE4}"/>
          </ac:spMkLst>
        </pc:spChg>
        <pc:spChg chg="mod">
          <ac:chgData name="植野 芳彦" userId="86ab4e6fb1040a80" providerId="LiveId" clId="{8CF3AC81-7A83-4275-B106-615690C89620}" dt="2022-06-28T23:27:01.580" v="477" actId="1076"/>
          <ac:spMkLst>
            <pc:docMk/>
            <pc:sldMk cId="3500431397" sldId="1304"/>
            <ac:spMk id="17" creationId="{604391D0-DC4C-46F7-88D2-921DF6CE17B8}"/>
          </ac:spMkLst>
        </pc:spChg>
        <pc:spChg chg="mod">
          <ac:chgData name="植野 芳彦" userId="86ab4e6fb1040a80" providerId="LiveId" clId="{8CF3AC81-7A83-4275-B106-615690C89620}" dt="2022-06-28T23:26:44.436" v="474" actId="1076"/>
          <ac:spMkLst>
            <pc:docMk/>
            <pc:sldMk cId="3500431397" sldId="1304"/>
            <ac:spMk id="18" creationId="{F9BB6E00-C0F5-4DB9-AE36-EBB73719C3C7}"/>
          </ac:spMkLst>
        </pc:spChg>
        <pc:spChg chg="mod">
          <ac:chgData name="植野 芳彦" userId="86ab4e6fb1040a80" providerId="LiveId" clId="{8CF3AC81-7A83-4275-B106-615690C89620}" dt="2022-06-28T23:28:23.252" v="487" actId="1076"/>
          <ac:spMkLst>
            <pc:docMk/>
            <pc:sldMk cId="3500431397" sldId="1304"/>
            <ac:spMk id="19" creationId="{8FF2411E-451F-4018-A9D6-4295FE976B3C}"/>
          </ac:spMkLst>
        </pc:spChg>
        <pc:spChg chg="mod">
          <ac:chgData name="植野 芳彦" userId="86ab4e6fb1040a80" providerId="LiveId" clId="{8CF3AC81-7A83-4275-B106-615690C89620}" dt="2022-06-28T23:28:29.924" v="488" actId="1076"/>
          <ac:spMkLst>
            <pc:docMk/>
            <pc:sldMk cId="3500431397" sldId="1304"/>
            <ac:spMk id="20" creationId="{BDDC56BE-F889-4309-A631-22FDE2ED32AE}"/>
          </ac:spMkLst>
        </pc:spChg>
        <pc:spChg chg="mod">
          <ac:chgData name="植野 芳彦" userId="86ab4e6fb1040a80" providerId="LiveId" clId="{8CF3AC81-7A83-4275-B106-615690C89620}" dt="2022-06-28T23:27:58.740" v="486" actId="1076"/>
          <ac:spMkLst>
            <pc:docMk/>
            <pc:sldMk cId="3500431397" sldId="1304"/>
            <ac:spMk id="21" creationId="{8E78BC0A-CC54-4315-969F-98D1DE0DC807}"/>
          </ac:spMkLst>
        </pc:spChg>
        <pc:spChg chg="mod">
          <ac:chgData name="植野 芳彦" userId="86ab4e6fb1040a80" providerId="LiveId" clId="{8CF3AC81-7A83-4275-B106-615690C89620}" dt="2022-06-28T23:27:23.908" v="479" actId="1076"/>
          <ac:spMkLst>
            <pc:docMk/>
            <pc:sldMk cId="3500431397" sldId="1304"/>
            <ac:spMk id="22" creationId="{7A41C234-88A7-4C53-AEE1-8B19ABF13CCD}"/>
          </ac:spMkLst>
        </pc:spChg>
        <pc:spChg chg="mod">
          <ac:chgData name="植野 芳彦" userId="86ab4e6fb1040a80" providerId="LiveId" clId="{8CF3AC81-7A83-4275-B106-615690C89620}" dt="2022-06-28T23:27:08.101" v="478" actId="1076"/>
          <ac:spMkLst>
            <pc:docMk/>
            <pc:sldMk cId="3500431397" sldId="1304"/>
            <ac:spMk id="23" creationId="{ABD75080-B3C1-4D61-9619-B092D41F7DC9}"/>
          </ac:spMkLst>
        </pc:spChg>
      </pc:sldChg>
      <pc:sldChg chg="modSp del">
        <pc:chgData name="植野 芳彦" userId="86ab4e6fb1040a80" providerId="LiveId" clId="{8CF3AC81-7A83-4275-B106-615690C89620}" dt="2022-06-29T00:18:52.871" v="554" actId="2696"/>
        <pc:sldMkLst>
          <pc:docMk/>
          <pc:sldMk cId="0" sldId="1310"/>
        </pc:sldMkLst>
        <pc:spChg chg="mod">
          <ac:chgData name="植野 芳彦" userId="86ab4e6fb1040a80" providerId="LiveId" clId="{8CF3AC81-7A83-4275-B106-615690C89620}" dt="2022-06-28T23:35:33.843" v="531" actId="1076"/>
          <ac:spMkLst>
            <pc:docMk/>
            <pc:sldMk cId="0" sldId="1310"/>
            <ac:spMk id="51204" creationId="{D0790F4F-5775-2C5E-AE7B-CB40AA6DCC0B}"/>
          </ac:spMkLst>
        </pc:spChg>
        <pc:spChg chg="mod">
          <ac:chgData name="植野 芳彦" userId="86ab4e6fb1040a80" providerId="LiveId" clId="{8CF3AC81-7A83-4275-B106-615690C89620}" dt="2022-06-28T23:35:38.811" v="532" actId="1076"/>
          <ac:spMkLst>
            <pc:docMk/>
            <pc:sldMk cId="0" sldId="1310"/>
            <ac:spMk id="51212" creationId="{7A8664A7-335D-756E-870A-A06450F44C3D}"/>
          </ac:spMkLst>
        </pc:spChg>
        <pc:spChg chg="mod">
          <ac:chgData name="植野 芳彦" userId="86ab4e6fb1040a80" providerId="LiveId" clId="{8CF3AC81-7A83-4275-B106-615690C89620}" dt="2022-06-28T23:35:59.858" v="534" actId="14100"/>
          <ac:spMkLst>
            <pc:docMk/>
            <pc:sldMk cId="0" sldId="1310"/>
            <ac:spMk id="51223" creationId="{B2586578-7018-7F3B-BBF3-0DF31662532E}"/>
          </ac:spMkLst>
        </pc:spChg>
      </pc:sldChg>
      <pc:sldChg chg="del">
        <pc:chgData name="植野 芳彦" userId="86ab4e6fb1040a80" providerId="LiveId" clId="{8CF3AC81-7A83-4275-B106-615690C89620}" dt="2022-06-23T22:16:52.805" v="125" actId="2696"/>
        <pc:sldMkLst>
          <pc:docMk/>
          <pc:sldMk cId="4229814017" sldId="1674"/>
        </pc:sldMkLst>
      </pc:sldChg>
      <pc:sldChg chg="modSp del mod">
        <pc:chgData name="植野 芳彦" userId="86ab4e6fb1040a80" providerId="LiveId" clId="{8CF3AC81-7A83-4275-B106-615690C89620}" dt="2022-06-30T20:24:38.031" v="2006" actId="2696"/>
        <pc:sldMkLst>
          <pc:docMk/>
          <pc:sldMk cId="376481270" sldId="1675"/>
        </pc:sldMkLst>
        <pc:spChg chg="mod">
          <ac:chgData name="植野 芳彦" userId="86ab4e6fb1040a80" providerId="LiveId" clId="{8CF3AC81-7A83-4275-B106-615690C89620}" dt="2022-06-30T20:20:02.400" v="1841" actId="6549"/>
          <ac:spMkLst>
            <pc:docMk/>
            <pc:sldMk cId="376481270" sldId="1675"/>
            <ac:spMk id="9" creationId="{00000000-0000-0000-0000-000000000000}"/>
          </ac:spMkLst>
        </pc:spChg>
      </pc:sldChg>
      <pc:sldChg chg="add">
        <pc:chgData name="植野 芳彦" userId="86ab4e6fb1040a80" providerId="LiveId" clId="{8CF3AC81-7A83-4275-B106-615690C89620}" dt="2022-06-30T20:24:51.036" v="2007"/>
        <pc:sldMkLst>
          <pc:docMk/>
          <pc:sldMk cId="1845196303" sldId="1675"/>
        </pc:sldMkLst>
      </pc:sldChg>
      <pc:sldChg chg="modSp mod">
        <pc:chgData name="植野 芳彦" userId="86ab4e6fb1040a80" providerId="LiveId" clId="{8CF3AC81-7A83-4275-B106-615690C89620}" dt="2022-06-28T02:15:04.618" v="395" actId="20577"/>
        <pc:sldMkLst>
          <pc:docMk/>
          <pc:sldMk cId="237274462" sldId="1677"/>
        </pc:sldMkLst>
        <pc:spChg chg="mod">
          <ac:chgData name="植野 芳彦" userId="86ab4e6fb1040a80" providerId="LiveId" clId="{8CF3AC81-7A83-4275-B106-615690C89620}" dt="2022-06-28T02:15:04.618" v="395" actId="20577"/>
          <ac:spMkLst>
            <pc:docMk/>
            <pc:sldMk cId="237274462" sldId="1677"/>
            <ac:spMk id="3" creationId="{00000000-0000-0000-0000-000000000000}"/>
          </ac:spMkLst>
        </pc:spChg>
      </pc:sldChg>
      <pc:sldChg chg="addSp modSp mod">
        <pc:chgData name="植野 芳彦" userId="86ab4e6fb1040a80" providerId="LiveId" clId="{8CF3AC81-7A83-4275-B106-615690C89620}" dt="2022-06-30T19:56:03.761" v="1327" actId="1076"/>
        <pc:sldMkLst>
          <pc:docMk/>
          <pc:sldMk cId="4185439006" sldId="1679"/>
        </pc:sldMkLst>
        <pc:spChg chg="add mod">
          <ac:chgData name="植野 芳彦" userId="86ab4e6fb1040a80" providerId="LiveId" clId="{8CF3AC81-7A83-4275-B106-615690C89620}" dt="2022-06-30T19:55:32.464" v="1288" actId="1076"/>
          <ac:spMkLst>
            <pc:docMk/>
            <pc:sldMk cId="4185439006" sldId="1679"/>
            <ac:spMk id="2" creationId="{B9C1C1A2-B179-1AFB-FFF9-15F40CEB568C}"/>
          </ac:spMkLst>
        </pc:spChg>
        <pc:spChg chg="add mod">
          <ac:chgData name="植野 芳彦" userId="86ab4e6fb1040a80" providerId="LiveId" clId="{8CF3AC81-7A83-4275-B106-615690C89620}" dt="2022-06-30T19:56:03.761" v="1327" actId="1076"/>
          <ac:spMkLst>
            <pc:docMk/>
            <pc:sldMk cId="4185439006" sldId="1679"/>
            <ac:spMk id="5" creationId="{396F2CAC-E9AA-D2A1-6D4B-CF6E3FC2B104}"/>
          </ac:spMkLst>
        </pc:spChg>
      </pc:sldChg>
      <pc:sldChg chg="modSp del mod">
        <pc:chgData name="植野 芳彦" userId="86ab4e6fb1040a80" providerId="LiveId" clId="{8CF3AC81-7A83-4275-B106-615690C89620}" dt="2022-06-29T00:35:52.901" v="706" actId="2696"/>
        <pc:sldMkLst>
          <pc:docMk/>
          <pc:sldMk cId="1429174837" sldId="1684"/>
        </pc:sldMkLst>
        <pc:spChg chg="mod">
          <ac:chgData name="植野 芳彦" userId="86ab4e6fb1040a80" providerId="LiveId" clId="{8CF3AC81-7A83-4275-B106-615690C89620}" dt="2022-06-28T23:31:29.131" v="489" actId="255"/>
          <ac:spMkLst>
            <pc:docMk/>
            <pc:sldMk cId="1429174837" sldId="1684"/>
            <ac:spMk id="2" creationId="{00000000-0000-0000-0000-000000000000}"/>
          </ac:spMkLst>
        </pc:spChg>
        <pc:spChg chg="mod">
          <ac:chgData name="植野 芳彦" userId="86ab4e6fb1040a80" providerId="LiveId" clId="{8CF3AC81-7A83-4275-B106-615690C89620}" dt="2022-06-28T23:31:36.364" v="490" actId="1076"/>
          <ac:spMkLst>
            <pc:docMk/>
            <pc:sldMk cId="1429174837" sldId="1684"/>
            <ac:spMk id="4" creationId="{00000000-0000-0000-0000-000000000000}"/>
          </ac:spMkLst>
        </pc:spChg>
      </pc:sldChg>
      <pc:sldChg chg="modSp add del mod">
        <pc:chgData name="植野 芳彦" userId="86ab4e6fb1040a80" providerId="LiveId" clId="{8CF3AC81-7A83-4275-B106-615690C89620}" dt="2022-06-30T20:19:18.542" v="1777" actId="2696"/>
        <pc:sldMkLst>
          <pc:docMk/>
          <pc:sldMk cId="2755494072" sldId="1684"/>
        </pc:sldMkLst>
        <pc:spChg chg="mod">
          <ac:chgData name="植野 芳彦" userId="86ab4e6fb1040a80" providerId="LiveId" clId="{8CF3AC81-7A83-4275-B106-615690C89620}" dt="2022-06-30T20:11:05.815" v="1579" actId="20577"/>
          <ac:spMkLst>
            <pc:docMk/>
            <pc:sldMk cId="2755494072" sldId="1684"/>
            <ac:spMk id="2" creationId="{00000000-0000-0000-0000-000000000000}"/>
          </ac:spMkLst>
        </pc:spChg>
        <pc:spChg chg="mod">
          <ac:chgData name="植野 芳彦" userId="86ab4e6fb1040a80" providerId="LiveId" clId="{8CF3AC81-7A83-4275-B106-615690C89620}" dt="2022-06-30T20:14:17.412" v="1755" actId="6549"/>
          <ac:spMkLst>
            <pc:docMk/>
            <pc:sldMk cId="2755494072" sldId="1684"/>
            <ac:spMk id="4" creationId="{00000000-0000-0000-0000-000000000000}"/>
          </ac:spMkLst>
        </pc:spChg>
      </pc:sldChg>
      <pc:sldChg chg="modSp mod">
        <pc:chgData name="植野 芳彦" userId="86ab4e6fb1040a80" providerId="LiveId" clId="{8CF3AC81-7A83-4275-B106-615690C89620}" dt="2022-06-30T20:15:22.384" v="1763" actId="6549"/>
        <pc:sldMkLst>
          <pc:docMk/>
          <pc:sldMk cId="3685712115" sldId="1685"/>
        </pc:sldMkLst>
        <pc:spChg chg="mod">
          <ac:chgData name="植野 芳彦" userId="86ab4e6fb1040a80" providerId="LiveId" clId="{8CF3AC81-7A83-4275-B106-615690C89620}" dt="2022-06-30T20:15:22.384" v="1763" actId="6549"/>
          <ac:spMkLst>
            <pc:docMk/>
            <pc:sldMk cId="3685712115" sldId="1685"/>
            <ac:spMk id="88070" creationId="{2E5D7F80-E348-421E-B0C9-D13435DC1C24}"/>
          </ac:spMkLst>
        </pc:spChg>
      </pc:sldChg>
      <pc:sldChg chg="add">
        <pc:chgData name="植野 芳彦" userId="86ab4e6fb1040a80" providerId="LiveId" clId="{8CF3AC81-7A83-4275-B106-615690C89620}" dt="2022-06-30T20:07:40.709" v="1550"/>
        <pc:sldMkLst>
          <pc:docMk/>
          <pc:sldMk cId="1885170018" sldId="1686"/>
        </pc:sldMkLst>
        <pc:spChg chg="mod">
          <ac:chgData name="植野 芳彦" userId="86ab4e6fb1040a80" providerId="LiveId" clId="{8CF3AC81-7A83-4275-B106-615690C89620}" dt="2022-06-28T23:36:33.947" v="536" actId="1076"/>
          <ac:spMkLst>
            <pc:docMk/>
            <pc:sldMk cId="1885170018" sldId="1686"/>
            <ac:spMk id="49154" creationId="{85A91945-04CE-9F26-1D78-D1F75CD21BB1}"/>
          </ac:spMkLst>
        </pc:spChg>
      </pc:sldChg>
      <pc:sldChg chg="modSp del mod">
        <pc:chgData name="植野 芳彦" userId="86ab4e6fb1040a80" providerId="LiveId" clId="{8CF3AC81-7A83-4275-B106-615690C89620}" dt="2022-06-30T20:07:50.133" v="1551" actId="2696"/>
        <pc:sldMkLst>
          <pc:docMk/>
          <pc:sldMk cId="1400397055" sldId="1687"/>
        </pc:sldMkLst>
        <pc:spChg chg="mod">
          <ac:chgData name="植野 芳彦" userId="86ab4e6fb1040a80" providerId="LiveId" clId="{8CF3AC81-7A83-4275-B106-615690C89620}" dt="2022-06-28T23:37:24.947" v="544" actId="14100"/>
          <ac:spMkLst>
            <pc:docMk/>
            <pc:sldMk cId="1400397055" sldId="1687"/>
            <ac:spMk id="3" creationId="{47BFABB0-8F30-EF79-DD7D-2DE66A163158}"/>
          </ac:spMkLst>
        </pc:spChg>
        <pc:spChg chg="mod">
          <ac:chgData name="植野 芳彦" userId="86ab4e6fb1040a80" providerId="LiveId" clId="{8CF3AC81-7A83-4275-B106-615690C89620}" dt="2022-06-28T23:36:25.170" v="535" actId="1076"/>
          <ac:spMkLst>
            <pc:docMk/>
            <pc:sldMk cId="1400397055" sldId="1687"/>
            <ac:spMk id="50182" creationId="{84104963-61EA-0598-6A59-0E9E62830177}"/>
          </ac:spMkLst>
        </pc:spChg>
        <pc:spChg chg="mod">
          <ac:chgData name="植野 芳彦" userId="86ab4e6fb1040a80" providerId="LiveId" clId="{8CF3AC81-7A83-4275-B106-615690C89620}" dt="2022-06-28T23:37:12.629" v="543" actId="1076"/>
          <ac:spMkLst>
            <pc:docMk/>
            <pc:sldMk cId="1400397055" sldId="1687"/>
            <ac:spMk id="50199" creationId="{3AF4EF3E-E446-ABD8-4DA8-3443E909B3F8}"/>
          </ac:spMkLst>
        </pc:spChg>
      </pc:sldChg>
      <pc:sldChg chg="add">
        <pc:chgData name="植野 芳彦" userId="86ab4e6fb1040a80" providerId="LiveId" clId="{8CF3AC81-7A83-4275-B106-615690C89620}" dt="2022-06-29T05:53:14.430" v="721"/>
        <pc:sldMkLst>
          <pc:docMk/>
          <pc:sldMk cId="2520211533" sldId="1688"/>
        </pc:sldMkLst>
      </pc:sldChg>
      <pc:sldChg chg="modSp del mod">
        <pc:chgData name="植野 芳彦" userId="86ab4e6fb1040a80" providerId="LiveId" clId="{8CF3AC81-7A83-4275-B106-615690C89620}" dt="2022-06-30T20:16:57.988" v="1768" actId="2696"/>
        <pc:sldMkLst>
          <pc:docMk/>
          <pc:sldMk cId="3840652408" sldId="1708"/>
        </pc:sldMkLst>
        <pc:spChg chg="mod">
          <ac:chgData name="植野 芳彦" userId="86ab4e6fb1040a80" providerId="LiveId" clId="{8CF3AC81-7A83-4275-B106-615690C89620}" dt="2022-06-29T00:34:22.164" v="697" actId="1076"/>
          <ac:spMkLst>
            <pc:docMk/>
            <pc:sldMk cId="3840652408" sldId="1708"/>
            <ac:spMk id="2" creationId="{DCD994C3-77C8-82B2-DAAB-C3D15D8BE416}"/>
          </ac:spMkLst>
        </pc:spChg>
        <pc:spChg chg="mod">
          <ac:chgData name="植野 芳彦" userId="86ab4e6fb1040a80" providerId="LiveId" clId="{8CF3AC81-7A83-4275-B106-615690C89620}" dt="2022-06-29T00:34:40.292" v="703" actId="1076"/>
          <ac:spMkLst>
            <pc:docMk/>
            <pc:sldMk cId="3840652408" sldId="1708"/>
            <ac:spMk id="5" creationId="{BD2A0A33-7E67-66A3-C28F-DC64C724F072}"/>
          </ac:spMkLst>
        </pc:spChg>
        <pc:spChg chg="mod">
          <ac:chgData name="植野 芳彦" userId="86ab4e6fb1040a80" providerId="LiveId" clId="{8CF3AC81-7A83-4275-B106-615690C89620}" dt="2022-06-29T00:34:37.556" v="702" actId="1076"/>
          <ac:spMkLst>
            <pc:docMk/>
            <pc:sldMk cId="3840652408" sldId="1708"/>
            <ac:spMk id="6" creationId="{265BA571-A858-112C-B514-D1B6DC277AD6}"/>
          </ac:spMkLst>
        </pc:spChg>
        <pc:picChg chg="mod">
          <ac:chgData name="植野 芳彦" userId="86ab4e6fb1040a80" providerId="LiveId" clId="{8CF3AC81-7A83-4275-B106-615690C89620}" dt="2022-06-29T00:34:27.340" v="699" actId="14100"/>
          <ac:picMkLst>
            <pc:docMk/>
            <pc:sldMk cId="3840652408" sldId="1708"/>
            <ac:picMk id="3" creationId="{4E76735D-DC8A-D366-7808-9A30CF526FED}"/>
          </ac:picMkLst>
        </pc:picChg>
        <pc:picChg chg="mod">
          <ac:chgData name="植野 芳彦" userId="86ab4e6fb1040a80" providerId="LiveId" clId="{8CF3AC81-7A83-4275-B106-615690C89620}" dt="2022-06-29T00:34:33.694" v="701" actId="1076"/>
          <ac:picMkLst>
            <pc:docMk/>
            <pc:sldMk cId="3840652408" sldId="1708"/>
            <ac:picMk id="4" creationId="{302CE88E-18BD-E0D6-235B-3D38208211A0}"/>
          </ac:picMkLst>
        </pc:picChg>
      </pc:sldChg>
      <pc:sldChg chg="modSp del">
        <pc:chgData name="植野 芳彦" userId="86ab4e6fb1040a80" providerId="LiveId" clId="{8CF3AC81-7A83-4275-B106-615690C89620}" dt="2022-06-30T20:04:59.784" v="1537" actId="2696"/>
        <pc:sldMkLst>
          <pc:docMk/>
          <pc:sldMk cId="0" sldId="1709"/>
        </pc:sldMkLst>
        <pc:spChg chg="mod">
          <ac:chgData name="植野 芳彦" userId="86ab4e6fb1040a80" providerId="LiveId" clId="{8CF3AC81-7A83-4275-B106-615690C89620}" dt="2022-06-29T06:04:32.276" v="792" actId="1076"/>
          <ac:spMkLst>
            <pc:docMk/>
            <pc:sldMk cId="0" sldId="1709"/>
            <ac:spMk id="88070" creationId="{2E5D7F80-E348-421E-B0C9-D13435DC1C24}"/>
          </ac:spMkLst>
        </pc:spChg>
      </pc:sldChg>
      <pc:sldChg chg="add del">
        <pc:chgData name="植野 芳彦" userId="86ab4e6fb1040a80" providerId="LiveId" clId="{8CF3AC81-7A83-4275-B106-615690C89620}" dt="2022-06-30T20:05:33.762" v="1540" actId="2696"/>
        <pc:sldMkLst>
          <pc:docMk/>
          <pc:sldMk cId="2511899334" sldId="1709"/>
        </pc:sldMkLst>
      </pc:sldChg>
      <pc:sldChg chg="add del">
        <pc:chgData name="植野 芳彦" userId="86ab4e6fb1040a80" providerId="LiveId" clId="{8CF3AC81-7A83-4275-B106-615690C89620}" dt="2022-06-30T20:06:19.538" v="1545" actId="2696"/>
        <pc:sldMkLst>
          <pc:docMk/>
          <pc:sldMk cId="0" sldId="1710"/>
        </pc:sldMkLst>
      </pc:sldChg>
      <pc:sldChg chg="add del">
        <pc:chgData name="植野 芳彦" userId="86ab4e6fb1040a80" providerId="LiveId" clId="{8CF3AC81-7A83-4275-B106-615690C89620}" dt="2022-06-30T20:07:00.310" v="1548" actId="2696"/>
        <pc:sldMkLst>
          <pc:docMk/>
          <pc:sldMk cId="2031545810" sldId="1710"/>
        </pc:sldMkLst>
      </pc:sldChg>
      <pc:sldChg chg="add del">
        <pc:chgData name="植野 芳彦" userId="86ab4e6fb1040a80" providerId="LiveId" clId="{8CF3AC81-7A83-4275-B106-615690C89620}" dt="2022-06-30T20:17:51.426" v="1773" actId="2696"/>
        <pc:sldMkLst>
          <pc:docMk/>
          <pc:sldMk cId="567418262" sldId="1711"/>
        </pc:sldMkLst>
      </pc:sldChg>
      <pc:sldChg chg="addSp delSp modSp add del mod">
        <pc:chgData name="植野 芳彦" userId="86ab4e6fb1040a80" providerId="LiveId" clId="{8CF3AC81-7A83-4275-B106-615690C89620}" dt="2022-06-30T20:17:27.739" v="1771" actId="2696"/>
        <pc:sldMkLst>
          <pc:docMk/>
          <pc:sldMk cId="595025118" sldId="1711"/>
        </pc:sldMkLst>
        <pc:spChg chg="mod">
          <ac:chgData name="植野 芳彦" userId="86ab4e6fb1040a80" providerId="LiveId" clId="{8CF3AC81-7A83-4275-B106-615690C89620}" dt="2022-06-22T20:36:58.085" v="75" actId="255"/>
          <ac:spMkLst>
            <pc:docMk/>
            <pc:sldMk cId="595025118" sldId="1711"/>
            <ac:spMk id="2" creationId="{00000000-0000-0000-0000-000000000000}"/>
          </ac:spMkLst>
        </pc:spChg>
        <pc:spChg chg="del mod">
          <ac:chgData name="植野 芳彦" userId="86ab4e6fb1040a80" providerId="LiveId" clId="{8CF3AC81-7A83-4275-B106-615690C89620}" dt="2022-06-22T20:08:56.120" v="15" actId="21"/>
          <ac:spMkLst>
            <pc:docMk/>
            <pc:sldMk cId="595025118" sldId="1711"/>
            <ac:spMk id="4" creationId="{00000000-0000-0000-0000-000000000000}"/>
          </ac:spMkLst>
        </pc:spChg>
        <pc:picChg chg="add del">
          <ac:chgData name="植野 芳彦" userId="86ab4e6fb1040a80" providerId="LiveId" clId="{8CF3AC81-7A83-4275-B106-615690C89620}" dt="2022-06-22T20:07:41.894" v="6" actId="21"/>
          <ac:picMkLst>
            <pc:docMk/>
            <pc:sldMk cId="595025118" sldId="1711"/>
            <ac:picMk id="3" creationId="{CDF152AD-B906-ECFF-3228-CCEC2F6140BE}"/>
          </ac:picMkLst>
        </pc:picChg>
        <pc:picChg chg="add mod">
          <ac:chgData name="植野 芳彦" userId="86ab4e6fb1040a80" providerId="LiveId" clId="{8CF3AC81-7A83-4275-B106-615690C89620}" dt="2022-06-22T20:36:40.146" v="72" actId="1076"/>
          <ac:picMkLst>
            <pc:docMk/>
            <pc:sldMk cId="595025118" sldId="1711"/>
            <ac:picMk id="5" creationId="{DE9D6DCA-0D6D-981C-E293-BD89EF97BDDB}"/>
          </ac:picMkLst>
        </pc:picChg>
        <pc:picChg chg="add mod">
          <ac:chgData name="植野 芳彦" userId="86ab4e6fb1040a80" providerId="LiveId" clId="{8CF3AC81-7A83-4275-B106-615690C89620}" dt="2022-06-22T20:36:44.068" v="73" actId="1076"/>
          <ac:picMkLst>
            <pc:docMk/>
            <pc:sldMk cId="595025118" sldId="1711"/>
            <ac:picMk id="6" creationId="{DB8AD7BC-E147-6C26-AD0A-0C307EEA8068}"/>
          </ac:picMkLst>
        </pc:picChg>
        <pc:picChg chg="add mod">
          <ac:chgData name="植野 芳彦" userId="86ab4e6fb1040a80" providerId="LiveId" clId="{8CF3AC81-7A83-4275-B106-615690C89620}" dt="2022-06-22T20:36:33.436" v="70" actId="1076"/>
          <ac:picMkLst>
            <pc:docMk/>
            <pc:sldMk cId="595025118" sldId="1711"/>
            <ac:picMk id="7" creationId="{EE6E90E0-5CEA-8EFA-DFE3-20656016C984}"/>
          </ac:picMkLst>
        </pc:picChg>
        <pc:picChg chg="add mod">
          <ac:chgData name="植野 芳彦" userId="86ab4e6fb1040a80" providerId="LiveId" clId="{8CF3AC81-7A83-4275-B106-615690C89620}" dt="2022-06-22T20:36:35.419" v="71" actId="1076"/>
          <ac:picMkLst>
            <pc:docMk/>
            <pc:sldMk cId="595025118" sldId="1711"/>
            <ac:picMk id="8" creationId="{E4403871-D065-7BAF-5EF6-530F478648AB}"/>
          </ac:picMkLst>
        </pc:picChg>
      </pc:sldChg>
      <pc:sldChg chg="add">
        <pc:chgData name="植野 芳彦" userId="86ab4e6fb1040a80" providerId="LiveId" clId="{8CF3AC81-7A83-4275-B106-615690C89620}" dt="2022-06-30T20:18:06.836" v="1774"/>
        <pc:sldMkLst>
          <pc:docMk/>
          <pc:sldMk cId="2644541129" sldId="1711"/>
        </pc:sldMkLst>
      </pc:sldChg>
      <pc:sldChg chg="new del">
        <pc:chgData name="植野 芳彦" userId="86ab4e6fb1040a80" providerId="LiveId" clId="{8CF3AC81-7A83-4275-B106-615690C89620}" dt="2022-06-22T20:07:17.803" v="2" actId="2696"/>
        <pc:sldMkLst>
          <pc:docMk/>
          <pc:sldMk cId="2975351748" sldId="1711"/>
        </pc:sldMkLst>
      </pc:sldChg>
      <pc:sldChg chg="addSp modSp new del mod">
        <pc:chgData name="植野 芳彦" userId="86ab4e6fb1040a80" providerId="LiveId" clId="{8CF3AC81-7A83-4275-B106-615690C89620}" dt="2022-06-30T20:09:00.867" v="1557" actId="2696"/>
        <pc:sldMkLst>
          <pc:docMk/>
          <pc:sldMk cId="1152794425" sldId="1712"/>
        </pc:sldMkLst>
        <pc:spChg chg="add mod">
          <ac:chgData name="植野 芳彦" userId="86ab4e6fb1040a80" providerId="LiveId" clId="{8CF3AC81-7A83-4275-B106-615690C89620}" dt="2022-06-29T06:01:45.440" v="761" actId="255"/>
          <ac:spMkLst>
            <pc:docMk/>
            <pc:sldMk cId="1152794425" sldId="1712"/>
            <ac:spMk id="3" creationId="{3566C397-A68F-ADB8-D4C1-ED70FEC83295}"/>
          </ac:spMkLst>
        </pc:spChg>
        <pc:picChg chg="add">
          <ac:chgData name="植野 芳彦" userId="86ab4e6fb1040a80" providerId="LiveId" clId="{8CF3AC81-7A83-4275-B106-615690C89620}" dt="2022-06-28T23:48:07.807" v="546" actId="22"/>
          <ac:picMkLst>
            <pc:docMk/>
            <pc:sldMk cId="1152794425" sldId="1712"/>
            <ac:picMk id="4" creationId="{C167EE76-CBF8-05E9-921A-A9550EB42233}"/>
          </ac:picMkLst>
        </pc:picChg>
      </pc:sldChg>
      <pc:sldChg chg="add">
        <pc:chgData name="植野 芳彦" userId="86ab4e6fb1040a80" providerId="LiveId" clId="{8CF3AC81-7A83-4275-B106-615690C89620}" dt="2022-06-30T20:09:10.943" v="1558"/>
        <pc:sldMkLst>
          <pc:docMk/>
          <pc:sldMk cId="1406876594" sldId="1712"/>
        </pc:sldMkLst>
      </pc:sldChg>
      <pc:sldChg chg="addSp modSp new del mod">
        <pc:chgData name="植野 芳彦" userId="86ab4e6fb1040a80" providerId="LiveId" clId="{8CF3AC81-7A83-4275-B106-615690C89620}" dt="2022-06-30T20:08:30.721" v="1554" actId="2696"/>
        <pc:sldMkLst>
          <pc:docMk/>
          <pc:sldMk cId="1238909345" sldId="1713"/>
        </pc:sldMkLst>
        <pc:spChg chg="add mod">
          <ac:chgData name="植野 芳彦" userId="86ab4e6fb1040a80" providerId="LiveId" clId="{8CF3AC81-7A83-4275-B106-615690C89620}" dt="2022-06-29T00:18:30.726" v="552" actId="1076"/>
          <ac:spMkLst>
            <pc:docMk/>
            <pc:sldMk cId="1238909345" sldId="1713"/>
            <ac:spMk id="5" creationId="{CEF850CD-3A5D-7DF6-31B3-8E114EF350EC}"/>
          </ac:spMkLst>
        </pc:spChg>
        <pc:picChg chg="add mod">
          <ac:chgData name="植野 芳彦" userId="86ab4e6fb1040a80" providerId="LiveId" clId="{8CF3AC81-7A83-4275-B106-615690C89620}" dt="2022-06-29T00:18:31.505" v="553" actId="1076"/>
          <ac:picMkLst>
            <pc:docMk/>
            <pc:sldMk cId="1238909345" sldId="1713"/>
            <ac:picMk id="4" creationId="{3B2EFCDD-353D-4B4D-881A-F7D7F25124A5}"/>
          </ac:picMkLst>
        </pc:picChg>
      </pc:sldChg>
      <pc:sldChg chg="addSp delSp modSp new del mod setBg setClrOvrMap">
        <pc:chgData name="植野 芳彦" userId="86ab4e6fb1040a80" providerId="LiveId" clId="{8CF3AC81-7A83-4275-B106-615690C89620}" dt="2022-06-29T06:16:14.827" v="918" actId="2696"/>
        <pc:sldMkLst>
          <pc:docMk/>
          <pc:sldMk cId="1155111430" sldId="1714"/>
        </pc:sldMkLst>
        <pc:spChg chg="del mod">
          <ac:chgData name="植野 芳彦" userId="86ab4e6fb1040a80" providerId="LiveId" clId="{8CF3AC81-7A83-4275-B106-615690C89620}" dt="2022-06-29T06:16:09.631" v="917" actId="21"/>
          <ac:spMkLst>
            <pc:docMk/>
            <pc:sldMk cId="1155111430" sldId="1714"/>
            <ac:spMk id="2" creationId="{47FBCAAF-BBA5-8BFE-769F-DD7A03EB7239}"/>
          </ac:spMkLst>
        </pc:spChg>
        <pc:spChg chg="mod">
          <ac:chgData name="植野 芳彦" userId="86ab4e6fb1040a80" providerId="LiveId" clId="{8CF3AC81-7A83-4275-B106-615690C89620}" dt="2022-06-29T06:11:59.443" v="914" actId="255"/>
          <ac:spMkLst>
            <pc:docMk/>
            <pc:sldMk cId="1155111430" sldId="1714"/>
            <ac:spMk id="3" creationId="{CA3869CF-A434-BFBA-A31A-C97F8838D63D}"/>
          </ac:spMkLst>
        </pc:spChg>
        <pc:spChg chg="mod">
          <ac:chgData name="植野 芳彦" userId="86ab4e6fb1040a80" providerId="LiveId" clId="{8CF3AC81-7A83-4275-B106-615690C89620}" dt="2022-06-29T06:11:46.494" v="913" actId="26606"/>
          <ac:spMkLst>
            <pc:docMk/>
            <pc:sldMk cId="1155111430" sldId="1714"/>
            <ac:spMk id="4" creationId="{25CEDE2D-635D-94F6-4CD9-CF27DA2A0843}"/>
          </ac:spMkLst>
        </pc:spChg>
        <pc:spChg chg="add mod">
          <ac:chgData name="植野 芳彦" userId="86ab4e6fb1040a80" providerId="LiveId" clId="{8CF3AC81-7A83-4275-B106-615690C89620}" dt="2022-06-29T06:16:09.631" v="917" actId="21"/>
          <ac:spMkLst>
            <pc:docMk/>
            <pc:sldMk cId="1155111430" sldId="1714"/>
            <ac:spMk id="8" creationId="{53F65DEF-6019-2A27-3200-57ADF57906AC}"/>
          </ac:spMkLst>
        </pc:spChg>
        <pc:spChg chg="add">
          <ac:chgData name="植野 芳彦" userId="86ab4e6fb1040a80" providerId="LiveId" clId="{8CF3AC81-7A83-4275-B106-615690C89620}" dt="2022-06-29T06:11:46.494" v="913" actId="26606"/>
          <ac:spMkLst>
            <pc:docMk/>
            <pc:sldMk cId="1155111430" sldId="1714"/>
            <ac:spMk id="11" creationId="{71B2258F-86CA-4D4D-8270-BC05FCDEBFB3}"/>
          </ac:spMkLst>
        </pc:spChg>
        <pc:picChg chg="add del mod ord">
          <ac:chgData name="植野 芳彦" userId="86ab4e6fb1040a80" providerId="LiveId" clId="{8CF3AC81-7A83-4275-B106-615690C89620}" dt="2022-06-29T06:12:18.379" v="915" actId="21"/>
          <ac:picMkLst>
            <pc:docMk/>
            <pc:sldMk cId="1155111430" sldId="1714"/>
            <ac:picMk id="6" creationId="{959D8EC3-E58E-3D46-6727-259264E3117A}"/>
          </ac:picMkLst>
        </pc:picChg>
      </pc:sldChg>
      <pc:sldChg chg="add del">
        <pc:chgData name="植野 芳彦" userId="86ab4e6fb1040a80" providerId="LiveId" clId="{8CF3AC81-7A83-4275-B106-615690C89620}" dt="2022-06-29T05:59:26.729" v="723" actId="2696"/>
        <pc:sldMkLst>
          <pc:docMk/>
          <pc:sldMk cId="2526365978" sldId="1714"/>
        </pc:sldMkLst>
      </pc:sldChg>
      <pc:sldChg chg="add">
        <pc:chgData name="植野 芳彦" userId="86ab4e6fb1040a80" providerId="LiveId" clId="{8CF3AC81-7A83-4275-B106-615690C89620}" dt="2022-06-29T06:23:05.783" v="930"/>
        <pc:sldMkLst>
          <pc:docMk/>
          <pc:sldMk cId="3682219451" sldId="1715"/>
        </pc:sldMkLst>
      </pc:sldChg>
      <pc:sldChg chg="add">
        <pc:chgData name="植野 芳彦" userId="86ab4e6fb1040a80" providerId="LiveId" clId="{8CF3AC81-7A83-4275-B106-615690C89620}" dt="2022-06-30T20:05:23.205" v="1539"/>
        <pc:sldMkLst>
          <pc:docMk/>
          <pc:sldMk cId="3354696640" sldId="1716"/>
        </pc:sldMkLst>
      </pc:sldChg>
      <pc:sldChg chg="add del">
        <pc:chgData name="植野 芳彦" userId="86ab4e6fb1040a80" providerId="LiveId" clId="{8CF3AC81-7A83-4275-B106-615690C89620}" dt="2022-06-30T20:15:50.432" v="1765" actId="2696"/>
        <pc:sldMkLst>
          <pc:docMk/>
          <pc:sldMk cId="1906628578" sldId="1717"/>
        </pc:sldMkLst>
      </pc:sldChg>
      <pc:sldChg chg="add del">
        <pc:chgData name="植野 芳彦" userId="86ab4e6fb1040a80" providerId="LiveId" clId="{8CF3AC81-7A83-4275-B106-615690C89620}" dt="2022-06-30T20:18:55.441" v="1775" actId="2696"/>
        <pc:sldMkLst>
          <pc:docMk/>
          <pc:sldMk cId="2930113094" sldId="1717"/>
        </pc:sldMkLst>
      </pc:sldChg>
      <pc:sldChg chg="add">
        <pc:chgData name="植野 芳彦" userId="86ab4e6fb1040a80" providerId="LiveId" clId="{8CF3AC81-7A83-4275-B106-615690C89620}" dt="2022-06-30T20:19:01.412" v="1776"/>
        <pc:sldMkLst>
          <pc:docMk/>
          <pc:sldMk cId="4159546609" sldId="1717"/>
        </pc:sldMkLst>
      </pc:sldChg>
      <pc:sldChg chg="add">
        <pc:chgData name="植野 芳彦" userId="86ab4e6fb1040a80" providerId="LiveId" clId="{8CF3AC81-7A83-4275-B106-615690C89620}" dt="2022-06-30T20:08:20.935" v="1553"/>
        <pc:sldMkLst>
          <pc:docMk/>
          <pc:sldMk cId="239962166" sldId="1718"/>
        </pc:sldMkLst>
      </pc:sldChg>
      <pc:sldChg chg="add">
        <pc:chgData name="植野 芳彦" userId="86ab4e6fb1040a80" providerId="LiveId" clId="{8CF3AC81-7A83-4275-B106-615690C89620}" dt="2022-06-30T20:16:47.245" v="1767"/>
        <pc:sldMkLst>
          <pc:docMk/>
          <pc:sldMk cId="2734140509" sldId="1719"/>
        </pc:sldMkLst>
      </pc:sldChg>
      <pc:sldMasterChg chg="delSldLayout">
        <pc:chgData name="植野 芳彦" userId="86ab4e6fb1040a80" providerId="LiveId" clId="{8CF3AC81-7A83-4275-B106-615690C89620}" dt="2022-06-30T20:17:27.739" v="1771" actId="2696"/>
        <pc:sldMasterMkLst>
          <pc:docMk/>
          <pc:sldMasterMk cId="1873802127" sldId="2147483685"/>
        </pc:sldMasterMkLst>
        <pc:sldLayoutChg chg="del">
          <pc:chgData name="植野 芳彦" userId="86ab4e6fb1040a80" providerId="LiveId" clId="{8CF3AC81-7A83-4275-B106-615690C89620}" dt="2022-06-30T20:17:27.739" v="1771" actId="2696"/>
          <pc:sldLayoutMkLst>
            <pc:docMk/>
            <pc:sldMasterMk cId="1873802127" sldId="2147483685"/>
            <pc:sldLayoutMk cId="1944463407" sldId="2147483897"/>
          </pc:sldLayoutMkLst>
        </pc:sldLayoutChg>
      </pc:sldMasterChg>
    </pc:docChg>
  </pc:docChgLst>
  <pc:docChgLst>
    <pc:chgData name="芳彦 植野" userId="86ab4e6fb1040a80" providerId="LiveId" clId="{90B3E43B-B3CB-4103-8F41-154F5AC9449A}"/>
    <pc:docChg chg="undo custSel addSld delSld modSld">
      <pc:chgData name="芳彦 植野" userId="86ab4e6fb1040a80" providerId="LiveId" clId="{90B3E43B-B3CB-4103-8F41-154F5AC9449A}" dt="2024-05-15T19:02:17.494" v="2163" actId="6549"/>
      <pc:docMkLst>
        <pc:docMk/>
      </pc:docMkLst>
      <pc:sldChg chg="modSp add del mod">
        <pc:chgData name="芳彦 植野" userId="86ab4e6fb1040a80" providerId="LiveId" clId="{90B3E43B-B3CB-4103-8F41-154F5AC9449A}" dt="2024-05-15T18:40:13.060" v="2002" actId="1076"/>
        <pc:sldMkLst>
          <pc:docMk/>
          <pc:sldMk cId="0" sldId="256"/>
        </pc:sldMkLst>
        <pc:spChg chg="mod">
          <ac:chgData name="芳彦 植野" userId="86ab4e6fb1040a80" providerId="LiveId" clId="{90B3E43B-B3CB-4103-8F41-154F5AC9449A}" dt="2024-05-11T06:31:05.378" v="234" actId="14100"/>
          <ac:spMkLst>
            <pc:docMk/>
            <pc:sldMk cId="0" sldId="256"/>
            <ac:spMk id="2" creationId="{00000000-0000-0000-0000-000000000000}"/>
          </ac:spMkLst>
        </pc:spChg>
        <pc:spChg chg="mod">
          <ac:chgData name="芳彦 植野" userId="86ab4e6fb1040a80" providerId="LiveId" clId="{90B3E43B-B3CB-4103-8F41-154F5AC9449A}" dt="2024-05-15T18:39:42.441" v="1998" actId="1076"/>
          <ac:spMkLst>
            <pc:docMk/>
            <pc:sldMk cId="0" sldId="256"/>
            <ac:spMk id="23" creationId="{00000000-0000-0000-0000-000000000000}"/>
          </ac:spMkLst>
        </pc:spChg>
        <pc:spChg chg="mod">
          <ac:chgData name="芳彦 植野" userId="86ab4e6fb1040a80" providerId="LiveId" clId="{90B3E43B-B3CB-4103-8F41-154F5AC9449A}" dt="2024-05-15T18:40:13.060" v="2002" actId="1076"/>
          <ac:spMkLst>
            <pc:docMk/>
            <pc:sldMk cId="0" sldId="256"/>
            <ac:spMk id="40" creationId="{00000000-0000-0000-0000-000000000000}"/>
          </ac:spMkLst>
        </pc:spChg>
        <pc:spChg chg="mod">
          <ac:chgData name="芳彦 植野" userId="86ab4e6fb1040a80" providerId="LiveId" clId="{90B3E43B-B3CB-4103-8F41-154F5AC9449A}" dt="2024-05-15T18:40:04.064" v="2001" actId="1076"/>
          <ac:spMkLst>
            <pc:docMk/>
            <pc:sldMk cId="0" sldId="256"/>
            <ac:spMk id="62" creationId="{00000000-0000-0000-0000-000000000000}"/>
          </ac:spMkLst>
        </pc:spChg>
        <pc:grpChg chg="mod">
          <ac:chgData name="芳彦 植野" userId="86ab4e6fb1040a80" providerId="LiveId" clId="{90B3E43B-B3CB-4103-8F41-154F5AC9449A}" dt="2024-05-15T18:39:52.881" v="1999" actId="1076"/>
          <ac:grpSpMkLst>
            <pc:docMk/>
            <pc:sldMk cId="0" sldId="256"/>
            <ac:grpSpMk id="19" creationId="{00000000-0000-0000-0000-000000000000}"/>
          </ac:grpSpMkLst>
        </pc:grpChg>
      </pc:sldChg>
      <pc:sldChg chg="add">
        <pc:chgData name="芳彦 植野" userId="86ab4e6fb1040a80" providerId="LiveId" clId="{90B3E43B-B3CB-4103-8F41-154F5AC9449A}" dt="2024-05-14T20:02:45.410" v="504"/>
        <pc:sldMkLst>
          <pc:docMk/>
          <pc:sldMk cId="0" sldId="257"/>
        </pc:sldMkLst>
      </pc:sldChg>
      <pc:sldChg chg="modSp add mod">
        <pc:chgData name="芳彦 植野" userId="86ab4e6fb1040a80" providerId="LiveId" clId="{90B3E43B-B3CB-4103-8F41-154F5AC9449A}" dt="2024-05-15T18:38:32.857" v="1988" actId="14100"/>
        <pc:sldMkLst>
          <pc:docMk/>
          <pc:sldMk cId="0" sldId="258"/>
        </pc:sldMkLst>
        <pc:graphicFrameChg chg="mod modGraphic">
          <ac:chgData name="芳彦 植野" userId="86ab4e6fb1040a80" providerId="LiveId" clId="{90B3E43B-B3CB-4103-8F41-154F5AC9449A}" dt="2024-05-15T18:38:32.857" v="1988" actId="14100"/>
          <ac:graphicFrameMkLst>
            <pc:docMk/>
            <pc:sldMk cId="0" sldId="258"/>
            <ac:graphicFrameMk id="5" creationId="{00000000-0000-0000-0000-000000000000}"/>
          </ac:graphicFrameMkLst>
        </pc:graphicFrameChg>
      </pc:sldChg>
      <pc:sldChg chg="modSp add del mod">
        <pc:chgData name="芳彦 植野" userId="86ab4e6fb1040a80" providerId="LiveId" clId="{90B3E43B-B3CB-4103-8F41-154F5AC9449A}" dt="2024-05-15T18:38:15.826" v="1986" actId="14100"/>
        <pc:sldMkLst>
          <pc:docMk/>
          <pc:sldMk cId="0" sldId="259"/>
        </pc:sldMkLst>
        <pc:spChg chg="mod">
          <ac:chgData name="芳彦 植野" userId="86ab4e6fb1040a80" providerId="LiveId" clId="{90B3E43B-B3CB-4103-8F41-154F5AC9449A}" dt="2024-05-15T18:38:11.428" v="1985" actId="1076"/>
          <ac:spMkLst>
            <pc:docMk/>
            <pc:sldMk cId="0" sldId="259"/>
            <ac:spMk id="4" creationId="{00000000-0000-0000-0000-000000000000}"/>
          </ac:spMkLst>
        </pc:spChg>
        <pc:graphicFrameChg chg="mod modGraphic">
          <ac:chgData name="芳彦 植野" userId="86ab4e6fb1040a80" providerId="LiveId" clId="{90B3E43B-B3CB-4103-8F41-154F5AC9449A}" dt="2024-05-15T18:38:15.826" v="1986" actId="14100"/>
          <ac:graphicFrameMkLst>
            <pc:docMk/>
            <pc:sldMk cId="0" sldId="259"/>
            <ac:graphicFrameMk id="5" creationId="{00000000-0000-0000-0000-000000000000}"/>
          </ac:graphicFrameMkLst>
        </pc:graphicFrameChg>
        <pc:picChg chg="mod">
          <ac:chgData name="芳彦 植野" userId="86ab4e6fb1040a80" providerId="LiveId" clId="{90B3E43B-B3CB-4103-8F41-154F5AC9449A}" dt="2024-05-15T18:38:06.387" v="1984" actId="1076"/>
          <ac:picMkLst>
            <pc:docMk/>
            <pc:sldMk cId="0" sldId="259"/>
            <ac:picMk id="3" creationId="{00000000-0000-0000-0000-000000000000}"/>
          </ac:picMkLst>
        </pc:picChg>
      </pc:sldChg>
      <pc:sldChg chg="modSp add del mod">
        <pc:chgData name="芳彦 植野" userId="86ab4e6fb1040a80" providerId="LiveId" clId="{90B3E43B-B3CB-4103-8F41-154F5AC9449A}" dt="2024-05-15T18:37:44.106" v="1980" actId="14100"/>
        <pc:sldMkLst>
          <pc:docMk/>
          <pc:sldMk cId="0" sldId="260"/>
        </pc:sldMkLst>
        <pc:graphicFrameChg chg="mod modGraphic">
          <ac:chgData name="芳彦 植野" userId="86ab4e6fb1040a80" providerId="LiveId" clId="{90B3E43B-B3CB-4103-8F41-154F5AC9449A}" dt="2024-05-15T18:37:44.106" v="1980" actId="14100"/>
          <ac:graphicFrameMkLst>
            <pc:docMk/>
            <pc:sldMk cId="0" sldId="260"/>
            <ac:graphicFrameMk id="5" creationId="{00000000-0000-0000-0000-000000000000}"/>
          </ac:graphicFrameMkLst>
        </pc:graphicFrameChg>
      </pc:sldChg>
      <pc:sldChg chg="modSp add del mod">
        <pc:chgData name="芳彦 植野" userId="86ab4e6fb1040a80" providerId="LiveId" clId="{90B3E43B-B3CB-4103-8F41-154F5AC9449A}" dt="2024-05-15T18:37:34.844" v="1979" actId="14100"/>
        <pc:sldMkLst>
          <pc:docMk/>
          <pc:sldMk cId="0" sldId="261"/>
        </pc:sldMkLst>
        <pc:graphicFrameChg chg="mod modGraphic">
          <ac:chgData name="芳彦 植野" userId="86ab4e6fb1040a80" providerId="LiveId" clId="{90B3E43B-B3CB-4103-8F41-154F5AC9449A}" dt="2024-05-15T18:37:34.844" v="1979" actId="14100"/>
          <ac:graphicFrameMkLst>
            <pc:docMk/>
            <pc:sldMk cId="0" sldId="261"/>
            <ac:graphicFrameMk id="5" creationId="{00000000-0000-0000-0000-000000000000}"/>
          </ac:graphicFrameMkLst>
        </pc:graphicFrameChg>
        <pc:picChg chg="mod">
          <ac:chgData name="芳彦 植野" userId="86ab4e6fb1040a80" providerId="LiveId" clId="{90B3E43B-B3CB-4103-8F41-154F5AC9449A}" dt="2024-05-15T18:37:30.512" v="1978" actId="1076"/>
          <ac:picMkLst>
            <pc:docMk/>
            <pc:sldMk cId="0" sldId="261"/>
            <ac:picMk id="3" creationId="{00000000-0000-0000-0000-000000000000}"/>
          </ac:picMkLst>
        </pc:picChg>
      </pc:sldChg>
      <pc:sldChg chg="modSp add del mod">
        <pc:chgData name="芳彦 植野" userId="86ab4e6fb1040a80" providerId="LiveId" clId="{90B3E43B-B3CB-4103-8F41-154F5AC9449A}" dt="2024-05-14T23:15:11.671" v="604" actId="2696"/>
        <pc:sldMkLst>
          <pc:docMk/>
          <pc:sldMk cId="0" sldId="262"/>
        </pc:sldMkLst>
        <pc:graphicFrameChg chg="mod modGraphic">
          <ac:chgData name="芳彦 植野" userId="86ab4e6fb1040a80" providerId="LiveId" clId="{90B3E43B-B3CB-4103-8F41-154F5AC9449A}" dt="2024-05-14T22:26:40.815" v="569" actId="14100"/>
          <ac:graphicFrameMkLst>
            <pc:docMk/>
            <pc:sldMk cId="0" sldId="262"/>
            <ac:graphicFrameMk id="5" creationId="{00000000-0000-0000-0000-000000000000}"/>
          </ac:graphicFrameMkLst>
        </pc:graphicFrameChg>
      </pc:sldChg>
      <pc:sldChg chg="modSp add del mod">
        <pc:chgData name="芳彦 植野" userId="86ab4e6fb1040a80" providerId="LiveId" clId="{90B3E43B-B3CB-4103-8F41-154F5AC9449A}" dt="2024-05-13T01:29:35.198" v="449" actId="2696"/>
        <pc:sldMkLst>
          <pc:docMk/>
          <pc:sldMk cId="0" sldId="286"/>
        </pc:sldMkLst>
        <pc:spChg chg="mod">
          <ac:chgData name="芳彦 植野" userId="86ab4e6fb1040a80" providerId="LiveId" clId="{90B3E43B-B3CB-4103-8F41-154F5AC9449A}" dt="2024-05-13T01:29:08.481" v="447" actId="1076"/>
          <ac:spMkLst>
            <pc:docMk/>
            <pc:sldMk cId="0" sldId="286"/>
            <ac:spMk id="6" creationId="{00000000-0000-0000-0000-000000000000}"/>
          </ac:spMkLst>
        </pc:spChg>
        <pc:spChg chg="mod">
          <ac:chgData name="芳彦 植野" userId="86ab4e6fb1040a80" providerId="LiveId" clId="{90B3E43B-B3CB-4103-8F41-154F5AC9449A}" dt="2024-05-11T23:13:08.053" v="420"/>
          <ac:spMkLst>
            <pc:docMk/>
            <pc:sldMk cId="0" sldId="286"/>
            <ac:spMk id="13" creationId="{00000000-0000-0000-0000-000000000000}"/>
          </ac:spMkLst>
        </pc:spChg>
      </pc:sldChg>
      <pc:sldChg chg="modSp add del mod">
        <pc:chgData name="芳彦 植野" userId="86ab4e6fb1040a80" providerId="LiveId" clId="{90B3E43B-B3CB-4103-8F41-154F5AC9449A}" dt="2024-05-13T01:30:12.964" v="453" actId="2696"/>
        <pc:sldMkLst>
          <pc:docMk/>
          <pc:sldMk cId="0" sldId="287"/>
        </pc:sldMkLst>
        <pc:spChg chg="mod">
          <ac:chgData name="芳彦 植野" userId="86ab4e6fb1040a80" providerId="LiveId" clId="{90B3E43B-B3CB-4103-8F41-154F5AC9449A}" dt="2024-05-13T01:29:01.589" v="446" actId="1076"/>
          <ac:spMkLst>
            <pc:docMk/>
            <pc:sldMk cId="0" sldId="287"/>
            <ac:spMk id="19" creationId="{00000000-0000-0000-0000-000000000000}"/>
          </ac:spMkLst>
        </pc:spChg>
        <pc:spChg chg="mod">
          <ac:chgData name="芳彦 植野" userId="86ab4e6fb1040a80" providerId="LiveId" clId="{90B3E43B-B3CB-4103-8F41-154F5AC9449A}" dt="2024-05-11T23:13:33.928" v="422"/>
          <ac:spMkLst>
            <pc:docMk/>
            <pc:sldMk cId="0" sldId="287"/>
            <ac:spMk id="27" creationId="{00000000-0000-0000-0000-000000000000}"/>
          </ac:spMkLst>
        </pc:spChg>
      </pc:sldChg>
      <pc:sldChg chg="add del">
        <pc:chgData name="芳彦 植野" userId="86ab4e6fb1040a80" providerId="LiveId" clId="{90B3E43B-B3CB-4103-8F41-154F5AC9449A}" dt="2024-05-13T01:30:18.701" v="454" actId="2696"/>
        <pc:sldMkLst>
          <pc:docMk/>
          <pc:sldMk cId="0" sldId="288"/>
        </pc:sldMkLst>
      </pc:sldChg>
      <pc:sldChg chg="add del">
        <pc:chgData name="芳彦 植野" userId="86ab4e6fb1040a80" providerId="LiveId" clId="{90B3E43B-B3CB-4103-8F41-154F5AC9449A}" dt="2024-05-15T09:16:35.357" v="1044" actId="2696"/>
        <pc:sldMkLst>
          <pc:docMk/>
          <pc:sldMk cId="0" sldId="289"/>
        </pc:sldMkLst>
      </pc:sldChg>
      <pc:sldChg chg="del">
        <pc:chgData name="芳彦 植野" userId="86ab4e6fb1040a80" providerId="LiveId" clId="{90B3E43B-B3CB-4103-8F41-154F5AC9449A}" dt="2024-05-10T10:55:07.504" v="162" actId="2696"/>
        <pc:sldMkLst>
          <pc:docMk/>
          <pc:sldMk cId="4275454020" sldId="296"/>
        </pc:sldMkLst>
      </pc:sldChg>
      <pc:sldChg chg="modSp add del">
        <pc:chgData name="芳彦 植野" userId="86ab4e6fb1040a80" providerId="LiveId" clId="{90B3E43B-B3CB-4103-8F41-154F5AC9449A}" dt="2024-05-13T01:30:19.860" v="455" actId="2696"/>
        <pc:sldMkLst>
          <pc:docMk/>
          <pc:sldMk cId="0" sldId="298"/>
        </pc:sldMkLst>
        <pc:spChg chg="mod">
          <ac:chgData name="芳彦 植野" userId="86ab4e6fb1040a80" providerId="LiveId" clId="{90B3E43B-B3CB-4103-8F41-154F5AC9449A}" dt="2024-05-11T23:14:14.604" v="424"/>
          <ac:spMkLst>
            <pc:docMk/>
            <pc:sldMk cId="0" sldId="298"/>
            <ac:spMk id="12" creationId="{00000000-0000-0000-0000-000000000000}"/>
          </ac:spMkLst>
        </pc:spChg>
      </pc:sldChg>
      <pc:sldChg chg="del">
        <pc:chgData name="芳彦 植野" userId="86ab4e6fb1040a80" providerId="LiveId" clId="{90B3E43B-B3CB-4103-8F41-154F5AC9449A}" dt="2024-05-13T01:46:02.456" v="497" actId="2696"/>
        <pc:sldMkLst>
          <pc:docMk/>
          <pc:sldMk cId="1294006930" sldId="356"/>
        </pc:sldMkLst>
      </pc:sldChg>
      <pc:sldChg chg="del">
        <pc:chgData name="芳彦 植野" userId="86ab4e6fb1040a80" providerId="LiveId" clId="{90B3E43B-B3CB-4103-8F41-154F5AC9449A}" dt="2024-05-13T01:32:48.087" v="463" actId="2696"/>
        <pc:sldMkLst>
          <pc:docMk/>
          <pc:sldMk cId="891002754" sldId="425"/>
        </pc:sldMkLst>
      </pc:sldChg>
      <pc:sldChg chg="del">
        <pc:chgData name="芳彦 植野" userId="86ab4e6fb1040a80" providerId="LiveId" clId="{90B3E43B-B3CB-4103-8F41-154F5AC9449A}" dt="2024-05-13T01:31:56.730" v="458" actId="2696"/>
        <pc:sldMkLst>
          <pc:docMk/>
          <pc:sldMk cId="4272232827" sldId="426"/>
        </pc:sldMkLst>
      </pc:sldChg>
      <pc:sldChg chg="addSp delSp modSp add del">
        <pc:chgData name="芳彦 植野" userId="86ab4e6fb1040a80" providerId="LiveId" clId="{90B3E43B-B3CB-4103-8F41-154F5AC9449A}" dt="2024-05-13T01:44:03.121" v="485" actId="2696"/>
        <pc:sldMkLst>
          <pc:docMk/>
          <pc:sldMk cId="0" sldId="443"/>
        </pc:sldMkLst>
        <pc:spChg chg="del">
          <ac:chgData name="芳彦 植野" userId="86ab4e6fb1040a80" providerId="LiveId" clId="{90B3E43B-B3CB-4103-8F41-154F5AC9449A}" dt="2024-05-13T01:43:49.023" v="484" actId="21"/>
          <ac:spMkLst>
            <pc:docMk/>
            <pc:sldMk cId="0" sldId="443"/>
            <ac:spMk id="15365" creationId="{139840AA-0D95-E009-EC31-D8C9159D7910}"/>
          </ac:spMkLst>
        </pc:spChg>
        <pc:picChg chg="add mod">
          <ac:chgData name="芳彦 植野" userId="86ab4e6fb1040a80" providerId="LiveId" clId="{90B3E43B-B3CB-4103-8F41-154F5AC9449A}" dt="2024-05-13T01:43:43.546" v="483"/>
          <ac:picMkLst>
            <pc:docMk/>
            <pc:sldMk cId="0" sldId="443"/>
            <ac:picMk id="2" creationId="{302D9558-9A13-5228-FCA9-B36280E9F48A}"/>
          </ac:picMkLst>
        </pc:picChg>
      </pc:sldChg>
      <pc:sldChg chg="add del">
        <pc:chgData name="芳彦 植野" userId="86ab4e6fb1040a80" providerId="LiveId" clId="{90B3E43B-B3CB-4103-8F41-154F5AC9449A}" dt="2024-05-13T01:41:01.452" v="480" actId="2696"/>
        <pc:sldMkLst>
          <pc:docMk/>
          <pc:sldMk cId="749636418" sldId="443"/>
        </pc:sldMkLst>
      </pc:sldChg>
      <pc:sldChg chg="add del">
        <pc:chgData name="芳彦 植野" userId="86ab4e6fb1040a80" providerId="LiveId" clId="{90B3E43B-B3CB-4103-8F41-154F5AC9449A}" dt="2024-05-15T11:19:21.539" v="1065" actId="2696"/>
        <pc:sldMkLst>
          <pc:docMk/>
          <pc:sldMk cId="872061318" sldId="443"/>
        </pc:sldMkLst>
      </pc:sldChg>
      <pc:sldChg chg="modSp add del mod">
        <pc:chgData name="芳彦 植野" userId="86ab4e6fb1040a80" providerId="LiveId" clId="{90B3E43B-B3CB-4103-8F41-154F5AC9449A}" dt="2024-05-14T20:48:11.598" v="552" actId="2696"/>
        <pc:sldMkLst>
          <pc:docMk/>
          <pc:sldMk cId="0" sldId="540"/>
        </pc:sldMkLst>
        <pc:spChg chg="mod">
          <ac:chgData name="芳彦 植野" userId="86ab4e6fb1040a80" providerId="LiveId" clId="{90B3E43B-B3CB-4103-8F41-154F5AC9449A}" dt="2024-05-14T20:45:52.653" v="537" actId="1076"/>
          <ac:spMkLst>
            <pc:docMk/>
            <pc:sldMk cId="0" sldId="540"/>
            <ac:spMk id="2" creationId="{449B1738-02DD-9E4F-FDA8-FBB125B2E486}"/>
          </ac:spMkLst>
        </pc:spChg>
        <pc:spChg chg="mod">
          <ac:chgData name="芳彦 植野" userId="86ab4e6fb1040a80" providerId="LiveId" clId="{90B3E43B-B3CB-4103-8F41-154F5AC9449A}" dt="2024-05-14T20:44:38.340" v="531" actId="1076"/>
          <ac:spMkLst>
            <pc:docMk/>
            <pc:sldMk cId="0" sldId="540"/>
            <ac:spMk id="3079" creationId="{9E04198C-7B63-3B1D-DB68-7595E053D585}"/>
          </ac:spMkLst>
        </pc:spChg>
        <pc:spChg chg="mod">
          <ac:chgData name="芳彦 植野" userId="86ab4e6fb1040a80" providerId="LiveId" clId="{90B3E43B-B3CB-4103-8F41-154F5AC9449A}" dt="2024-05-13T01:35:25.419" v="467"/>
          <ac:spMkLst>
            <pc:docMk/>
            <pc:sldMk cId="0" sldId="540"/>
            <ac:spMk id="3086" creationId="{839C2246-E766-826C-9575-F45DC93406F5}"/>
          </ac:spMkLst>
        </pc:spChg>
      </pc:sldChg>
      <pc:sldChg chg="del">
        <pc:chgData name="芳彦 植野" userId="86ab4e6fb1040a80" providerId="LiveId" clId="{90B3E43B-B3CB-4103-8F41-154F5AC9449A}" dt="2024-05-10T10:55:04.285" v="161" actId="2696"/>
        <pc:sldMkLst>
          <pc:docMk/>
          <pc:sldMk cId="0" sldId="664"/>
        </pc:sldMkLst>
      </pc:sldChg>
      <pc:sldChg chg="del">
        <pc:chgData name="芳彦 植野" userId="86ab4e6fb1040a80" providerId="LiveId" clId="{90B3E43B-B3CB-4103-8F41-154F5AC9449A}" dt="2024-05-13T01:47:41.580" v="500" actId="2696"/>
        <pc:sldMkLst>
          <pc:docMk/>
          <pc:sldMk cId="0" sldId="667"/>
        </pc:sldMkLst>
      </pc:sldChg>
      <pc:sldChg chg="del">
        <pc:chgData name="芳彦 植野" userId="86ab4e6fb1040a80" providerId="LiveId" clId="{90B3E43B-B3CB-4103-8F41-154F5AC9449A}" dt="2024-05-11T06:34:42.787" v="262" actId="2696"/>
        <pc:sldMkLst>
          <pc:docMk/>
          <pc:sldMk cId="0" sldId="685"/>
        </pc:sldMkLst>
      </pc:sldChg>
      <pc:sldChg chg="add del">
        <pc:chgData name="芳彦 植野" userId="86ab4e6fb1040a80" providerId="LiveId" clId="{90B3E43B-B3CB-4103-8F41-154F5AC9449A}" dt="2024-05-15T09:19:02.554" v="1062" actId="2696"/>
        <pc:sldMkLst>
          <pc:docMk/>
          <pc:sldMk cId="1435757445" sldId="762"/>
        </pc:sldMkLst>
      </pc:sldChg>
      <pc:sldChg chg="del">
        <pc:chgData name="芳彦 植野" userId="86ab4e6fb1040a80" providerId="LiveId" clId="{90B3E43B-B3CB-4103-8F41-154F5AC9449A}" dt="2024-04-28T21:22:21.376" v="113" actId="2696"/>
        <pc:sldMkLst>
          <pc:docMk/>
          <pc:sldMk cId="3309054481" sldId="797"/>
        </pc:sldMkLst>
      </pc:sldChg>
      <pc:sldChg chg="del">
        <pc:chgData name="芳彦 植野" userId="86ab4e6fb1040a80" providerId="LiveId" clId="{90B3E43B-B3CB-4103-8F41-154F5AC9449A}" dt="2024-05-10T10:54:45.407" v="160" actId="2696"/>
        <pc:sldMkLst>
          <pc:docMk/>
          <pc:sldMk cId="210484992" sldId="806"/>
        </pc:sldMkLst>
      </pc:sldChg>
      <pc:sldChg chg="del">
        <pc:chgData name="芳彦 植野" userId="86ab4e6fb1040a80" providerId="LiveId" clId="{90B3E43B-B3CB-4103-8F41-154F5AC9449A}" dt="2024-05-10T10:54:35.499" v="158" actId="2696"/>
        <pc:sldMkLst>
          <pc:docMk/>
          <pc:sldMk cId="1791747486" sldId="807"/>
        </pc:sldMkLst>
      </pc:sldChg>
      <pc:sldChg chg="del">
        <pc:chgData name="芳彦 植野" userId="86ab4e6fb1040a80" providerId="LiveId" clId="{90B3E43B-B3CB-4103-8F41-154F5AC9449A}" dt="2024-05-10T10:54:38.104" v="159" actId="2696"/>
        <pc:sldMkLst>
          <pc:docMk/>
          <pc:sldMk cId="453152758" sldId="808"/>
        </pc:sldMkLst>
      </pc:sldChg>
      <pc:sldChg chg="add del">
        <pc:chgData name="芳彦 植野" userId="86ab4e6fb1040a80" providerId="LiveId" clId="{90B3E43B-B3CB-4103-8F41-154F5AC9449A}" dt="2024-05-13T01:48:13.490" v="503" actId="2696"/>
        <pc:sldMkLst>
          <pc:docMk/>
          <pc:sldMk cId="2580248865" sldId="817"/>
        </pc:sldMkLst>
      </pc:sldChg>
      <pc:sldChg chg="del">
        <pc:chgData name="芳彦 植野" userId="86ab4e6fb1040a80" providerId="LiveId" clId="{90B3E43B-B3CB-4103-8F41-154F5AC9449A}" dt="2024-05-13T01:47:44.915" v="501" actId="2696"/>
        <pc:sldMkLst>
          <pc:docMk/>
          <pc:sldMk cId="3785664088" sldId="817"/>
        </pc:sldMkLst>
      </pc:sldChg>
      <pc:sldChg chg="del">
        <pc:chgData name="芳彦 植野" userId="86ab4e6fb1040a80" providerId="LiveId" clId="{90B3E43B-B3CB-4103-8F41-154F5AC9449A}" dt="2024-05-06T21:31:47.812" v="155" actId="2696"/>
        <pc:sldMkLst>
          <pc:docMk/>
          <pc:sldMk cId="0" sldId="938"/>
        </pc:sldMkLst>
      </pc:sldChg>
      <pc:sldChg chg="add">
        <pc:chgData name="芳彦 植野" userId="86ab4e6fb1040a80" providerId="LiveId" clId="{90B3E43B-B3CB-4103-8F41-154F5AC9449A}" dt="2024-05-11T00:55:58.284" v="207"/>
        <pc:sldMkLst>
          <pc:docMk/>
          <pc:sldMk cId="0" sldId="987"/>
        </pc:sldMkLst>
      </pc:sldChg>
      <pc:sldChg chg="modSp mod">
        <pc:chgData name="芳彦 植野" userId="86ab4e6fb1040a80" providerId="LiveId" clId="{90B3E43B-B3CB-4103-8F41-154F5AC9449A}" dt="2024-05-11T06:37:45.344" v="282" actId="20577"/>
        <pc:sldMkLst>
          <pc:docMk/>
          <pc:sldMk cId="0" sldId="1172"/>
        </pc:sldMkLst>
        <pc:spChg chg="mod">
          <ac:chgData name="芳彦 植野" userId="86ab4e6fb1040a80" providerId="LiveId" clId="{90B3E43B-B3CB-4103-8F41-154F5AC9449A}" dt="2024-05-11T06:37:45.344" v="282" actId="20577"/>
          <ac:spMkLst>
            <pc:docMk/>
            <pc:sldMk cId="0" sldId="1172"/>
            <ac:spMk id="90114" creationId="{7C7C07A6-8D19-4978-7F61-E3A184F43B40}"/>
          </ac:spMkLst>
        </pc:spChg>
      </pc:sldChg>
      <pc:sldChg chg="del">
        <pc:chgData name="芳彦 植野" userId="86ab4e6fb1040a80" providerId="LiveId" clId="{90B3E43B-B3CB-4103-8F41-154F5AC9449A}" dt="2024-05-13T01:32:27.356" v="460" actId="2696"/>
        <pc:sldMkLst>
          <pc:docMk/>
          <pc:sldMk cId="0" sldId="1230"/>
        </pc:sldMkLst>
      </pc:sldChg>
      <pc:sldChg chg="modSp add mod">
        <pc:chgData name="芳彦 植野" userId="86ab4e6fb1040a80" providerId="LiveId" clId="{90B3E43B-B3CB-4103-8F41-154F5AC9449A}" dt="2024-05-15T17:57:58.678" v="1851" actId="6549"/>
        <pc:sldMkLst>
          <pc:docMk/>
          <pc:sldMk cId="2173692482" sldId="1232"/>
        </pc:sldMkLst>
        <pc:spChg chg="mod">
          <ac:chgData name="芳彦 植野" userId="86ab4e6fb1040a80" providerId="LiveId" clId="{90B3E43B-B3CB-4103-8F41-154F5AC9449A}" dt="2024-05-15T17:57:58.678" v="1851" actId="6549"/>
          <ac:spMkLst>
            <pc:docMk/>
            <pc:sldMk cId="2173692482" sldId="1232"/>
            <ac:spMk id="3" creationId="{E773F89C-87A3-A08E-6A22-739AC29DEDFD}"/>
          </ac:spMkLst>
        </pc:spChg>
      </pc:sldChg>
      <pc:sldChg chg="add del">
        <pc:chgData name="芳彦 植野" userId="86ab4e6fb1040a80" providerId="LiveId" clId="{90B3E43B-B3CB-4103-8F41-154F5AC9449A}" dt="2024-05-15T17:56:46.924" v="1802" actId="2696"/>
        <pc:sldMkLst>
          <pc:docMk/>
          <pc:sldMk cId="35391847" sldId="1233"/>
        </pc:sldMkLst>
      </pc:sldChg>
      <pc:sldChg chg="add del">
        <pc:chgData name="芳彦 植野" userId="86ab4e6fb1040a80" providerId="LiveId" clId="{90B3E43B-B3CB-4103-8F41-154F5AC9449A}" dt="2024-05-13T01:32:58.880" v="464" actId="2696"/>
        <pc:sldMkLst>
          <pc:docMk/>
          <pc:sldMk cId="2960793048" sldId="1233"/>
        </pc:sldMkLst>
      </pc:sldChg>
      <pc:sldChg chg="add">
        <pc:chgData name="芳彦 植野" userId="86ab4e6fb1040a80" providerId="LiveId" clId="{90B3E43B-B3CB-4103-8F41-154F5AC9449A}" dt="2024-05-13T01:21:35.507" v="432"/>
        <pc:sldMkLst>
          <pc:docMk/>
          <pc:sldMk cId="903850235" sldId="1249"/>
        </pc:sldMkLst>
      </pc:sldChg>
      <pc:sldChg chg="delSp modSp add mod">
        <pc:chgData name="芳彦 植野" userId="86ab4e6fb1040a80" providerId="LiveId" clId="{90B3E43B-B3CB-4103-8F41-154F5AC9449A}" dt="2024-05-15T11:22:03.830" v="1134" actId="255"/>
        <pc:sldMkLst>
          <pc:docMk/>
          <pc:sldMk cId="4053322642" sldId="1257"/>
        </pc:sldMkLst>
        <pc:graphicFrameChg chg="mod">
          <ac:chgData name="芳彦 植野" userId="86ab4e6fb1040a80" providerId="LiveId" clId="{90B3E43B-B3CB-4103-8F41-154F5AC9449A}" dt="2024-05-15T11:22:03.830" v="1134" actId="255"/>
          <ac:graphicFrameMkLst>
            <pc:docMk/>
            <pc:sldMk cId="4053322642" sldId="1257"/>
            <ac:graphicFrameMk id="2" creationId="{6E089910-E741-4754-B2B2-69274BD754DD}"/>
          </ac:graphicFrameMkLst>
        </pc:graphicFrameChg>
        <pc:graphicFrameChg chg="del">
          <ac:chgData name="芳彦 植野" userId="86ab4e6fb1040a80" providerId="LiveId" clId="{90B3E43B-B3CB-4103-8F41-154F5AC9449A}" dt="2024-05-15T11:21:49.997" v="1132" actId="21"/>
          <ac:graphicFrameMkLst>
            <pc:docMk/>
            <pc:sldMk cId="4053322642" sldId="1257"/>
            <ac:graphicFrameMk id="3" creationId="{B81D116D-50EB-47BD-A06F-E48B3328C2B9}"/>
          </ac:graphicFrameMkLst>
        </pc:graphicFrameChg>
      </pc:sldChg>
      <pc:sldChg chg="del">
        <pc:chgData name="芳彦 植野" userId="86ab4e6fb1040a80" providerId="LiveId" clId="{90B3E43B-B3CB-4103-8F41-154F5AC9449A}" dt="2024-05-10T10:55:32.722" v="163" actId="2696"/>
        <pc:sldMkLst>
          <pc:docMk/>
          <pc:sldMk cId="405098307" sldId="1261"/>
        </pc:sldMkLst>
      </pc:sldChg>
      <pc:sldChg chg="add del">
        <pc:chgData name="芳彦 植野" userId="86ab4e6fb1040a80" providerId="LiveId" clId="{90B3E43B-B3CB-4103-8F41-154F5AC9449A}" dt="2024-05-13T01:28:18.882" v="441" actId="2696"/>
        <pc:sldMkLst>
          <pc:docMk/>
          <pc:sldMk cId="1707565435" sldId="1267"/>
        </pc:sldMkLst>
      </pc:sldChg>
      <pc:sldChg chg="modSp add mod">
        <pc:chgData name="芳彦 植野" userId="86ab4e6fb1040a80" providerId="LiveId" clId="{90B3E43B-B3CB-4103-8F41-154F5AC9449A}" dt="2024-05-15T17:55:59.608" v="1801" actId="20577"/>
        <pc:sldMkLst>
          <pc:docMk/>
          <pc:sldMk cId="3347767051" sldId="1267"/>
        </pc:sldMkLst>
        <pc:spChg chg="mod">
          <ac:chgData name="芳彦 植野" userId="86ab4e6fb1040a80" providerId="LiveId" clId="{90B3E43B-B3CB-4103-8F41-154F5AC9449A}" dt="2024-05-15T17:55:07.608" v="1760" actId="20577"/>
          <ac:spMkLst>
            <pc:docMk/>
            <pc:sldMk cId="3347767051" sldId="1267"/>
            <ac:spMk id="3" creationId="{5F671EB8-016B-4A30-BB5A-A1408805899F}"/>
          </ac:spMkLst>
        </pc:spChg>
        <pc:spChg chg="mod">
          <ac:chgData name="芳彦 植野" userId="86ab4e6fb1040a80" providerId="LiveId" clId="{90B3E43B-B3CB-4103-8F41-154F5AC9449A}" dt="2024-05-15T17:55:59.608" v="1801" actId="20577"/>
          <ac:spMkLst>
            <pc:docMk/>
            <pc:sldMk cId="3347767051" sldId="1267"/>
            <ac:spMk id="4" creationId="{827F8AD2-16CD-480D-BF62-5F63001265A2}"/>
          </ac:spMkLst>
        </pc:spChg>
      </pc:sldChg>
      <pc:sldChg chg="modSp add mod">
        <pc:chgData name="芳彦 植野" userId="86ab4e6fb1040a80" providerId="LiveId" clId="{90B3E43B-B3CB-4103-8F41-154F5AC9449A}" dt="2024-05-15T17:35:04.945" v="1135" actId="20577"/>
        <pc:sldMkLst>
          <pc:docMk/>
          <pc:sldMk cId="1826504927" sldId="1269"/>
        </pc:sldMkLst>
        <pc:spChg chg="mod">
          <ac:chgData name="芳彦 植野" userId="86ab4e6fb1040a80" providerId="LiveId" clId="{90B3E43B-B3CB-4103-8F41-154F5AC9449A}" dt="2024-05-15T17:35:04.945" v="1135" actId="20577"/>
          <ac:spMkLst>
            <pc:docMk/>
            <pc:sldMk cId="1826504927" sldId="1269"/>
            <ac:spMk id="2" creationId="{C47ADDA6-178A-46E7-B16B-83087015DD36}"/>
          </ac:spMkLst>
        </pc:spChg>
      </pc:sldChg>
      <pc:sldChg chg="modSp add del mod">
        <pc:chgData name="芳彦 植野" userId="86ab4e6fb1040a80" providerId="LiveId" clId="{90B3E43B-B3CB-4103-8F41-154F5AC9449A}" dt="2024-05-15T09:18:08.344" v="1060" actId="2696"/>
        <pc:sldMkLst>
          <pc:docMk/>
          <pc:sldMk cId="1002088801" sldId="1281"/>
        </pc:sldMkLst>
        <pc:spChg chg="mod">
          <ac:chgData name="芳彦 植野" userId="86ab4e6fb1040a80" providerId="LiveId" clId="{90B3E43B-B3CB-4103-8F41-154F5AC9449A}" dt="2024-05-14T23:23:07.796" v="673" actId="1076"/>
          <ac:spMkLst>
            <pc:docMk/>
            <pc:sldMk cId="1002088801" sldId="1281"/>
            <ac:spMk id="2" creationId="{84707CBE-4332-4E8E-AB21-F6FA04D317FB}"/>
          </ac:spMkLst>
        </pc:spChg>
        <pc:spChg chg="mod">
          <ac:chgData name="芳彦 植野" userId="86ab4e6fb1040a80" providerId="LiveId" clId="{90B3E43B-B3CB-4103-8F41-154F5AC9449A}" dt="2024-05-14T23:24:31.552" v="735" actId="6549"/>
          <ac:spMkLst>
            <pc:docMk/>
            <pc:sldMk cId="1002088801" sldId="1281"/>
            <ac:spMk id="3" creationId="{A9985CD6-1ED3-49C6-8DD4-86EE2784C36C}"/>
          </ac:spMkLst>
        </pc:spChg>
      </pc:sldChg>
      <pc:sldChg chg="modSp add del mod">
        <pc:chgData name="芳彦 植野" userId="86ab4e6fb1040a80" providerId="LiveId" clId="{90B3E43B-B3CB-4103-8F41-154F5AC9449A}" dt="2024-05-13T01:21:20.297" v="431" actId="27636"/>
        <pc:sldMkLst>
          <pc:docMk/>
          <pc:sldMk cId="1933097685" sldId="1287"/>
        </pc:sldMkLst>
        <pc:spChg chg="mod">
          <ac:chgData name="芳彦 植野" userId="86ab4e6fb1040a80" providerId="LiveId" clId="{90B3E43B-B3CB-4103-8F41-154F5AC9449A}" dt="2024-05-13T01:21:20.297" v="431" actId="27636"/>
          <ac:spMkLst>
            <pc:docMk/>
            <pc:sldMk cId="1933097685" sldId="1287"/>
            <ac:spMk id="2" creationId="{9F67C5CF-4F6E-4709-B8F3-09C490FBE341}"/>
          </ac:spMkLst>
        </pc:spChg>
      </pc:sldChg>
      <pc:sldChg chg="add">
        <pc:chgData name="芳彦 植野" userId="86ab4e6fb1040a80" providerId="LiveId" clId="{90B3E43B-B3CB-4103-8F41-154F5AC9449A}" dt="2024-05-11T00:51:37.494" v="189"/>
        <pc:sldMkLst>
          <pc:docMk/>
          <pc:sldMk cId="3328283064" sldId="1290"/>
        </pc:sldMkLst>
      </pc:sldChg>
      <pc:sldChg chg="add">
        <pc:chgData name="芳彦 植野" userId="86ab4e6fb1040a80" providerId="LiveId" clId="{90B3E43B-B3CB-4103-8F41-154F5AC9449A}" dt="2024-05-11T00:51:49.286" v="190"/>
        <pc:sldMkLst>
          <pc:docMk/>
          <pc:sldMk cId="3179318976" sldId="1291"/>
        </pc:sldMkLst>
      </pc:sldChg>
      <pc:sldChg chg="del">
        <pc:chgData name="芳彦 植野" userId="86ab4e6fb1040a80" providerId="LiveId" clId="{90B3E43B-B3CB-4103-8F41-154F5AC9449A}" dt="2024-05-11T06:29:32.484" v="220" actId="2696"/>
        <pc:sldMkLst>
          <pc:docMk/>
          <pc:sldMk cId="2724842189" sldId="1292"/>
        </pc:sldMkLst>
      </pc:sldChg>
      <pc:sldChg chg="add del">
        <pc:chgData name="芳彦 植野" userId="86ab4e6fb1040a80" providerId="LiveId" clId="{90B3E43B-B3CB-4103-8F41-154F5AC9449A}" dt="2024-05-13T01:31:23.806" v="457" actId="2696"/>
        <pc:sldMkLst>
          <pc:docMk/>
          <pc:sldMk cId="982071914" sldId="1293"/>
        </pc:sldMkLst>
      </pc:sldChg>
      <pc:sldChg chg="add">
        <pc:chgData name="芳彦 植野" userId="86ab4e6fb1040a80" providerId="LiveId" clId="{90B3E43B-B3CB-4103-8F41-154F5AC9449A}" dt="2024-05-11T00:52:49.101" v="194"/>
        <pc:sldMkLst>
          <pc:docMk/>
          <pc:sldMk cId="2294613664" sldId="1294"/>
        </pc:sldMkLst>
      </pc:sldChg>
      <pc:sldChg chg="add">
        <pc:chgData name="芳彦 植野" userId="86ab4e6fb1040a80" providerId="LiveId" clId="{90B3E43B-B3CB-4103-8F41-154F5AC9449A}" dt="2024-05-11T00:53:04.032" v="195"/>
        <pc:sldMkLst>
          <pc:docMk/>
          <pc:sldMk cId="114307832" sldId="1295"/>
        </pc:sldMkLst>
      </pc:sldChg>
      <pc:sldChg chg="add del">
        <pc:chgData name="芳彦 植野" userId="86ab4e6fb1040a80" providerId="LiveId" clId="{90B3E43B-B3CB-4103-8F41-154F5AC9449A}" dt="2024-05-13T01:31:13.093" v="456" actId="2696"/>
        <pc:sldMkLst>
          <pc:docMk/>
          <pc:sldMk cId="2534626402" sldId="1296"/>
        </pc:sldMkLst>
      </pc:sldChg>
      <pc:sldChg chg="add del">
        <pc:chgData name="芳彦 植野" userId="86ab4e6fb1040a80" providerId="LiveId" clId="{90B3E43B-B3CB-4103-8F41-154F5AC9449A}" dt="2024-05-11T23:11:56.555" v="412" actId="2696"/>
        <pc:sldMkLst>
          <pc:docMk/>
          <pc:sldMk cId="2153640349" sldId="1297"/>
        </pc:sldMkLst>
      </pc:sldChg>
      <pc:sldChg chg="add">
        <pc:chgData name="芳彦 植野" userId="86ab4e6fb1040a80" providerId="LiveId" clId="{90B3E43B-B3CB-4103-8F41-154F5AC9449A}" dt="2024-05-11T00:53:14.618" v="196"/>
        <pc:sldMkLst>
          <pc:docMk/>
          <pc:sldMk cId="4014006948" sldId="1298"/>
        </pc:sldMkLst>
      </pc:sldChg>
      <pc:sldChg chg="modSp add mod">
        <pc:chgData name="芳彦 植野" userId="86ab4e6fb1040a80" providerId="LiveId" clId="{90B3E43B-B3CB-4103-8F41-154F5AC9449A}" dt="2024-05-15T19:02:17.494" v="2163" actId="6549"/>
        <pc:sldMkLst>
          <pc:docMk/>
          <pc:sldMk cId="1794682804" sldId="1306"/>
        </pc:sldMkLst>
        <pc:spChg chg="mod">
          <ac:chgData name="芳彦 植野" userId="86ab4e6fb1040a80" providerId="LiveId" clId="{90B3E43B-B3CB-4103-8F41-154F5AC9449A}" dt="2024-05-14T23:19:54.856" v="641" actId="27636"/>
          <ac:spMkLst>
            <pc:docMk/>
            <pc:sldMk cId="1794682804" sldId="1306"/>
            <ac:spMk id="2" creationId="{56BF684E-7CE0-4890-9F99-9AF12F387B6B}"/>
          </ac:spMkLst>
        </pc:spChg>
        <pc:spChg chg="mod">
          <ac:chgData name="芳彦 植野" userId="86ab4e6fb1040a80" providerId="LiveId" clId="{90B3E43B-B3CB-4103-8F41-154F5AC9449A}" dt="2024-05-15T19:02:17.494" v="2163" actId="6549"/>
          <ac:spMkLst>
            <pc:docMk/>
            <pc:sldMk cId="1794682804" sldId="1306"/>
            <ac:spMk id="3" creationId="{5947CF7B-6D11-4F5C-860D-FB2C59F3029A}"/>
          </ac:spMkLst>
        </pc:spChg>
      </pc:sldChg>
      <pc:sldChg chg="add del">
        <pc:chgData name="芳彦 植野" userId="86ab4e6fb1040a80" providerId="LiveId" clId="{90B3E43B-B3CB-4103-8F41-154F5AC9449A}" dt="2024-05-15T09:18:14.537" v="1061" actId="2696"/>
        <pc:sldMkLst>
          <pc:docMk/>
          <pc:sldMk cId="2071045971" sldId="1307"/>
        </pc:sldMkLst>
      </pc:sldChg>
      <pc:sldChg chg="modSp add mod">
        <pc:chgData name="芳彦 植野" userId="86ab4e6fb1040a80" providerId="LiveId" clId="{90B3E43B-B3CB-4103-8F41-154F5AC9449A}" dt="2024-05-15T18:00:05.294" v="1970" actId="6549"/>
        <pc:sldMkLst>
          <pc:docMk/>
          <pc:sldMk cId="0" sldId="1310"/>
        </pc:sldMkLst>
        <pc:spChg chg="mod">
          <ac:chgData name="芳彦 植野" userId="86ab4e6fb1040a80" providerId="LiveId" clId="{90B3E43B-B3CB-4103-8F41-154F5AC9449A}" dt="2024-05-15T18:00:05.294" v="1970" actId="6549"/>
          <ac:spMkLst>
            <pc:docMk/>
            <pc:sldMk cId="0" sldId="1310"/>
            <ac:spMk id="75779" creationId="{FE1AD9DA-1D9D-4DFC-B585-E1E09A545C25}"/>
          </ac:spMkLst>
        </pc:spChg>
      </pc:sldChg>
      <pc:sldChg chg="del">
        <pc:chgData name="芳彦 植野" userId="86ab4e6fb1040a80" providerId="LiveId" clId="{90B3E43B-B3CB-4103-8F41-154F5AC9449A}" dt="2024-05-13T01:32:34.520" v="462" actId="2696"/>
        <pc:sldMkLst>
          <pc:docMk/>
          <pc:sldMk cId="2194413261" sldId="1676"/>
        </pc:sldMkLst>
      </pc:sldChg>
      <pc:sldChg chg="del">
        <pc:chgData name="芳彦 植野" userId="86ab4e6fb1040a80" providerId="LiveId" clId="{90B3E43B-B3CB-4103-8F41-154F5AC9449A}" dt="2024-05-11T06:34:52.780" v="264" actId="2696"/>
        <pc:sldMkLst>
          <pc:docMk/>
          <pc:sldMk cId="684488319" sldId="1677"/>
        </pc:sldMkLst>
      </pc:sldChg>
      <pc:sldChg chg="add">
        <pc:chgData name="芳彦 植野" userId="86ab4e6fb1040a80" providerId="LiveId" clId="{90B3E43B-B3CB-4103-8F41-154F5AC9449A}" dt="2024-05-15T11:18:36.065" v="1063"/>
        <pc:sldMkLst>
          <pc:docMk/>
          <pc:sldMk cId="3795345282" sldId="1688"/>
        </pc:sldMkLst>
      </pc:sldChg>
      <pc:sldChg chg="del">
        <pc:chgData name="芳彦 植野" userId="86ab4e6fb1040a80" providerId="LiveId" clId="{90B3E43B-B3CB-4103-8F41-154F5AC9449A}" dt="2024-05-13T01:46:15.912" v="498" actId="2696"/>
        <pc:sldMkLst>
          <pc:docMk/>
          <pc:sldMk cId="2644541129" sldId="1711"/>
        </pc:sldMkLst>
      </pc:sldChg>
      <pc:sldChg chg="del">
        <pc:chgData name="芳彦 植野" userId="86ab4e6fb1040a80" providerId="LiveId" clId="{90B3E43B-B3CB-4103-8F41-154F5AC9449A}" dt="2024-04-28T21:22:33.841" v="114" actId="2696"/>
        <pc:sldMkLst>
          <pc:docMk/>
          <pc:sldMk cId="2225937424" sldId="1720"/>
        </pc:sldMkLst>
      </pc:sldChg>
      <pc:sldChg chg="del">
        <pc:chgData name="芳彦 植野" userId="86ab4e6fb1040a80" providerId="LiveId" clId="{90B3E43B-B3CB-4103-8F41-154F5AC9449A}" dt="2024-04-28T21:22:35.023" v="115" actId="2696"/>
        <pc:sldMkLst>
          <pc:docMk/>
          <pc:sldMk cId="3033060695" sldId="1721"/>
        </pc:sldMkLst>
      </pc:sldChg>
      <pc:sldChg chg="del">
        <pc:chgData name="芳彦 植野" userId="86ab4e6fb1040a80" providerId="LiveId" clId="{90B3E43B-B3CB-4103-8F41-154F5AC9449A}" dt="2024-04-28T21:22:35.699" v="116" actId="2696"/>
        <pc:sldMkLst>
          <pc:docMk/>
          <pc:sldMk cId="1163888577" sldId="1722"/>
        </pc:sldMkLst>
      </pc:sldChg>
      <pc:sldChg chg="del">
        <pc:chgData name="芳彦 植野" userId="86ab4e6fb1040a80" providerId="LiveId" clId="{90B3E43B-B3CB-4103-8F41-154F5AC9449A}" dt="2024-04-30T22:52:32.185" v="123" actId="2696"/>
        <pc:sldMkLst>
          <pc:docMk/>
          <pc:sldMk cId="1411390702" sldId="1723"/>
        </pc:sldMkLst>
      </pc:sldChg>
      <pc:sldChg chg="del">
        <pc:chgData name="芳彦 植野" userId="86ab4e6fb1040a80" providerId="LiveId" clId="{90B3E43B-B3CB-4103-8F41-154F5AC9449A}" dt="2024-05-06T21:31:37.929" v="154" actId="2696"/>
        <pc:sldMkLst>
          <pc:docMk/>
          <pc:sldMk cId="1576417505" sldId="1725"/>
        </pc:sldMkLst>
      </pc:sldChg>
      <pc:sldChg chg="modSp add mod">
        <pc:chgData name="芳彦 植野" userId="86ab4e6fb1040a80" providerId="LiveId" clId="{90B3E43B-B3CB-4103-8F41-154F5AC9449A}" dt="2024-05-11T06:30:41.623" v="232" actId="20577"/>
        <pc:sldMkLst>
          <pc:docMk/>
          <pc:sldMk cId="3700259667" sldId="1805"/>
        </pc:sldMkLst>
        <pc:spChg chg="mod">
          <ac:chgData name="芳彦 植野" userId="86ab4e6fb1040a80" providerId="LiveId" clId="{90B3E43B-B3CB-4103-8F41-154F5AC9449A}" dt="2024-05-11T06:29:55.241" v="225" actId="14100"/>
          <ac:spMkLst>
            <pc:docMk/>
            <pc:sldMk cId="3700259667" sldId="1805"/>
            <ac:spMk id="2" creationId="{DF8F2CD9-2932-4782-A913-F71FFF750EA4}"/>
          </ac:spMkLst>
        </pc:spChg>
        <pc:spChg chg="mod">
          <ac:chgData name="芳彦 植野" userId="86ab4e6fb1040a80" providerId="LiveId" clId="{90B3E43B-B3CB-4103-8F41-154F5AC9449A}" dt="2024-05-11T06:30:41.623" v="232" actId="20577"/>
          <ac:spMkLst>
            <pc:docMk/>
            <pc:sldMk cId="3700259667" sldId="1805"/>
            <ac:spMk id="3" creationId="{A8B77BD0-30C2-4056-806B-39442954433E}"/>
          </ac:spMkLst>
        </pc:spChg>
      </pc:sldChg>
      <pc:sldChg chg="modSp add mod">
        <pc:chgData name="芳彦 植野" userId="86ab4e6fb1040a80" providerId="LiveId" clId="{90B3E43B-B3CB-4103-8F41-154F5AC9449A}" dt="2024-05-14T23:18:47.670" v="639" actId="1076"/>
        <pc:sldMkLst>
          <pc:docMk/>
          <pc:sldMk cId="1777878304" sldId="2754"/>
        </pc:sldMkLst>
        <pc:spChg chg="mod">
          <ac:chgData name="芳彦 植野" userId="86ab4e6fb1040a80" providerId="LiveId" clId="{90B3E43B-B3CB-4103-8F41-154F5AC9449A}" dt="2024-05-14T23:17:59.975" v="633" actId="14100"/>
          <ac:spMkLst>
            <pc:docMk/>
            <pc:sldMk cId="1777878304" sldId="2754"/>
            <ac:spMk id="2" creationId="{1D2483CE-52C5-40B5-951B-27F3BD75B56E}"/>
          </ac:spMkLst>
        </pc:spChg>
        <pc:spChg chg="mod">
          <ac:chgData name="芳彦 植野" userId="86ab4e6fb1040a80" providerId="LiveId" clId="{90B3E43B-B3CB-4103-8F41-154F5AC9449A}" dt="2024-05-14T23:17:53.988" v="632" actId="14100"/>
          <ac:spMkLst>
            <pc:docMk/>
            <pc:sldMk cId="1777878304" sldId="2754"/>
            <ac:spMk id="6" creationId="{52D83903-842F-4DFF-AE6A-3BCAD998D63A}"/>
          </ac:spMkLst>
        </pc:spChg>
        <pc:spChg chg="mod">
          <ac:chgData name="芳彦 植野" userId="86ab4e6fb1040a80" providerId="LiveId" clId="{90B3E43B-B3CB-4103-8F41-154F5AC9449A}" dt="2024-05-14T23:18:47.670" v="639" actId="1076"/>
          <ac:spMkLst>
            <pc:docMk/>
            <pc:sldMk cId="1777878304" sldId="2754"/>
            <ac:spMk id="7" creationId="{4D0D4CAA-F1E2-4F24-8780-C69E621ABF4A}"/>
          </ac:spMkLst>
        </pc:spChg>
        <pc:spChg chg="mod">
          <ac:chgData name="芳彦 植野" userId="86ab4e6fb1040a80" providerId="LiveId" clId="{90B3E43B-B3CB-4103-8F41-154F5AC9449A}" dt="2024-05-14T23:17:45.291" v="631" actId="14100"/>
          <ac:spMkLst>
            <pc:docMk/>
            <pc:sldMk cId="1777878304" sldId="2754"/>
            <ac:spMk id="16" creationId="{4DAD3D6C-26B4-42D7-8B56-991438EAADE4}"/>
          </ac:spMkLst>
        </pc:spChg>
        <pc:spChg chg="mod">
          <ac:chgData name="芳彦 植野" userId="86ab4e6fb1040a80" providerId="LiveId" clId="{90B3E43B-B3CB-4103-8F41-154F5AC9449A}" dt="2024-05-14T23:18:16.175" v="634" actId="14100"/>
          <ac:spMkLst>
            <pc:docMk/>
            <pc:sldMk cId="1777878304" sldId="2754"/>
            <ac:spMk id="20" creationId="{BDDC56BE-F889-4309-A631-22FDE2ED32AE}"/>
          </ac:spMkLst>
        </pc:spChg>
        <pc:spChg chg="mod">
          <ac:chgData name="芳彦 植野" userId="86ab4e6fb1040a80" providerId="LiveId" clId="{90B3E43B-B3CB-4103-8F41-154F5AC9449A}" dt="2024-05-14T23:17:30.759" v="630" actId="1076"/>
          <ac:spMkLst>
            <pc:docMk/>
            <pc:sldMk cId="1777878304" sldId="2754"/>
            <ac:spMk id="21" creationId="{8E78BC0A-CC54-4315-969F-98D1DE0DC807}"/>
          </ac:spMkLst>
        </pc:spChg>
        <pc:spChg chg="mod">
          <ac:chgData name="芳彦 植野" userId="86ab4e6fb1040a80" providerId="LiveId" clId="{90B3E43B-B3CB-4103-8F41-154F5AC9449A}" dt="2024-05-14T23:18:31.907" v="637" actId="1076"/>
          <ac:spMkLst>
            <pc:docMk/>
            <pc:sldMk cId="1777878304" sldId="2754"/>
            <ac:spMk id="22" creationId="{7A41C234-88A7-4C53-AEE1-8B19ABF13CCD}"/>
          </ac:spMkLst>
        </pc:spChg>
      </pc:sldChg>
      <pc:sldChg chg="add">
        <pc:chgData name="芳彦 植野" userId="86ab4e6fb1040a80" providerId="LiveId" clId="{90B3E43B-B3CB-4103-8F41-154F5AC9449A}" dt="2024-05-11T00:24:24.141" v="180"/>
        <pc:sldMkLst>
          <pc:docMk/>
          <pc:sldMk cId="656000398" sldId="2755"/>
        </pc:sldMkLst>
      </pc:sldChg>
      <pc:sldChg chg="add del">
        <pc:chgData name="芳彦 植野" userId="86ab4e6fb1040a80" providerId="LiveId" clId="{90B3E43B-B3CB-4103-8F41-154F5AC9449A}" dt="2024-05-13T01:40:26.504" v="479" actId="2696"/>
        <pc:sldMkLst>
          <pc:docMk/>
          <pc:sldMk cId="1463021410" sldId="2756"/>
        </pc:sldMkLst>
      </pc:sldChg>
      <pc:sldChg chg="add">
        <pc:chgData name="芳彦 植野" userId="86ab4e6fb1040a80" providerId="LiveId" clId="{90B3E43B-B3CB-4103-8F41-154F5AC9449A}" dt="2024-05-11T00:52:35.753" v="193"/>
        <pc:sldMkLst>
          <pc:docMk/>
          <pc:sldMk cId="3284974798" sldId="2757"/>
        </pc:sldMkLst>
      </pc:sldChg>
      <pc:sldChg chg="add del">
        <pc:chgData name="芳彦 植野" userId="86ab4e6fb1040a80" providerId="LiveId" clId="{90B3E43B-B3CB-4103-8F41-154F5AC9449A}" dt="2024-05-11T23:11:59.063" v="413" actId="2696"/>
        <pc:sldMkLst>
          <pc:docMk/>
          <pc:sldMk cId="543096390" sldId="2758"/>
        </pc:sldMkLst>
      </pc:sldChg>
      <pc:sldChg chg="addSp modSp del mod setBg">
        <pc:chgData name="芳彦 植野" userId="86ab4e6fb1040a80" providerId="LiveId" clId="{90B3E43B-B3CB-4103-8F41-154F5AC9449A}" dt="2024-05-13T01:40:07.901" v="477" actId="2696"/>
        <pc:sldMkLst>
          <pc:docMk/>
          <pc:sldMk cId="588392011" sldId="2759"/>
        </pc:sldMkLst>
        <pc:spChg chg="mod">
          <ac:chgData name="芳彦 植野" userId="86ab4e6fb1040a80" providerId="LiveId" clId="{90B3E43B-B3CB-4103-8F41-154F5AC9449A}" dt="2024-05-11T23:16:47.645" v="426" actId="26606"/>
          <ac:spMkLst>
            <pc:docMk/>
            <pc:sldMk cId="588392011" sldId="2759"/>
            <ac:spMk id="3" creationId="{211B6A74-24DC-2B56-3149-600EC688E50D}"/>
          </ac:spMkLst>
        </pc:spChg>
        <pc:spChg chg="add">
          <ac:chgData name="芳彦 植野" userId="86ab4e6fb1040a80" providerId="LiveId" clId="{90B3E43B-B3CB-4103-8F41-154F5AC9449A}" dt="2024-05-11T23:16:47.645" v="426" actId="26606"/>
          <ac:spMkLst>
            <pc:docMk/>
            <pc:sldMk cId="588392011" sldId="2759"/>
            <ac:spMk id="8" creationId="{5A59F003-E00A-43F9-91DC-CC54E3B87466}"/>
          </ac:spMkLst>
        </pc:spChg>
        <pc:spChg chg="add">
          <ac:chgData name="芳彦 植野" userId="86ab4e6fb1040a80" providerId="LiveId" clId="{90B3E43B-B3CB-4103-8F41-154F5AC9449A}" dt="2024-05-11T23:16:47.645" v="426" actId="26606"/>
          <ac:spMkLst>
            <pc:docMk/>
            <pc:sldMk cId="588392011" sldId="2759"/>
            <ac:spMk id="10" creationId="{D74A4382-E3AD-430A-9A1F-DFA3E0E77A7D}"/>
          </ac:spMkLst>
        </pc:spChg>
        <pc:spChg chg="add">
          <ac:chgData name="芳彦 植野" userId="86ab4e6fb1040a80" providerId="LiveId" clId="{90B3E43B-B3CB-4103-8F41-154F5AC9449A}" dt="2024-05-11T23:16:47.645" v="426" actId="26606"/>
          <ac:spMkLst>
            <pc:docMk/>
            <pc:sldMk cId="588392011" sldId="2759"/>
            <ac:spMk id="12" creationId="{79F40191-0F44-4FD1-82CC-ACB507C14BE6}"/>
          </ac:spMkLst>
        </pc:spChg>
        <pc:picChg chg="mod">
          <ac:chgData name="芳彦 植野" userId="86ab4e6fb1040a80" providerId="LiveId" clId="{90B3E43B-B3CB-4103-8F41-154F5AC9449A}" dt="2024-05-13T01:39:35.926" v="475" actId="1076"/>
          <ac:picMkLst>
            <pc:docMk/>
            <pc:sldMk cId="588392011" sldId="2759"/>
            <ac:picMk id="2" creationId="{AFE772F5-7CAA-0729-1D45-0D7E9D96F325}"/>
          </ac:picMkLst>
        </pc:picChg>
      </pc:sldChg>
      <pc:sldChg chg="addSp modSp del mod setBg">
        <pc:chgData name="芳彦 植野" userId="86ab4e6fb1040a80" providerId="LiveId" clId="{90B3E43B-B3CB-4103-8F41-154F5AC9449A}" dt="2024-05-13T01:46:43.972" v="499" actId="2696"/>
        <pc:sldMkLst>
          <pc:docMk/>
          <pc:sldMk cId="1056054561" sldId="2761"/>
        </pc:sldMkLst>
        <pc:spChg chg="mod">
          <ac:chgData name="芳彦 植野" userId="86ab4e6fb1040a80" providerId="LiveId" clId="{90B3E43B-B3CB-4103-8F41-154F5AC9449A}" dt="2024-05-11T23:16:25.411" v="425" actId="26606"/>
          <ac:spMkLst>
            <pc:docMk/>
            <pc:sldMk cId="1056054561" sldId="2761"/>
            <ac:spMk id="3" creationId="{4A479C5C-E2B5-BD09-E4B5-F4C1D5812E47}"/>
          </ac:spMkLst>
        </pc:spChg>
        <pc:spChg chg="add">
          <ac:chgData name="芳彦 植野" userId="86ab4e6fb1040a80" providerId="LiveId" clId="{90B3E43B-B3CB-4103-8F41-154F5AC9449A}" dt="2024-05-11T23:16:25.411" v="425" actId="26606"/>
          <ac:spMkLst>
            <pc:docMk/>
            <pc:sldMk cId="1056054561" sldId="2761"/>
            <ac:spMk id="8" creationId="{F13C74B1-5B17-4795-BED0-7140497B445A}"/>
          </ac:spMkLst>
        </pc:spChg>
        <pc:spChg chg="add">
          <ac:chgData name="芳彦 植野" userId="86ab4e6fb1040a80" providerId="LiveId" clId="{90B3E43B-B3CB-4103-8F41-154F5AC9449A}" dt="2024-05-11T23:16:25.411" v="425" actId="26606"/>
          <ac:spMkLst>
            <pc:docMk/>
            <pc:sldMk cId="1056054561" sldId="2761"/>
            <ac:spMk id="10" creationId="{D4974D33-8DC5-464E-8C6D-BE58F0669C17}"/>
          </ac:spMkLst>
        </pc:spChg>
        <pc:picChg chg="mod ord">
          <ac:chgData name="芳彦 植野" userId="86ab4e6fb1040a80" providerId="LiveId" clId="{90B3E43B-B3CB-4103-8F41-154F5AC9449A}" dt="2024-05-11T23:16:25.411" v="425" actId="26606"/>
          <ac:picMkLst>
            <pc:docMk/>
            <pc:sldMk cId="1056054561" sldId="2761"/>
            <ac:picMk id="2" creationId="{27975FDE-699F-0F1F-E021-A9850C0925ED}"/>
          </ac:picMkLst>
        </pc:picChg>
      </pc:sldChg>
      <pc:sldChg chg="add">
        <pc:chgData name="芳彦 植野" userId="86ab4e6fb1040a80" providerId="LiveId" clId="{90B3E43B-B3CB-4103-8F41-154F5AC9449A}" dt="2024-05-11T00:56:08.616" v="208"/>
        <pc:sldMkLst>
          <pc:docMk/>
          <pc:sldMk cId="2988436274" sldId="2766"/>
        </pc:sldMkLst>
      </pc:sldChg>
      <pc:sldChg chg="add del">
        <pc:chgData name="芳彦 植野" userId="86ab4e6fb1040a80" providerId="LiveId" clId="{90B3E43B-B3CB-4103-8F41-154F5AC9449A}" dt="2024-04-30T22:52:35.610" v="126" actId="2696"/>
        <pc:sldMkLst>
          <pc:docMk/>
          <pc:sldMk cId="2031032305" sldId="2769"/>
        </pc:sldMkLst>
      </pc:sldChg>
      <pc:sldChg chg="add">
        <pc:chgData name="芳彦 植野" userId="86ab4e6fb1040a80" providerId="LiveId" clId="{90B3E43B-B3CB-4103-8F41-154F5AC9449A}" dt="2024-05-11T00:37:25.870" v="181"/>
        <pc:sldMkLst>
          <pc:docMk/>
          <pc:sldMk cId="3407117497" sldId="2771"/>
        </pc:sldMkLst>
      </pc:sldChg>
      <pc:sldChg chg="add">
        <pc:chgData name="芳彦 植野" userId="86ab4e6fb1040a80" providerId="LiveId" clId="{90B3E43B-B3CB-4103-8F41-154F5AC9449A}" dt="2024-05-11T00:37:39.258" v="182"/>
        <pc:sldMkLst>
          <pc:docMk/>
          <pc:sldMk cId="2331941290" sldId="2772"/>
        </pc:sldMkLst>
      </pc:sldChg>
      <pc:sldChg chg="add">
        <pc:chgData name="芳彦 植野" userId="86ab4e6fb1040a80" providerId="LiveId" clId="{90B3E43B-B3CB-4103-8F41-154F5AC9449A}" dt="2024-05-11T00:38:07.352" v="184"/>
        <pc:sldMkLst>
          <pc:docMk/>
          <pc:sldMk cId="584435923" sldId="2773"/>
        </pc:sldMkLst>
      </pc:sldChg>
      <pc:sldChg chg="add">
        <pc:chgData name="芳彦 植野" userId="86ab4e6fb1040a80" providerId="LiveId" clId="{90B3E43B-B3CB-4103-8F41-154F5AC9449A}" dt="2024-05-11T00:38:19.424" v="185"/>
        <pc:sldMkLst>
          <pc:docMk/>
          <pc:sldMk cId="4085034216" sldId="2774"/>
        </pc:sldMkLst>
      </pc:sldChg>
      <pc:sldChg chg="add">
        <pc:chgData name="芳彦 植野" userId="86ab4e6fb1040a80" providerId="LiveId" clId="{90B3E43B-B3CB-4103-8F41-154F5AC9449A}" dt="2024-05-11T00:38:35.981" v="186"/>
        <pc:sldMkLst>
          <pc:docMk/>
          <pc:sldMk cId="4093759440" sldId="2775"/>
        </pc:sldMkLst>
      </pc:sldChg>
      <pc:sldChg chg="add">
        <pc:chgData name="芳彦 植野" userId="86ab4e6fb1040a80" providerId="LiveId" clId="{90B3E43B-B3CB-4103-8F41-154F5AC9449A}" dt="2024-05-11T00:51:22.442" v="188"/>
        <pc:sldMkLst>
          <pc:docMk/>
          <pc:sldMk cId="411979756" sldId="2778"/>
        </pc:sldMkLst>
      </pc:sldChg>
      <pc:sldChg chg="del">
        <pc:chgData name="芳彦 植野" userId="86ab4e6fb1040a80" providerId="LiveId" clId="{90B3E43B-B3CB-4103-8F41-154F5AC9449A}" dt="2024-04-30T22:52:34.570" v="125" actId="2696"/>
        <pc:sldMkLst>
          <pc:docMk/>
          <pc:sldMk cId="2563216280" sldId="2778"/>
        </pc:sldMkLst>
      </pc:sldChg>
      <pc:sldChg chg="add del">
        <pc:chgData name="芳彦 植野" userId="86ab4e6fb1040a80" providerId="LiveId" clId="{90B3E43B-B3CB-4103-8F41-154F5AC9449A}" dt="2024-05-11T23:12:00.279" v="414" actId="2696"/>
        <pc:sldMkLst>
          <pc:docMk/>
          <pc:sldMk cId="3756611037" sldId="2780"/>
        </pc:sldMkLst>
      </pc:sldChg>
      <pc:sldChg chg="add del">
        <pc:chgData name="芳彦 植野" userId="86ab4e6fb1040a80" providerId="LiveId" clId="{90B3E43B-B3CB-4103-8F41-154F5AC9449A}" dt="2024-05-11T23:12:01.304" v="415" actId="2696"/>
        <pc:sldMkLst>
          <pc:docMk/>
          <pc:sldMk cId="65488385" sldId="2781"/>
        </pc:sldMkLst>
      </pc:sldChg>
      <pc:sldChg chg="del">
        <pc:chgData name="芳彦 植野" userId="86ab4e6fb1040a80" providerId="LiveId" clId="{90B3E43B-B3CB-4103-8F41-154F5AC9449A}" dt="2024-04-30T22:52:33.296" v="124" actId="2696"/>
        <pc:sldMkLst>
          <pc:docMk/>
          <pc:sldMk cId="3291753045" sldId="2782"/>
        </pc:sldMkLst>
      </pc:sldChg>
      <pc:sldChg chg="add del">
        <pc:chgData name="芳彦 植野" userId="86ab4e6fb1040a80" providerId="LiveId" clId="{90B3E43B-B3CB-4103-8F41-154F5AC9449A}" dt="2024-05-11T23:12:02.144" v="416" actId="2696"/>
        <pc:sldMkLst>
          <pc:docMk/>
          <pc:sldMk cId="225489638" sldId="2784"/>
        </pc:sldMkLst>
      </pc:sldChg>
      <pc:sldChg chg="add del">
        <pc:chgData name="芳彦 植野" userId="86ab4e6fb1040a80" providerId="LiveId" clId="{90B3E43B-B3CB-4103-8F41-154F5AC9449A}" dt="2024-05-11T23:12:04.207" v="417" actId="2696"/>
        <pc:sldMkLst>
          <pc:docMk/>
          <pc:sldMk cId="3542832806" sldId="2790"/>
        </pc:sldMkLst>
      </pc:sldChg>
      <pc:sldChg chg="add">
        <pc:chgData name="芳彦 植野" userId="86ab4e6fb1040a80" providerId="LiveId" clId="{90B3E43B-B3CB-4103-8F41-154F5AC9449A}" dt="2024-05-11T00:37:50.042" v="183"/>
        <pc:sldMkLst>
          <pc:docMk/>
          <pc:sldMk cId="3967676201" sldId="2791"/>
        </pc:sldMkLst>
      </pc:sldChg>
      <pc:sldChg chg="modSp add del mod">
        <pc:chgData name="芳彦 植野" userId="86ab4e6fb1040a80" providerId="LiveId" clId="{90B3E43B-B3CB-4103-8F41-154F5AC9449A}" dt="2024-05-15T17:53:35.826" v="1714" actId="2696"/>
        <pc:sldMkLst>
          <pc:docMk/>
          <pc:sldMk cId="0" sldId="2801"/>
        </pc:sldMkLst>
        <pc:spChg chg="mod">
          <ac:chgData name="芳彦 植野" userId="86ab4e6fb1040a80" providerId="LiveId" clId="{90B3E43B-B3CB-4103-8F41-154F5AC9449A}" dt="2024-05-11T06:31:54.867" v="241" actId="1076"/>
          <ac:spMkLst>
            <pc:docMk/>
            <pc:sldMk cId="0" sldId="2801"/>
            <ac:spMk id="2" creationId="{00000000-0000-0000-0000-000000000000}"/>
          </ac:spMkLst>
        </pc:spChg>
        <pc:graphicFrameChg chg="mod modGraphic">
          <ac:chgData name="芳彦 植野" userId="86ab4e6fb1040a80" providerId="LiveId" clId="{90B3E43B-B3CB-4103-8F41-154F5AC9449A}" dt="2024-05-11T06:31:50.436" v="240" actId="14100"/>
          <ac:graphicFrameMkLst>
            <pc:docMk/>
            <pc:sldMk cId="0" sldId="2801"/>
            <ac:graphicFrameMk id="3" creationId="{00000000-0000-0000-0000-000000000000}"/>
          </ac:graphicFrameMkLst>
        </pc:graphicFrameChg>
      </pc:sldChg>
      <pc:sldChg chg="modSp add del mod">
        <pc:chgData name="芳彦 植野" userId="86ab4e6fb1040a80" providerId="LiveId" clId="{90B3E43B-B3CB-4103-8F41-154F5AC9449A}" dt="2024-05-15T09:15:05.567" v="1028" actId="2696"/>
        <pc:sldMkLst>
          <pc:docMk/>
          <pc:sldMk cId="0" sldId="2802"/>
        </pc:sldMkLst>
        <pc:spChg chg="mod">
          <ac:chgData name="芳彦 植野" userId="86ab4e6fb1040a80" providerId="LiveId" clId="{90B3E43B-B3CB-4103-8F41-154F5AC9449A}" dt="2024-05-11T06:32:13.731" v="244" actId="1076"/>
          <ac:spMkLst>
            <pc:docMk/>
            <pc:sldMk cId="0" sldId="2802"/>
            <ac:spMk id="24" creationId="{00000000-0000-0000-0000-000000000000}"/>
          </ac:spMkLst>
        </pc:spChg>
      </pc:sldChg>
      <pc:sldChg chg="modSp add del mod">
        <pc:chgData name="芳彦 植野" userId="86ab4e6fb1040a80" providerId="LiveId" clId="{90B3E43B-B3CB-4103-8F41-154F5AC9449A}" dt="2024-05-15T09:15:06.390" v="1029" actId="2696"/>
        <pc:sldMkLst>
          <pc:docMk/>
          <pc:sldMk cId="0" sldId="2803"/>
        </pc:sldMkLst>
        <pc:spChg chg="mod">
          <ac:chgData name="芳彦 植野" userId="86ab4e6fb1040a80" providerId="LiveId" clId="{90B3E43B-B3CB-4103-8F41-154F5AC9449A}" dt="2024-05-11T06:32:25.056" v="245" actId="1076"/>
          <ac:spMkLst>
            <pc:docMk/>
            <pc:sldMk cId="0" sldId="2803"/>
            <ac:spMk id="10" creationId="{00000000-0000-0000-0000-000000000000}"/>
          </ac:spMkLst>
        </pc:spChg>
        <pc:graphicFrameChg chg="mod">
          <ac:chgData name="芳彦 植野" userId="86ab4e6fb1040a80" providerId="LiveId" clId="{90B3E43B-B3CB-4103-8F41-154F5AC9449A}" dt="2024-05-11T00:21:04.400" v="175"/>
          <ac:graphicFrameMkLst>
            <pc:docMk/>
            <pc:sldMk cId="0" sldId="2803"/>
            <ac:graphicFrameMk id="18" creationId="{00000000-0000-0000-0000-000000000000}"/>
          </ac:graphicFrameMkLst>
        </pc:graphicFrameChg>
      </pc:sldChg>
      <pc:sldChg chg="add del">
        <pc:chgData name="芳彦 植野" userId="86ab4e6fb1040a80" providerId="LiveId" clId="{90B3E43B-B3CB-4103-8F41-154F5AC9449A}" dt="2024-05-15T17:53:57.059" v="1715" actId="2696"/>
        <pc:sldMkLst>
          <pc:docMk/>
          <pc:sldMk cId="2366932962" sldId="2805"/>
        </pc:sldMkLst>
      </pc:sldChg>
      <pc:sldChg chg="modSp add del mod">
        <pc:chgData name="芳彦 植野" userId="86ab4e6fb1040a80" providerId="LiveId" clId="{90B3E43B-B3CB-4103-8F41-154F5AC9449A}" dt="2024-05-11T06:33:43.415" v="256" actId="2696"/>
        <pc:sldMkLst>
          <pc:docMk/>
          <pc:sldMk cId="0" sldId="2806"/>
        </pc:sldMkLst>
        <pc:spChg chg="mod">
          <ac:chgData name="芳彦 植野" userId="86ab4e6fb1040a80" providerId="LiveId" clId="{90B3E43B-B3CB-4103-8F41-154F5AC9449A}" dt="2024-05-11T06:32:37.623" v="246" actId="1076"/>
          <ac:spMkLst>
            <pc:docMk/>
            <pc:sldMk cId="0" sldId="2806"/>
            <ac:spMk id="2" creationId="{00000000-0000-0000-0000-000000000000}"/>
          </ac:spMkLst>
        </pc:spChg>
        <pc:spChg chg="mod">
          <ac:chgData name="芳彦 植野" userId="86ab4e6fb1040a80" providerId="LiveId" clId="{90B3E43B-B3CB-4103-8F41-154F5AC9449A}" dt="2024-05-11T06:32:57.544" v="249" actId="1076"/>
          <ac:spMkLst>
            <pc:docMk/>
            <pc:sldMk cId="0" sldId="2806"/>
            <ac:spMk id="20" creationId="{00000000-0000-0000-0000-000000000000}"/>
          </ac:spMkLst>
        </pc:spChg>
        <pc:spChg chg="mod">
          <ac:chgData name="芳彦 植野" userId="86ab4e6fb1040a80" providerId="LiveId" clId="{90B3E43B-B3CB-4103-8F41-154F5AC9449A}" dt="2024-05-11T06:33:02.446" v="250" actId="1076"/>
          <ac:spMkLst>
            <pc:docMk/>
            <pc:sldMk cId="0" sldId="2806"/>
            <ac:spMk id="25" creationId="{00000000-0000-0000-0000-000000000000}"/>
          </ac:spMkLst>
        </pc:spChg>
        <pc:spChg chg="mod">
          <ac:chgData name="芳彦 植野" userId="86ab4e6fb1040a80" providerId="LiveId" clId="{90B3E43B-B3CB-4103-8F41-154F5AC9449A}" dt="2024-05-11T06:33:16.301" v="252" actId="1076"/>
          <ac:spMkLst>
            <pc:docMk/>
            <pc:sldMk cId="0" sldId="2806"/>
            <ac:spMk id="28" creationId="{00000000-0000-0000-0000-000000000000}"/>
          </ac:spMkLst>
        </pc:spChg>
        <pc:spChg chg="mod">
          <ac:chgData name="芳彦 植野" userId="86ab4e6fb1040a80" providerId="LiveId" clId="{90B3E43B-B3CB-4103-8F41-154F5AC9449A}" dt="2024-05-11T06:33:10.238" v="251" actId="1076"/>
          <ac:spMkLst>
            <pc:docMk/>
            <pc:sldMk cId="0" sldId="2806"/>
            <ac:spMk id="29" creationId="{00000000-0000-0000-0000-000000000000}"/>
          </ac:spMkLst>
        </pc:spChg>
        <pc:graphicFrameChg chg="mod modGraphic">
          <ac:chgData name="芳彦 植野" userId="86ab4e6fb1040a80" providerId="LiveId" clId="{90B3E43B-B3CB-4103-8F41-154F5AC9449A}" dt="2024-05-11T06:32:46.400" v="248" actId="14734"/>
          <ac:graphicFrameMkLst>
            <pc:docMk/>
            <pc:sldMk cId="0" sldId="2806"/>
            <ac:graphicFrameMk id="91" creationId="{00000000-0000-0000-0000-000000000000}"/>
          </ac:graphicFrameMkLst>
        </pc:graphicFrameChg>
      </pc:sldChg>
      <pc:sldChg chg="modSp add del mod">
        <pc:chgData name="芳彦 植野" userId="86ab4e6fb1040a80" providerId="LiveId" clId="{90B3E43B-B3CB-4103-8F41-154F5AC9449A}" dt="2024-05-11T06:33:38.524" v="255" actId="2696"/>
        <pc:sldMkLst>
          <pc:docMk/>
          <pc:sldMk cId="0" sldId="2807"/>
        </pc:sldMkLst>
        <pc:spChg chg="mod">
          <ac:chgData name="芳彦 植野" userId="86ab4e6fb1040a80" providerId="LiveId" clId="{90B3E43B-B3CB-4103-8F41-154F5AC9449A}" dt="2024-05-11T06:33:27.461" v="253" actId="1076"/>
          <ac:spMkLst>
            <pc:docMk/>
            <pc:sldMk cId="0" sldId="2807"/>
            <ac:spMk id="2" creationId="{00000000-0000-0000-0000-000000000000}"/>
          </ac:spMkLst>
        </pc:spChg>
        <pc:graphicFrameChg chg="mod">
          <ac:chgData name="芳彦 植野" userId="86ab4e6fb1040a80" providerId="LiveId" clId="{90B3E43B-B3CB-4103-8F41-154F5AC9449A}" dt="2024-05-11T06:33:30.343" v="254" actId="1076"/>
          <ac:graphicFrameMkLst>
            <pc:docMk/>
            <pc:sldMk cId="0" sldId="2807"/>
            <ac:graphicFrameMk id="3" creationId="{00000000-0000-0000-0000-000000000000}"/>
          </ac:graphicFrameMkLst>
        </pc:graphicFrameChg>
      </pc:sldChg>
      <pc:sldChg chg="addSp modSp mod">
        <pc:chgData name="芳彦 植野" userId="86ab4e6fb1040a80" providerId="LiveId" clId="{90B3E43B-B3CB-4103-8F41-154F5AC9449A}" dt="2024-05-15T17:36:49.415" v="1244" actId="1076"/>
        <pc:sldMkLst>
          <pc:docMk/>
          <pc:sldMk cId="3268885342" sldId="2813"/>
        </pc:sldMkLst>
        <pc:spChg chg="add mod">
          <ac:chgData name="芳彦 植野" userId="86ab4e6fb1040a80" providerId="LiveId" clId="{90B3E43B-B3CB-4103-8F41-154F5AC9449A}" dt="2024-05-15T17:36:49.415" v="1244" actId="1076"/>
          <ac:spMkLst>
            <pc:docMk/>
            <pc:sldMk cId="3268885342" sldId="2813"/>
            <ac:spMk id="4" creationId="{87C18C5B-3EDF-FF88-C4F7-240B12F49B4F}"/>
          </ac:spMkLst>
        </pc:spChg>
        <pc:spChg chg="mod">
          <ac:chgData name="芳彦 植野" userId="86ab4e6fb1040a80" providerId="LiveId" clId="{90B3E43B-B3CB-4103-8F41-154F5AC9449A}" dt="2024-05-15T17:36:40.702" v="1243" actId="21"/>
          <ac:spMkLst>
            <pc:docMk/>
            <pc:sldMk cId="3268885342" sldId="2813"/>
            <ac:spMk id="7" creationId="{B26A66D6-F4D7-3094-85CD-AAA8029E21B5}"/>
          </ac:spMkLst>
        </pc:spChg>
      </pc:sldChg>
      <pc:sldChg chg="del">
        <pc:chgData name="芳彦 植野" userId="86ab4e6fb1040a80" providerId="LiveId" clId="{90B3E43B-B3CB-4103-8F41-154F5AC9449A}" dt="2024-05-13T01:19:59.687" v="428" actId="2696"/>
        <pc:sldMkLst>
          <pc:docMk/>
          <pc:sldMk cId="62187434" sldId="2816"/>
        </pc:sldMkLst>
      </pc:sldChg>
      <pc:sldChg chg="modSp mod">
        <pc:chgData name="芳彦 植野" userId="86ab4e6fb1040a80" providerId="LiveId" clId="{90B3E43B-B3CB-4103-8F41-154F5AC9449A}" dt="2024-05-14T23:15:47.998" v="606" actId="27636"/>
        <pc:sldMkLst>
          <pc:docMk/>
          <pc:sldMk cId="3592500252" sldId="2817"/>
        </pc:sldMkLst>
        <pc:spChg chg="mod">
          <ac:chgData name="芳彦 植野" userId="86ab4e6fb1040a80" providerId="LiveId" clId="{90B3E43B-B3CB-4103-8F41-154F5AC9449A}" dt="2024-05-14T23:15:47.998" v="606" actId="27636"/>
          <ac:spMkLst>
            <pc:docMk/>
            <pc:sldMk cId="3592500252" sldId="2817"/>
            <ac:spMk id="3" creationId="{59A6AB16-D4F3-6B7A-7BE2-219C22BC7B35}"/>
          </ac:spMkLst>
        </pc:spChg>
      </pc:sldChg>
      <pc:sldChg chg="modSp mod">
        <pc:chgData name="芳彦 植野" userId="86ab4e6fb1040a80" providerId="LiveId" clId="{90B3E43B-B3CB-4103-8F41-154F5AC9449A}" dt="2024-04-30T22:55:26.295" v="152" actId="20577"/>
        <pc:sldMkLst>
          <pc:docMk/>
          <pc:sldMk cId="1669230869" sldId="2818"/>
        </pc:sldMkLst>
        <pc:spChg chg="mod">
          <ac:chgData name="芳彦 植野" userId="86ab4e6fb1040a80" providerId="LiveId" clId="{90B3E43B-B3CB-4103-8F41-154F5AC9449A}" dt="2024-04-30T22:55:26.295" v="152" actId="20577"/>
          <ac:spMkLst>
            <pc:docMk/>
            <pc:sldMk cId="1669230869" sldId="2818"/>
            <ac:spMk id="3" creationId="{98658827-7309-AEAA-B104-FDFAC36F6AB5}"/>
          </ac:spMkLst>
        </pc:spChg>
      </pc:sldChg>
      <pc:sldChg chg="delSp modSp mod">
        <pc:chgData name="芳彦 植野" userId="86ab4e6fb1040a80" providerId="LiveId" clId="{90B3E43B-B3CB-4103-8F41-154F5AC9449A}" dt="2024-04-28T21:22:14.951" v="112" actId="1076"/>
        <pc:sldMkLst>
          <pc:docMk/>
          <pc:sldMk cId="2459585590" sldId="2819"/>
        </pc:sldMkLst>
        <pc:spChg chg="mod">
          <ac:chgData name="芳彦 植野" userId="86ab4e6fb1040a80" providerId="LiveId" clId="{90B3E43B-B3CB-4103-8F41-154F5AC9449A}" dt="2024-04-28T21:22:14.951" v="112" actId="1076"/>
          <ac:spMkLst>
            <pc:docMk/>
            <pc:sldMk cId="2459585590" sldId="2819"/>
            <ac:spMk id="4099" creationId="{35C882C9-0FF4-ABA5-FB0B-43417D9A8E10}"/>
          </ac:spMkLst>
        </pc:spChg>
        <pc:spChg chg="mod">
          <ac:chgData name="芳彦 植野" userId="86ab4e6fb1040a80" providerId="LiveId" clId="{90B3E43B-B3CB-4103-8F41-154F5AC9449A}" dt="2024-04-28T21:22:04.885" v="111" actId="1076"/>
          <ac:spMkLst>
            <pc:docMk/>
            <pc:sldMk cId="2459585590" sldId="2819"/>
            <ac:spMk id="4100" creationId="{9B9A8C65-54AC-55C9-76E5-843269FC650F}"/>
          </ac:spMkLst>
        </pc:spChg>
        <pc:picChg chg="del">
          <ac:chgData name="芳彦 植野" userId="86ab4e6fb1040a80" providerId="LiveId" clId="{90B3E43B-B3CB-4103-8F41-154F5AC9449A}" dt="2024-04-28T20:10:45.125" v="0" actId="21"/>
          <ac:picMkLst>
            <pc:docMk/>
            <pc:sldMk cId="2459585590" sldId="2819"/>
            <ac:picMk id="4098" creationId="{5077D697-A05E-5CE4-BFC5-B2C18D972E98}"/>
          </ac:picMkLst>
        </pc:picChg>
      </pc:sldChg>
      <pc:sldChg chg="del">
        <pc:chgData name="芳彦 植野" userId="86ab4e6fb1040a80" providerId="LiveId" clId="{90B3E43B-B3CB-4103-8F41-154F5AC9449A}" dt="2024-05-13T01:32:30.246" v="461" actId="2696"/>
        <pc:sldMkLst>
          <pc:docMk/>
          <pc:sldMk cId="1122694504" sldId="2821"/>
        </pc:sldMkLst>
      </pc:sldChg>
      <pc:sldChg chg="del">
        <pc:chgData name="芳彦 植野" userId="86ab4e6fb1040a80" providerId="LiveId" clId="{90B3E43B-B3CB-4103-8F41-154F5AC9449A}" dt="2024-05-06T21:31:49.039" v="156" actId="2696"/>
        <pc:sldMkLst>
          <pc:docMk/>
          <pc:sldMk cId="3359569296" sldId="2824"/>
        </pc:sldMkLst>
      </pc:sldChg>
      <pc:sldChg chg="del">
        <pc:chgData name="芳彦 植野" userId="86ab4e6fb1040a80" providerId="LiveId" clId="{90B3E43B-B3CB-4103-8F41-154F5AC9449A}" dt="2024-05-13T01:32:16.694" v="459" actId="2696"/>
        <pc:sldMkLst>
          <pc:docMk/>
          <pc:sldMk cId="3166690312" sldId="2825"/>
        </pc:sldMkLst>
      </pc:sldChg>
      <pc:sldChg chg="addSp modSp new del mod">
        <pc:chgData name="芳彦 植野" userId="86ab4e6fb1040a80" providerId="LiveId" clId="{90B3E43B-B3CB-4103-8F41-154F5AC9449A}" dt="2024-04-29T00:26:56.522" v="122" actId="2696"/>
        <pc:sldMkLst>
          <pc:docMk/>
          <pc:sldMk cId="2890163104" sldId="2826"/>
        </pc:sldMkLst>
        <pc:picChg chg="add mod">
          <ac:chgData name="芳彦 植野" userId="86ab4e6fb1040a80" providerId="LiveId" clId="{90B3E43B-B3CB-4103-8F41-154F5AC9449A}" dt="2024-04-29T00:24:37.030" v="121" actId="1076"/>
          <ac:picMkLst>
            <pc:docMk/>
            <pc:sldMk cId="2890163104" sldId="2826"/>
            <ac:picMk id="4" creationId="{F36456ED-E8C7-4EE4-BADE-14349E6B041C}"/>
          </ac:picMkLst>
        </pc:picChg>
      </pc:sldChg>
      <pc:sldChg chg="modSp add del mod">
        <pc:chgData name="芳彦 植野" userId="86ab4e6fb1040a80" providerId="LiveId" clId="{90B3E43B-B3CB-4103-8F41-154F5AC9449A}" dt="2024-05-15T09:14:26.469" v="1027" actId="20577"/>
        <pc:sldMkLst>
          <pc:docMk/>
          <pc:sldMk cId="3547136350" sldId="2882"/>
        </pc:sldMkLst>
        <pc:spChg chg="mod">
          <ac:chgData name="芳彦 植野" userId="86ab4e6fb1040a80" providerId="LiveId" clId="{90B3E43B-B3CB-4103-8F41-154F5AC9449A}" dt="2024-05-15T09:14:26.469" v="1027" actId="20577"/>
          <ac:spMkLst>
            <pc:docMk/>
            <pc:sldMk cId="3547136350" sldId="2882"/>
            <ac:spMk id="31747" creationId="{96607FA7-6C2F-6D83-0474-66DC7468606A}"/>
          </ac:spMkLst>
        </pc:spChg>
      </pc:sldChg>
      <pc:sldChg chg="add del">
        <pc:chgData name="芳彦 植野" userId="86ab4e6fb1040a80" providerId="LiveId" clId="{90B3E43B-B3CB-4103-8F41-154F5AC9449A}" dt="2024-05-11T06:31:26.836" v="235" actId="2696"/>
        <pc:sldMkLst>
          <pc:docMk/>
          <pc:sldMk cId="0" sldId="2883"/>
        </pc:sldMkLst>
      </pc:sldChg>
      <pc:sldChg chg="add del">
        <pc:chgData name="芳彦 植野" userId="86ab4e6fb1040a80" providerId="LiveId" clId="{90B3E43B-B3CB-4103-8F41-154F5AC9449A}" dt="2024-05-14T23:25:32.432" v="736" actId="2696"/>
        <pc:sldMkLst>
          <pc:docMk/>
          <pc:sldMk cId="2945636601" sldId="2883"/>
        </pc:sldMkLst>
      </pc:sldChg>
      <pc:sldChg chg="add del">
        <pc:chgData name="芳彦 植野" userId="86ab4e6fb1040a80" providerId="LiveId" clId="{90B3E43B-B3CB-4103-8F41-154F5AC9449A}" dt="2024-05-13T01:38:48.370" v="472"/>
        <pc:sldMkLst>
          <pc:docMk/>
          <pc:sldMk cId="0" sldId="2884"/>
        </pc:sldMkLst>
      </pc:sldChg>
      <pc:sldChg chg="add del">
        <pc:chgData name="芳彦 植野" userId="86ab4e6fb1040a80" providerId="LiveId" clId="{90B3E43B-B3CB-4103-8F41-154F5AC9449A}" dt="2024-05-11T06:32:07.727" v="243" actId="2696"/>
        <pc:sldMkLst>
          <pc:docMk/>
          <pc:sldMk cId="0" sldId="2885"/>
        </pc:sldMkLst>
      </pc:sldChg>
      <pc:sldChg chg="add del">
        <pc:chgData name="芳彦 植野" userId="86ab4e6fb1040a80" providerId="LiveId" clId="{90B3E43B-B3CB-4103-8F41-154F5AC9449A}" dt="2024-05-15T18:41:08.628" v="2004" actId="2696"/>
        <pc:sldMkLst>
          <pc:docMk/>
          <pc:sldMk cId="3204698224" sldId="2886"/>
        </pc:sldMkLst>
      </pc:sldChg>
      <pc:sldChg chg="add">
        <pc:chgData name="芳彦 植野" userId="86ab4e6fb1040a80" providerId="LiveId" clId="{90B3E43B-B3CB-4103-8F41-154F5AC9449A}" dt="2024-05-11T00:52:13.749" v="191"/>
        <pc:sldMkLst>
          <pc:docMk/>
          <pc:sldMk cId="1218274419" sldId="2887"/>
        </pc:sldMkLst>
      </pc:sldChg>
      <pc:sldChg chg="add">
        <pc:chgData name="芳彦 植野" userId="86ab4e6fb1040a80" providerId="LiveId" clId="{90B3E43B-B3CB-4103-8F41-154F5AC9449A}" dt="2024-05-11T00:55:29.374" v="205"/>
        <pc:sldMkLst>
          <pc:docMk/>
          <pc:sldMk cId="2291883027" sldId="2888"/>
        </pc:sldMkLst>
      </pc:sldChg>
      <pc:sldChg chg="new del">
        <pc:chgData name="芳彦 植野" userId="86ab4e6fb1040a80" providerId="LiveId" clId="{90B3E43B-B3CB-4103-8F41-154F5AC9449A}" dt="2024-05-11T06:34:06.008" v="257" actId="2696"/>
        <pc:sldMkLst>
          <pc:docMk/>
          <pc:sldMk cId="2892281835" sldId="2889"/>
        </pc:sldMkLst>
      </pc:sldChg>
      <pc:sldChg chg="addSp modSp new del mod">
        <pc:chgData name="芳彦 植野" userId="86ab4e6fb1040a80" providerId="LiveId" clId="{90B3E43B-B3CB-4103-8F41-154F5AC9449A}" dt="2024-05-11T23:12:13.134" v="418" actId="2696"/>
        <pc:sldMkLst>
          <pc:docMk/>
          <pc:sldMk cId="3557187174" sldId="2890"/>
        </pc:sldMkLst>
        <pc:picChg chg="add mod">
          <ac:chgData name="芳彦 植野" userId="86ab4e6fb1040a80" providerId="LiveId" clId="{90B3E43B-B3CB-4103-8F41-154F5AC9449A}" dt="2024-05-11T06:34:15.963" v="259" actId="14100"/>
          <ac:picMkLst>
            <pc:docMk/>
            <pc:sldMk cId="3557187174" sldId="2890"/>
            <ac:picMk id="4" creationId="{59B56477-AC80-152D-0E8D-111E03C3A52A}"/>
          </ac:picMkLst>
        </pc:picChg>
      </pc:sldChg>
      <pc:sldChg chg="addSp modSp new del mod">
        <pc:chgData name="芳彦 植野" userId="86ab4e6fb1040a80" providerId="LiveId" clId="{90B3E43B-B3CB-4103-8F41-154F5AC9449A}" dt="2024-05-13T01:40:19.216" v="478" actId="2696"/>
        <pc:sldMkLst>
          <pc:docMk/>
          <pc:sldMk cId="2339764621" sldId="2891"/>
        </pc:sldMkLst>
        <pc:spChg chg="add mod">
          <ac:chgData name="芳彦 植野" userId="86ab4e6fb1040a80" providerId="LiveId" clId="{90B3E43B-B3CB-4103-8F41-154F5AC9449A}" dt="2024-05-11T06:38:43.427" v="351" actId="20577"/>
          <ac:spMkLst>
            <pc:docMk/>
            <pc:sldMk cId="2339764621" sldId="2891"/>
            <ac:spMk id="3" creationId="{A28EEDFA-4C9D-82B9-DD34-0F8A4E06C1FA}"/>
          </ac:spMkLst>
        </pc:spChg>
        <pc:picChg chg="add mod">
          <ac:chgData name="芳彦 植野" userId="86ab4e6fb1040a80" providerId="LiveId" clId="{90B3E43B-B3CB-4103-8F41-154F5AC9449A}" dt="2024-05-11T06:38:04.519" v="285" actId="1076"/>
          <ac:picMkLst>
            <pc:docMk/>
            <pc:sldMk cId="2339764621" sldId="2891"/>
            <ac:picMk id="4" creationId="{D2FB0F52-14F1-C90B-AFBD-9D3FBE8D7743}"/>
          </ac:picMkLst>
        </pc:picChg>
      </pc:sldChg>
      <pc:sldChg chg="addSp modSp new del mod">
        <pc:chgData name="芳彦 植野" userId="86ab4e6fb1040a80" providerId="LiveId" clId="{90B3E43B-B3CB-4103-8F41-154F5AC9449A}" dt="2024-05-11T23:13:13.162" v="421" actId="2696"/>
        <pc:sldMkLst>
          <pc:docMk/>
          <pc:sldMk cId="804672555" sldId="2892"/>
        </pc:sldMkLst>
        <pc:spChg chg="add mod">
          <ac:chgData name="芳彦 植野" userId="86ab4e6fb1040a80" providerId="LiveId" clId="{90B3E43B-B3CB-4103-8F41-154F5AC9449A}" dt="2024-05-11T06:39:17.720" v="409" actId="20577"/>
          <ac:spMkLst>
            <pc:docMk/>
            <pc:sldMk cId="804672555" sldId="2892"/>
            <ac:spMk id="4" creationId="{D8B4E6B3-4990-392B-BB90-759356A20FE4}"/>
          </ac:spMkLst>
        </pc:spChg>
        <pc:picChg chg="add mod">
          <ac:chgData name="芳彦 植野" userId="86ab4e6fb1040a80" providerId="LiveId" clId="{90B3E43B-B3CB-4103-8F41-154F5AC9449A}" dt="2024-05-11T06:34:27.499" v="261" actId="14100"/>
          <ac:picMkLst>
            <pc:docMk/>
            <pc:sldMk cId="804672555" sldId="2892"/>
            <ac:picMk id="3" creationId="{6793FA6E-7DFE-902F-F685-F6AF0908CB14}"/>
          </ac:picMkLst>
        </pc:picChg>
        <pc:picChg chg="add">
          <ac:chgData name="芳彦 植野" userId="86ab4e6fb1040a80" providerId="LiveId" clId="{90B3E43B-B3CB-4103-8F41-154F5AC9449A}" dt="2024-05-11T23:12:53.182" v="419"/>
          <ac:picMkLst>
            <pc:docMk/>
            <pc:sldMk cId="804672555" sldId="2892"/>
            <ac:picMk id="5" creationId="{1DF5EB9B-F426-9E91-B0AE-69160E2DF7C2}"/>
          </ac:picMkLst>
        </pc:picChg>
      </pc:sldChg>
      <pc:sldChg chg="addSp modSp new mod">
        <pc:chgData name="芳彦 植野" userId="86ab4e6fb1040a80" providerId="LiveId" clId="{90B3E43B-B3CB-4103-8F41-154F5AC9449A}" dt="2024-05-11T06:29:16.543" v="219" actId="14100"/>
        <pc:sldMkLst>
          <pc:docMk/>
          <pc:sldMk cId="2466066003" sldId="2893"/>
        </pc:sldMkLst>
        <pc:picChg chg="add mod">
          <ac:chgData name="芳彦 植野" userId="86ab4e6fb1040a80" providerId="LiveId" clId="{90B3E43B-B3CB-4103-8F41-154F5AC9449A}" dt="2024-05-11T06:29:16.543" v="219" actId="14100"/>
          <ac:picMkLst>
            <pc:docMk/>
            <pc:sldMk cId="2466066003" sldId="2893"/>
            <ac:picMk id="4" creationId="{05141387-FAD7-8A30-E4C9-881EEC6E34F9}"/>
          </ac:picMkLst>
        </pc:picChg>
      </pc:sldChg>
      <pc:sldChg chg="addSp new">
        <pc:chgData name="芳彦 植野" userId="86ab4e6fb1040a80" providerId="LiveId" clId="{90B3E43B-B3CB-4103-8F41-154F5AC9449A}" dt="2024-05-11T06:40:59.824" v="411"/>
        <pc:sldMkLst>
          <pc:docMk/>
          <pc:sldMk cId="1884252765" sldId="2894"/>
        </pc:sldMkLst>
        <pc:picChg chg="add">
          <ac:chgData name="芳彦 植野" userId="86ab4e6fb1040a80" providerId="LiveId" clId="{90B3E43B-B3CB-4103-8F41-154F5AC9449A}" dt="2024-05-11T06:40:59.824" v="411"/>
          <ac:picMkLst>
            <pc:docMk/>
            <pc:sldMk cId="1884252765" sldId="2894"/>
            <ac:picMk id="3" creationId="{D0F6471E-2CA3-2122-08C1-B15DA99252F0}"/>
          </ac:picMkLst>
        </pc:picChg>
      </pc:sldChg>
      <pc:sldChg chg="modSp add del mod">
        <pc:chgData name="芳彦 植野" userId="86ab4e6fb1040a80" providerId="LiveId" clId="{90B3E43B-B3CB-4103-8F41-154F5AC9449A}" dt="2024-05-15T18:40:23.284" v="2003" actId="2696"/>
        <pc:sldMkLst>
          <pc:docMk/>
          <pc:sldMk cId="2698748292" sldId="2895"/>
        </pc:sldMkLst>
        <pc:spChg chg="mod">
          <ac:chgData name="芳彦 植野" userId="86ab4e6fb1040a80" providerId="LiveId" clId="{90B3E43B-B3CB-4103-8F41-154F5AC9449A}" dt="2024-05-15T17:37:49.273" v="1247" actId="20577"/>
          <ac:spMkLst>
            <pc:docMk/>
            <pc:sldMk cId="2698748292" sldId="2895"/>
            <ac:spMk id="2" creationId="{1CF1A9E0-6B8E-41C4-9457-F9C86BA5B92E}"/>
          </ac:spMkLst>
        </pc:spChg>
      </pc:sldChg>
      <pc:sldChg chg="add del">
        <pc:chgData name="芳彦 植野" userId="86ab4e6fb1040a80" providerId="LiveId" clId="{90B3E43B-B3CB-4103-8F41-154F5AC9449A}" dt="2024-05-13T01:27:10.008" v="438" actId="2696"/>
        <pc:sldMkLst>
          <pc:docMk/>
          <pc:sldMk cId="500992089" sldId="2896"/>
        </pc:sldMkLst>
      </pc:sldChg>
      <pc:sldChg chg="modSp add mod">
        <pc:chgData name="芳彦 植野" userId="86ab4e6fb1040a80" providerId="LiveId" clId="{90B3E43B-B3CB-4103-8F41-154F5AC9449A}" dt="2024-05-14T20:49:53.054" v="560" actId="6549"/>
        <pc:sldMkLst>
          <pc:docMk/>
          <pc:sldMk cId="2694702766" sldId="2896"/>
        </pc:sldMkLst>
        <pc:spChg chg="mod">
          <ac:chgData name="芳彦 植野" userId="86ab4e6fb1040a80" providerId="LiveId" clId="{90B3E43B-B3CB-4103-8F41-154F5AC9449A}" dt="2024-05-14T20:49:53.054" v="560" actId="6549"/>
          <ac:spMkLst>
            <pc:docMk/>
            <pc:sldMk cId="2694702766" sldId="2896"/>
            <ac:spMk id="6" creationId="{00000000-0000-0000-0000-000000000000}"/>
          </ac:spMkLst>
        </pc:spChg>
      </pc:sldChg>
      <pc:sldChg chg="add del">
        <pc:chgData name="芳彦 植野" userId="86ab4e6fb1040a80" providerId="LiveId" clId="{90B3E43B-B3CB-4103-8F41-154F5AC9449A}" dt="2024-05-15T09:16:41.839" v="1046" actId="2696"/>
        <pc:sldMkLst>
          <pc:docMk/>
          <pc:sldMk cId="0" sldId="2897"/>
        </pc:sldMkLst>
      </pc:sldChg>
      <pc:sldChg chg="add">
        <pc:chgData name="芳彦 植野" userId="86ab4e6fb1040a80" providerId="LiveId" clId="{90B3E43B-B3CB-4103-8F41-154F5AC9449A}" dt="2024-05-13T01:30:09.413" v="452"/>
        <pc:sldMkLst>
          <pc:docMk/>
          <pc:sldMk cId="68301570" sldId="2898"/>
        </pc:sldMkLst>
      </pc:sldChg>
      <pc:sldChg chg="add del">
        <pc:chgData name="芳彦 植野" userId="86ab4e6fb1040a80" providerId="LiveId" clId="{90B3E43B-B3CB-4103-8F41-154F5AC9449A}" dt="2024-05-13T01:43:25.286" v="482" actId="2696"/>
        <pc:sldMkLst>
          <pc:docMk/>
          <pc:sldMk cId="0" sldId="2899"/>
        </pc:sldMkLst>
      </pc:sldChg>
      <pc:sldChg chg="add del">
        <pc:chgData name="芳彦 植野" userId="86ab4e6fb1040a80" providerId="LiveId" clId="{90B3E43B-B3CB-4103-8F41-154F5AC9449A}" dt="2024-05-15T18:00:36.631" v="1971" actId="2696"/>
        <pc:sldMkLst>
          <pc:docMk/>
          <pc:sldMk cId="0" sldId="2912"/>
        </pc:sldMkLst>
      </pc:sldChg>
      <pc:sldChg chg="add">
        <pc:chgData name="芳彦 植野" userId="86ab4e6fb1040a80" providerId="LiveId" clId="{90B3E43B-B3CB-4103-8F41-154F5AC9449A}" dt="2024-05-13T01:40:03.691" v="476"/>
        <pc:sldMkLst>
          <pc:docMk/>
          <pc:sldMk cId="0" sldId="2913"/>
        </pc:sldMkLst>
      </pc:sldChg>
      <pc:sldChg chg="add">
        <pc:chgData name="芳彦 植野" userId="86ab4e6fb1040a80" providerId="LiveId" clId="{90B3E43B-B3CB-4103-8F41-154F5AC9449A}" dt="2024-05-13T01:38:08.311" v="470"/>
        <pc:sldMkLst>
          <pc:docMk/>
          <pc:sldMk cId="0" sldId="2914"/>
        </pc:sldMkLst>
      </pc:sldChg>
      <pc:sldChg chg="add">
        <pc:chgData name="芳彦 植野" userId="86ab4e6fb1040a80" providerId="LiveId" clId="{90B3E43B-B3CB-4103-8F41-154F5AC9449A}" dt="2024-05-13T01:39:03.198" v="473"/>
        <pc:sldMkLst>
          <pc:docMk/>
          <pc:sldMk cId="0" sldId="2915"/>
        </pc:sldMkLst>
      </pc:sldChg>
      <pc:sldChg chg="add">
        <pc:chgData name="芳彦 植野" userId="86ab4e6fb1040a80" providerId="LiveId" clId="{90B3E43B-B3CB-4103-8F41-154F5AC9449A}" dt="2024-05-13T01:39:20.840" v="474"/>
        <pc:sldMkLst>
          <pc:docMk/>
          <pc:sldMk cId="0" sldId="2916"/>
        </pc:sldMkLst>
      </pc:sldChg>
      <pc:sldChg chg="addSp delSp modSp new mod">
        <pc:chgData name="芳彦 植野" userId="86ab4e6fb1040a80" providerId="LiveId" clId="{90B3E43B-B3CB-4103-8F41-154F5AC9449A}" dt="2024-05-14T23:16:30.743" v="629" actId="20577"/>
        <pc:sldMkLst>
          <pc:docMk/>
          <pc:sldMk cId="1437656296" sldId="2917"/>
        </pc:sldMkLst>
        <pc:spChg chg="del">
          <ac:chgData name="芳彦 植野" userId="86ab4e6fb1040a80" providerId="LiveId" clId="{90B3E43B-B3CB-4103-8F41-154F5AC9449A}" dt="2024-05-14T20:48:24.143" v="554" actId="21"/>
          <ac:spMkLst>
            <pc:docMk/>
            <pc:sldMk cId="1437656296" sldId="2917"/>
            <ac:spMk id="2" creationId="{8B2FC984-17B6-8915-D0CE-8916419758FF}"/>
          </ac:spMkLst>
        </pc:spChg>
        <pc:spChg chg="add mod">
          <ac:chgData name="芳彦 植野" userId="86ab4e6fb1040a80" providerId="LiveId" clId="{90B3E43B-B3CB-4103-8F41-154F5AC9449A}" dt="2024-05-14T23:16:30.743" v="629" actId="20577"/>
          <ac:spMkLst>
            <pc:docMk/>
            <pc:sldMk cId="1437656296" sldId="2917"/>
            <ac:spMk id="2" creationId="{9D1B71F4-BC40-D388-0061-FAA9458C6D44}"/>
          </ac:spMkLst>
        </pc:spChg>
        <pc:spChg chg="add mod">
          <ac:chgData name="芳彦 植野" userId="86ab4e6fb1040a80" providerId="LiveId" clId="{90B3E43B-B3CB-4103-8F41-154F5AC9449A}" dt="2024-05-14T20:40:54.101" v="516" actId="14100"/>
          <ac:spMkLst>
            <pc:docMk/>
            <pc:sldMk cId="1437656296" sldId="2917"/>
            <ac:spMk id="5" creationId="{0B658CE1-1B96-6C95-5D27-338697ADFA15}"/>
          </ac:spMkLst>
        </pc:spChg>
        <pc:spChg chg="add mod">
          <ac:chgData name="芳彦 植野" userId="86ab4e6fb1040a80" providerId="LiveId" clId="{90B3E43B-B3CB-4103-8F41-154F5AC9449A}" dt="2024-05-14T20:43:17.491" v="526" actId="1076"/>
          <ac:spMkLst>
            <pc:docMk/>
            <pc:sldMk cId="1437656296" sldId="2917"/>
            <ac:spMk id="10" creationId="{4A884774-6923-E3CB-A094-6BA2A7FE9CDA}"/>
          </ac:spMkLst>
        </pc:spChg>
        <pc:spChg chg="add mod">
          <ac:chgData name="芳彦 植野" userId="86ab4e6fb1040a80" providerId="LiveId" clId="{90B3E43B-B3CB-4103-8F41-154F5AC9449A}" dt="2024-05-14T20:45:12.641" v="534" actId="1076"/>
          <ac:spMkLst>
            <pc:docMk/>
            <pc:sldMk cId="1437656296" sldId="2917"/>
            <ac:spMk id="13" creationId="{9C971A1E-6107-8EEB-8087-EF61D9F0A81A}"/>
          </ac:spMkLst>
        </pc:spChg>
        <pc:spChg chg="add mod">
          <ac:chgData name="芳彦 植野" userId="86ab4e6fb1040a80" providerId="LiveId" clId="{90B3E43B-B3CB-4103-8F41-154F5AC9449A}" dt="2024-05-14T20:47:37.059" v="547" actId="1076"/>
          <ac:spMkLst>
            <pc:docMk/>
            <pc:sldMk cId="1437656296" sldId="2917"/>
            <ac:spMk id="19" creationId="{927D65D6-D66D-A953-CE30-D401B9398E84}"/>
          </ac:spMkLst>
        </pc:spChg>
        <pc:picChg chg="add mod">
          <ac:chgData name="芳彦 植野" userId="86ab4e6fb1040a80" providerId="LiveId" clId="{90B3E43B-B3CB-4103-8F41-154F5AC9449A}" dt="2024-05-14T20:40:26.308" v="513" actId="14100"/>
          <ac:picMkLst>
            <pc:docMk/>
            <pc:sldMk cId="1437656296" sldId="2917"/>
            <ac:picMk id="3" creationId="{D8A19C4B-B05D-B9E9-C8DD-A2CCA0BAB07D}"/>
          </ac:picMkLst>
        </pc:picChg>
        <pc:picChg chg="add mod">
          <ac:chgData name="芳彦 植野" userId="86ab4e6fb1040a80" providerId="LiveId" clId="{90B3E43B-B3CB-4103-8F41-154F5AC9449A}" dt="2024-05-14T20:48:19.067" v="553" actId="1076"/>
          <ac:picMkLst>
            <pc:docMk/>
            <pc:sldMk cId="1437656296" sldId="2917"/>
            <ac:picMk id="4" creationId="{C4BAE7B3-C5E5-684A-FE04-F55860D18F39}"/>
          </ac:picMkLst>
        </pc:picChg>
        <pc:picChg chg="add mod">
          <ac:chgData name="芳彦 植野" userId="86ab4e6fb1040a80" providerId="LiveId" clId="{90B3E43B-B3CB-4103-8F41-154F5AC9449A}" dt="2024-05-14T20:41:21.740" v="518" actId="1076"/>
          <ac:picMkLst>
            <pc:docMk/>
            <pc:sldMk cId="1437656296" sldId="2917"/>
            <ac:picMk id="6" creationId="{41BAAF76-37EF-4C72-0A39-7BC4EFA4BFFC}"/>
          </ac:picMkLst>
        </pc:picChg>
        <pc:picChg chg="add mod">
          <ac:chgData name="芳彦 植野" userId="86ab4e6fb1040a80" providerId="LiveId" clId="{90B3E43B-B3CB-4103-8F41-154F5AC9449A}" dt="2024-05-14T20:41:41.737" v="519"/>
          <ac:picMkLst>
            <pc:docMk/>
            <pc:sldMk cId="1437656296" sldId="2917"/>
            <ac:picMk id="7" creationId="{E00D5498-450C-61E4-E9BE-3717EE687688}"/>
          </ac:picMkLst>
        </pc:picChg>
        <pc:picChg chg="add mod">
          <ac:chgData name="芳彦 植野" userId="86ab4e6fb1040a80" providerId="LiveId" clId="{90B3E43B-B3CB-4103-8F41-154F5AC9449A}" dt="2024-05-14T20:42:10.285" v="521" actId="1076"/>
          <ac:picMkLst>
            <pc:docMk/>
            <pc:sldMk cId="1437656296" sldId="2917"/>
            <ac:picMk id="8" creationId="{BFBE40EB-8D74-435B-EE66-B4B71874E27B}"/>
          </ac:picMkLst>
        </pc:picChg>
        <pc:picChg chg="add mod">
          <ac:chgData name="芳彦 植野" userId="86ab4e6fb1040a80" providerId="LiveId" clId="{90B3E43B-B3CB-4103-8F41-154F5AC9449A}" dt="2024-05-14T20:42:39.994" v="524" actId="14100"/>
          <ac:picMkLst>
            <pc:docMk/>
            <pc:sldMk cId="1437656296" sldId="2917"/>
            <ac:picMk id="9" creationId="{4CFD6797-7FA5-25BB-9F6B-12DB10905DFF}"/>
          </ac:picMkLst>
        </pc:picChg>
        <pc:picChg chg="add mod">
          <ac:chgData name="芳彦 植野" userId="86ab4e6fb1040a80" providerId="LiveId" clId="{90B3E43B-B3CB-4103-8F41-154F5AC9449A}" dt="2024-05-14T20:45:07.706" v="533" actId="1076"/>
          <ac:picMkLst>
            <pc:docMk/>
            <pc:sldMk cId="1437656296" sldId="2917"/>
            <ac:picMk id="11" creationId="{A84732C8-1CC8-CA93-46AD-A30D7307B833}"/>
          </ac:picMkLst>
        </pc:picChg>
        <pc:picChg chg="add del">
          <ac:chgData name="芳彦 植野" userId="86ab4e6fb1040a80" providerId="LiveId" clId="{90B3E43B-B3CB-4103-8F41-154F5AC9449A}" dt="2024-05-14T20:44:12.544" v="530" actId="21"/>
          <ac:picMkLst>
            <pc:docMk/>
            <pc:sldMk cId="1437656296" sldId="2917"/>
            <ac:picMk id="12" creationId="{7368E3A8-E1EF-23B0-1A42-20B60C288529}"/>
          </ac:picMkLst>
        </pc:picChg>
        <pc:picChg chg="add mod">
          <ac:chgData name="芳彦 植野" userId="86ab4e6fb1040a80" providerId="LiveId" clId="{90B3E43B-B3CB-4103-8F41-154F5AC9449A}" dt="2024-05-14T20:45:39.909" v="536" actId="1076"/>
          <ac:picMkLst>
            <pc:docMk/>
            <pc:sldMk cId="1437656296" sldId="2917"/>
            <ac:picMk id="14" creationId="{4E37C3C5-280C-D1D6-DBCD-5F81AEF91633}"/>
          </ac:picMkLst>
        </pc:picChg>
        <pc:picChg chg="add mod">
          <ac:chgData name="芳彦 植野" userId="86ab4e6fb1040a80" providerId="LiveId" clId="{90B3E43B-B3CB-4103-8F41-154F5AC9449A}" dt="2024-05-14T20:46:12.717" v="539" actId="1076"/>
          <ac:picMkLst>
            <pc:docMk/>
            <pc:sldMk cId="1437656296" sldId="2917"/>
            <ac:picMk id="15" creationId="{880FEDE2-7A3F-FF98-AC1A-9E8694FC0744}"/>
          </ac:picMkLst>
        </pc:picChg>
        <pc:picChg chg="add mod">
          <ac:chgData name="芳彦 植野" userId="86ab4e6fb1040a80" providerId="LiveId" clId="{90B3E43B-B3CB-4103-8F41-154F5AC9449A}" dt="2024-05-14T20:48:00.237" v="551" actId="1076"/>
          <ac:picMkLst>
            <pc:docMk/>
            <pc:sldMk cId="1437656296" sldId="2917"/>
            <ac:picMk id="17" creationId="{2FD66776-CFE3-BAEC-AFAF-883FC9A22C42}"/>
          </ac:picMkLst>
        </pc:picChg>
      </pc:sldChg>
      <pc:sldChg chg="add">
        <pc:chgData name="芳彦 植野" userId="86ab4e6fb1040a80" providerId="LiveId" clId="{90B3E43B-B3CB-4103-8F41-154F5AC9449A}" dt="2024-05-14T23:20:48.155" v="645"/>
        <pc:sldMkLst>
          <pc:docMk/>
          <pc:sldMk cId="1389991847" sldId="2918"/>
        </pc:sldMkLst>
      </pc:sldChg>
      <pc:sldChg chg="addSp new del">
        <pc:chgData name="芳彦 植野" userId="86ab4e6fb1040a80" providerId="LiveId" clId="{90B3E43B-B3CB-4103-8F41-154F5AC9449A}" dt="2024-05-14T22:24:52.447" v="563" actId="2696"/>
        <pc:sldMkLst>
          <pc:docMk/>
          <pc:sldMk cId="1563343316" sldId="2918"/>
        </pc:sldMkLst>
        <pc:picChg chg="add">
          <ac:chgData name="芳彦 植野" userId="86ab4e6fb1040a80" providerId="LiveId" clId="{90B3E43B-B3CB-4103-8F41-154F5AC9449A}" dt="2024-05-14T22:24:38.010" v="562"/>
          <ac:picMkLst>
            <pc:docMk/>
            <pc:sldMk cId="1563343316" sldId="2918"/>
            <ac:picMk id="3" creationId="{0A2FE845-0DD5-7B18-39B1-A96BEA5B780D}"/>
          </ac:picMkLst>
        </pc:picChg>
      </pc:sldChg>
      <pc:sldChg chg="modSp add mod">
        <pc:chgData name="芳彦 植野" userId="86ab4e6fb1040a80" providerId="LiveId" clId="{90B3E43B-B3CB-4103-8F41-154F5AC9449A}" dt="2024-05-15T19:00:13.903" v="2098" actId="113"/>
        <pc:sldMkLst>
          <pc:docMk/>
          <pc:sldMk cId="679694492" sldId="2919"/>
        </pc:sldMkLst>
        <pc:spChg chg="mod">
          <ac:chgData name="芳彦 植野" userId="86ab4e6fb1040a80" providerId="LiveId" clId="{90B3E43B-B3CB-4103-8F41-154F5AC9449A}" dt="2024-05-15T18:59:08.871" v="2024" actId="6549"/>
          <ac:spMkLst>
            <pc:docMk/>
            <pc:sldMk cId="679694492" sldId="2919"/>
            <ac:spMk id="2" creationId="{C91254AB-BE3F-4EF6-90AF-A588CCE200B3}"/>
          </ac:spMkLst>
        </pc:spChg>
        <pc:spChg chg="mod">
          <ac:chgData name="芳彦 植野" userId="86ab4e6fb1040a80" providerId="LiveId" clId="{90B3E43B-B3CB-4103-8F41-154F5AC9449A}" dt="2024-05-15T19:00:13.903" v="2098" actId="113"/>
          <ac:spMkLst>
            <pc:docMk/>
            <pc:sldMk cId="679694492" sldId="2919"/>
            <ac:spMk id="75779" creationId="{FE1AD9DA-1D9D-4DFC-B585-E1E09A545C25}"/>
          </ac:spMkLst>
        </pc:spChg>
      </pc:sldChg>
      <pc:sldChg chg="addSp modSp new mod modClrScheme chgLayout">
        <pc:chgData name="芳彦 植野" userId="86ab4e6fb1040a80" providerId="LiveId" clId="{90B3E43B-B3CB-4103-8F41-154F5AC9449A}" dt="2024-05-15T11:21:04.747" v="1128" actId="20577"/>
        <pc:sldMkLst>
          <pc:docMk/>
          <pc:sldMk cId="2696599260" sldId="2920"/>
        </pc:sldMkLst>
        <pc:spChg chg="mod ord modVis">
          <ac:chgData name="芳彦 植野" userId="86ab4e6fb1040a80" providerId="LiveId" clId="{90B3E43B-B3CB-4103-8F41-154F5AC9449A}" dt="2024-05-15T11:20:23.553" v="1068" actId="26606"/>
          <ac:spMkLst>
            <pc:docMk/>
            <pc:sldMk cId="2696599260" sldId="2920"/>
            <ac:spMk id="2" creationId="{83A2C37E-3666-E9E9-FFE5-308C6C3A66C3}"/>
          </ac:spMkLst>
        </pc:spChg>
        <pc:spChg chg="add mod">
          <ac:chgData name="芳彦 植野" userId="86ab4e6fb1040a80" providerId="LiveId" clId="{90B3E43B-B3CB-4103-8F41-154F5AC9449A}" dt="2024-05-15T11:21:04.747" v="1128" actId="20577"/>
          <ac:spMkLst>
            <pc:docMk/>
            <pc:sldMk cId="2696599260" sldId="2920"/>
            <ac:spMk id="4" creationId="{72E05F05-AA73-2D63-58AB-0DC945DFBB8C}"/>
          </ac:spMkLst>
        </pc:spChg>
        <pc:picChg chg="add mod">
          <ac:chgData name="芳彦 植野" userId="86ab4e6fb1040a80" providerId="LiveId" clId="{90B3E43B-B3CB-4103-8F41-154F5AC9449A}" dt="2024-05-15T11:20:23.553" v="1068" actId="26606"/>
          <ac:picMkLst>
            <pc:docMk/>
            <pc:sldMk cId="2696599260" sldId="2920"/>
            <ac:picMk id="3" creationId="{10C986AD-AC76-2020-7336-65D50467D285}"/>
          </ac:picMkLst>
        </pc:picChg>
      </pc:sldChg>
      <pc:sldChg chg="addSp modSp new mod">
        <pc:chgData name="芳彦 植野" userId="86ab4e6fb1040a80" providerId="LiveId" clId="{90B3E43B-B3CB-4103-8F41-154F5AC9449A}" dt="2024-05-15T17:54:15.852" v="1728" actId="1076"/>
        <pc:sldMkLst>
          <pc:docMk/>
          <pc:sldMk cId="3318122856" sldId="2921"/>
        </pc:sldMkLst>
        <pc:spChg chg="add mod">
          <ac:chgData name="芳彦 植野" userId="86ab4e6fb1040a80" providerId="LiveId" clId="{90B3E43B-B3CB-4103-8F41-154F5AC9449A}" dt="2024-05-15T17:54:15.852" v="1728" actId="1076"/>
          <ac:spMkLst>
            <pc:docMk/>
            <pc:sldMk cId="3318122856" sldId="2921"/>
            <ac:spMk id="3" creationId="{5CA24C6D-03E3-F3ED-63AB-C5433503A94D}"/>
          </ac:spMkLst>
        </pc:spChg>
        <pc:spChg chg="add mod">
          <ac:chgData name="芳彦 植野" userId="86ab4e6fb1040a80" providerId="LiveId" clId="{90B3E43B-B3CB-4103-8F41-154F5AC9449A}" dt="2024-05-15T17:49:59.274" v="1608" actId="122"/>
          <ac:spMkLst>
            <pc:docMk/>
            <pc:sldMk cId="3318122856" sldId="2921"/>
            <ac:spMk id="4" creationId="{7CBCB86D-EE3A-0F2B-E5EB-45457DCFE9A8}"/>
          </ac:spMkLst>
        </pc:spChg>
        <pc:spChg chg="add mod">
          <ac:chgData name="芳彦 植野" userId="86ab4e6fb1040a80" providerId="LiveId" clId="{90B3E43B-B3CB-4103-8F41-154F5AC9449A}" dt="2024-05-15T17:43:24.898" v="1437" actId="1076"/>
          <ac:spMkLst>
            <pc:docMk/>
            <pc:sldMk cId="3318122856" sldId="2921"/>
            <ac:spMk id="5" creationId="{CF88DC8E-F9E4-263D-E6C3-964F95587C8D}"/>
          </ac:spMkLst>
        </pc:spChg>
        <pc:spChg chg="add mod">
          <ac:chgData name="芳彦 植野" userId="86ab4e6fb1040a80" providerId="LiveId" clId="{90B3E43B-B3CB-4103-8F41-154F5AC9449A}" dt="2024-05-15T17:46:06.433" v="1470" actId="1076"/>
          <ac:spMkLst>
            <pc:docMk/>
            <pc:sldMk cId="3318122856" sldId="2921"/>
            <ac:spMk id="6" creationId="{236B2FF0-9596-17FA-C1B3-65A1EA3BFD12}"/>
          </ac:spMkLst>
        </pc:spChg>
        <pc:spChg chg="add mod">
          <ac:chgData name="芳彦 植野" userId="86ab4e6fb1040a80" providerId="LiveId" clId="{90B3E43B-B3CB-4103-8F41-154F5AC9449A}" dt="2024-05-15T17:46:11.595" v="1472" actId="1076"/>
          <ac:spMkLst>
            <pc:docMk/>
            <pc:sldMk cId="3318122856" sldId="2921"/>
            <ac:spMk id="7" creationId="{92C3BC87-0591-05A6-1853-CF79305467A8}"/>
          </ac:spMkLst>
        </pc:spChg>
        <pc:spChg chg="add mod">
          <ac:chgData name="芳彦 植野" userId="86ab4e6fb1040a80" providerId="LiveId" clId="{90B3E43B-B3CB-4103-8F41-154F5AC9449A}" dt="2024-05-15T17:46:17.807" v="1474" actId="1076"/>
          <ac:spMkLst>
            <pc:docMk/>
            <pc:sldMk cId="3318122856" sldId="2921"/>
            <ac:spMk id="8" creationId="{788BCE9C-7590-779A-FAF5-BAAAE5B52585}"/>
          </ac:spMkLst>
        </pc:spChg>
        <pc:spChg chg="add mod">
          <ac:chgData name="芳彦 植野" userId="86ab4e6fb1040a80" providerId="LiveId" clId="{90B3E43B-B3CB-4103-8F41-154F5AC9449A}" dt="2024-05-15T17:46:25.257" v="1476" actId="1076"/>
          <ac:spMkLst>
            <pc:docMk/>
            <pc:sldMk cId="3318122856" sldId="2921"/>
            <ac:spMk id="9" creationId="{FC630B5A-A7F4-786A-7226-1C0FA9B09A13}"/>
          </ac:spMkLst>
        </pc:spChg>
        <pc:spChg chg="add mod">
          <ac:chgData name="芳彦 植野" userId="86ab4e6fb1040a80" providerId="LiveId" clId="{90B3E43B-B3CB-4103-8F41-154F5AC9449A}" dt="2024-05-15T17:46:31.295" v="1478" actId="1076"/>
          <ac:spMkLst>
            <pc:docMk/>
            <pc:sldMk cId="3318122856" sldId="2921"/>
            <ac:spMk id="10" creationId="{D3D833A2-A44A-B355-2E0A-6A39BC89EA33}"/>
          </ac:spMkLst>
        </pc:spChg>
        <pc:spChg chg="add mod">
          <ac:chgData name="芳彦 植野" userId="86ab4e6fb1040a80" providerId="LiveId" clId="{90B3E43B-B3CB-4103-8F41-154F5AC9449A}" dt="2024-05-15T17:43:52.098" v="1442" actId="1076"/>
          <ac:spMkLst>
            <pc:docMk/>
            <pc:sldMk cId="3318122856" sldId="2921"/>
            <ac:spMk id="11" creationId="{CF738CAA-359D-2007-823C-B28DABBD9869}"/>
          </ac:spMkLst>
        </pc:spChg>
        <pc:spChg chg="add mod">
          <ac:chgData name="芳彦 植野" userId="86ab4e6fb1040a80" providerId="LiveId" clId="{90B3E43B-B3CB-4103-8F41-154F5AC9449A}" dt="2024-05-15T17:44:09.634" v="1445" actId="1076"/>
          <ac:spMkLst>
            <pc:docMk/>
            <pc:sldMk cId="3318122856" sldId="2921"/>
            <ac:spMk id="12" creationId="{0B4B1C09-DC31-C63C-20E5-EF488515052A}"/>
          </ac:spMkLst>
        </pc:spChg>
        <pc:spChg chg="add mod">
          <ac:chgData name="芳彦 植野" userId="86ab4e6fb1040a80" providerId="LiveId" clId="{90B3E43B-B3CB-4103-8F41-154F5AC9449A}" dt="2024-05-15T17:46:08.590" v="1471" actId="1076"/>
          <ac:spMkLst>
            <pc:docMk/>
            <pc:sldMk cId="3318122856" sldId="2921"/>
            <ac:spMk id="13" creationId="{8C5BEBC2-B2CF-2707-E8E2-91B4598CFF34}"/>
          </ac:spMkLst>
        </pc:spChg>
        <pc:spChg chg="add mod">
          <ac:chgData name="芳彦 植野" userId="86ab4e6fb1040a80" providerId="LiveId" clId="{90B3E43B-B3CB-4103-8F41-154F5AC9449A}" dt="2024-05-15T17:46:14.226" v="1473" actId="1076"/>
          <ac:spMkLst>
            <pc:docMk/>
            <pc:sldMk cId="3318122856" sldId="2921"/>
            <ac:spMk id="14" creationId="{54BA7E81-0E73-1E86-5EDB-52E003AE2AC6}"/>
          </ac:spMkLst>
        </pc:spChg>
        <pc:spChg chg="add mod">
          <ac:chgData name="芳彦 植野" userId="86ab4e6fb1040a80" providerId="LiveId" clId="{90B3E43B-B3CB-4103-8F41-154F5AC9449A}" dt="2024-05-15T17:46:21.480" v="1475" actId="1076"/>
          <ac:spMkLst>
            <pc:docMk/>
            <pc:sldMk cId="3318122856" sldId="2921"/>
            <ac:spMk id="15" creationId="{EE9C9245-CF0B-7866-E864-40966BE5EDAA}"/>
          </ac:spMkLst>
        </pc:spChg>
        <pc:spChg chg="add mod">
          <ac:chgData name="芳彦 植野" userId="86ab4e6fb1040a80" providerId="LiveId" clId="{90B3E43B-B3CB-4103-8F41-154F5AC9449A}" dt="2024-05-15T17:46:27.831" v="1477" actId="1076"/>
          <ac:spMkLst>
            <pc:docMk/>
            <pc:sldMk cId="3318122856" sldId="2921"/>
            <ac:spMk id="16" creationId="{7CF7E29B-BF96-BCC7-7DBF-713450021670}"/>
          </ac:spMkLst>
        </pc:spChg>
        <pc:spChg chg="add mod">
          <ac:chgData name="芳彦 植野" userId="86ab4e6fb1040a80" providerId="LiveId" clId="{90B3E43B-B3CB-4103-8F41-154F5AC9449A}" dt="2024-05-15T17:46:52.836" v="1504" actId="6549"/>
          <ac:spMkLst>
            <pc:docMk/>
            <pc:sldMk cId="3318122856" sldId="2921"/>
            <ac:spMk id="17" creationId="{4AE993DA-12EC-BFD0-1A18-7F8C51175434}"/>
          </ac:spMkLst>
        </pc:spChg>
        <pc:spChg chg="add mod">
          <ac:chgData name="芳彦 植野" userId="86ab4e6fb1040a80" providerId="LiveId" clId="{90B3E43B-B3CB-4103-8F41-154F5AC9449A}" dt="2024-05-15T17:47:11.297" v="1530" actId="6549"/>
          <ac:spMkLst>
            <pc:docMk/>
            <pc:sldMk cId="3318122856" sldId="2921"/>
            <ac:spMk id="18" creationId="{350D40B0-ED56-AE67-A9A5-7B2593A83FAB}"/>
          </ac:spMkLst>
        </pc:spChg>
        <pc:spChg chg="add mod">
          <ac:chgData name="芳彦 植野" userId="86ab4e6fb1040a80" providerId="LiveId" clId="{90B3E43B-B3CB-4103-8F41-154F5AC9449A}" dt="2024-05-15T17:50:04.260" v="1609" actId="20577"/>
          <ac:spMkLst>
            <pc:docMk/>
            <pc:sldMk cId="3318122856" sldId="2921"/>
            <ac:spMk id="19" creationId="{FBC14934-C660-A7D5-EEE9-B7DD52E1E215}"/>
          </ac:spMkLst>
        </pc:spChg>
        <pc:spChg chg="add mod">
          <ac:chgData name="芳彦 植野" userId="86ab4e6fb1040a80" providerId="LiveId" clId="{90B3E43B-B3CB-4103-8F41-154F5AC9449A}" dt="2024-05-15T17:47:27.790" v="1532" actId="1076"/>
          <ac:spMkLst>
            <pc:docMk/>
            <pc:sldMk cId="3318122856" sldId="2921"/>
            <ac:spMk id="20" creationId="{52EBD8C9-2721-4247-6F68-B5AD8700F50F}"/>
          </ac:spMkLst>
        </pc:spChg>
        <pc:spChg chg="add mod">
          <ac:chgData name="芳彦 植野" userId="86ab4e6fb1040a80" providerId="LiveId" clId="{90B3E43B-B3CB-4103-8F41-154F5AC9449A}" dt="2024-05-15T17:47:59.940" v="1550" actId="1076"/>
          <ac:spMkLst>
            <pc:docMk/>
            <pc:sldMk cId="3318122856" sldId="2921"/>
            <ac:spMk id="21" creationId="{23B5C82A-0FAC-82EF-09B3-00E9D2230182}"/>
          </ac:spMkLst>
        </pc:spChg>
        <pc:spChg chg="add mod">
          <ac:chgData name="芳彦 植野" userId="86ab4e6fb1040a80" providerId="LiveId" clId="{90B3E43B-B3CB-4103-8F41-154F5AC9449A}" dt="2024-05-15T17:49:28.081" v="1603" actId="14100"/>
          <ac:spMkLst>
            <pc:docMk/>
            <pc:sldMk cId="3318122856" sldId="2921"/>
            <ac:spMk id="22" creationId="{10D9CBD9-7793-FB38-2AC7-D65A6D2FF63A}"/>
          </ac:spMkLst>
        </pc:spChg>
        <pc:spChg chg="add mod">
          <ac:chgData name="芳彦 植野" userId="86ab4e6fb1040a80" providerId="LiveId" clId="{90B3E43B-B3CB-4103-8F41-154F5AC9449A}" dt="2024-05-15T17:51:01.642" v="1644" actId="1076"/>
          <ac:spMkLst>
            <pc:docMk/>
            <pc:sldMk cId="3318122856" sldId="2921"/>
            <ac:spMk id="23" creationId="{05BDBA8A-6775-A4A9-A1C4-6EACBE0DB806}"/>
          </ac:spMkLst>
        </pc:spChg>
        <pc:spChg chg="add mod">
          <ac:chgData name="芳彦 植野" userId="86ab4e6fb1040a80" providerId="LiveId" clId="{90B3E43B-B3CB-4103-8F41-154F5AC9449A}" dt="2024-05-15T17:51:04.227" v="1645" actId="1076"/>
          <ac:spMkLst>
            <pc:docMk/>
            <pc:sldMk cId="3318122856" sldId="2921"/>
            <ac:spMk id="24" creationId="{11240DE2-7F76-E8D0-6CF1-CF81703ED488}"/>
          </ac:spMkLst>
        </pc:spChg>
        <pc:spChg chg="add mod">
          <ac:chgData name="芳彦 植野" userId="86ab4e6fb1040a80" providerId="LiveId" clId="{90B3E43B-B3CB-4103-8F41-154F5AC9449A}" dt="2024-05-15T17:51:56.560" v="1668" actId="20577"/>
          <ac:spMkLst>
            <pc:docMk/>
            <pc:sldMk cId="3318122856" sldId="2921"/>
            <ac:spMk id="25" creationId="{27575E29-62E6-2287-C6B1-B7D33AC4AD83}"/>
          </ac:spMkLst>
        </pc:spChg>
        <pc:spChg chg="add mod">
          <ac:chgData name="芳彦 植野" userId="86ab4e6fb1040a80" providerId="LiveId" clId="{90B3E43B-B3CB-4103-8F41-154F5AC9449A}" dt="2024-05-15T17:53:10.372" v="1712" actId="20577"/>
          <ac:spMkLst>
            <pc:docMk/>
            <pc:sldMk cId="3318122856" sldId="2921"/>
            <ac:spMk id="26" creationId="{55E580D3-DF13-513C-1D3B-7283EB7FBBCE}"/>
          </ac:spMkLst>
        </pc:spChg>
      </pc:sldChg>
      <pc:sldChg chg="modSp add mod">
        <pc:chgData name="芳彦 植野" userId="86ab4e6fb1040a80" providerId="LiveId" clId="{90B3E43B-B3CB-4103-8F41-154F5AC9449A}" dt="2024-05-15T18:39:32.256" v="1997" actId="1076"/>
        <pc:sldMkLst>
          <pc:docMk/>
          <pc:sldMk cId="0" sldId="2922"/>
        </pc:sldMkLst>
        <pc:spChg chg="mod">
          <ac:chgData name="芳彦 植野" userId="86ab4e6fb1040a80" providerId="LiveId" clId="{90B3E43B-B3CB-4103-8F41-154F5AC9449A}" dt="2024-05-15T18:39:08.834" v="1993" actId="1076"/>
          <ac:spMkLst>
            <pc:docMk/>
            <pc:sldMk cId="0" sldId="2922"/>
            <ac:spMk id="9" creationId="{00000000-0000-0000-0000-000000000000}"/>
          </ac:spMkLst>
        </pc:spChg>
        <pc:spChg chg="mod">
          <ac:chgData name="芳彦 植野" userId="86ab4e6fb1040a80" providerId="LiveId" clId="{90B3E43B-B3CB-4103-8F41-154F5AC9449A}" dt="2024-05-15T18:39:16.472" v="1994" actId="1076"/>
          <ac:spMkLst>
            <pc:docMk/>
            <pc:sldMk cId="0" sldId="2922"/>
            <ac:spMk id="10" creationId="{00000000-0000-0000-0000-000000000000}"/>
          </ac:spMkLst>
        </pc:spChg>
        <pc:spChg chg="mod">
          <ac:chgData name="芳彦 植野" userId="86ab4e6fb1040a80" providerId="LiveId" clId="{90B3E43B-B3CB-4103-8F41-154F5AC9449A}" dt="2024-05-15T18:39:24.046" v="1995" actId="1076"/>
          <ac:spMkLst>
            <pc:docMk/>
            <pc:sldMk cId="0" sldId="2922"/>
            <ac:spMk id="14" creationId="{00000000-0000-0000-0000-000000000000}"/>
          </ac:spMkLst>
        </pc:spChg>
        <pc:spChg chg="mod">
          <ac:chgData name="芳彦 植野" userId="86ab4e6fb1040a80" providerId="LiveId" clId="{90B3E43B-B3CB-4103-8F41-154F5AC9449A}" dt="2024-05-15T18:39:28.157" v="1996" actId="1076"/>
          <ac:spMkLst>
            <pc:docMk/>
            <pc:sldMk cId="0" sldId="2922"/>
            <ac:spMk id="33" creationId="{00000000-0000-0000-0000-000000000000}"/>
          </ac:spMkLst>
        </pc:spChg>
        <pc:spChg chg="mod">
          <ac:chgData name="芳彦 植野" userId="86ab4e6fb1040a80" providerId="LiveId" clId="{90B3E43B-B3CB-4103-8F41-154F5AC9449A}" dt="2024-05-15T18:38:47.982" v="1989" actId="14100"/>
          <ac:spMkLst>
            <pc:docMk/>
            <pc:sldMk cId="0" sldId="2922"/>
            <ac:spMk id="38" creationId="{00000000-0000-0000-0000-000000000000}"/>
          </ac:spMkLst>
        </pc:spChg>
        <pc:grpChg chg="mod">
          <ac:chgData name="芳彦 植野" userId="86ab4e6fb1040a80" providerId="LiveId" clId="{90B3E43B-B3CB-4103-8F41-154F5AC9449A}" dt="2024-05-15T18:39:04.317" v="1992" actId="1076"/>
          <ac:grpSpMkLst>
            <pc:docMk/>
            <pc:sldMk cId="0" sldId="2922"/>
            <ac:grpSpMk id="2" creationId="{00000000-0000-0000-0000-000000000000}"/>
          </ac:grpSpMkLst>
        </pc:grpChg>
        <pc:grpChg chg="mod">
          <ac:chgData name="芳彦 植野" userId="86ab4e6fb1040a80" providerId="LiveId" clId="{90B3E43B-B3CB-4103-8F41-154F5AC9449A}" dt="2024-05-15T18:39:32.256" v="1997" actId="1076"/>
          <ac:grpSpMkLst>
            <pc:docMk/>
            <pc:sldMk cId="0" sldId="2922"/>
            <ac:grpSpMk id="19" creationId="{00000000-0000-0000-0000-000000000000}"/>
          </ac:grpSpMkLst>
        </pc:grpChg>
        <pc:grpChg chg="mod">
          <ac:chgData name="芳彦 植野" userId="86ab4e6fb1040a80" providerId="LiveId" clId="{90B3E43B-B3CB-4103-8F41-154F5AC9449A}" dt="2024-05-15T18:38:54.359" v="1990" actId="1076"/>
          <ac:grpSpMkLst>
            <pc:docMk/>
            <pc:sldMk cId="0" sldId="2922"/>
            <ac:grpSpMk id="35" creationId="{00000000-0000-0000-0000-000000000000}"/>
          </ac:grpSpMkLst>
        </pc:grpChg>
      </pc:sldChg>
      <pc:sldMasterChg chg="delSldLayout">
        <pc:chgData name="芳彦 植野" userId="86ab4e6fb1040a80" providerId="LiveId" clId="{90B3E43B-B3CB-4103-8F41-154F5AC9449A}" dt="2024-05-15T09:16:35.357" v="1044" actId="2696"/>
        <pc:sldMasterMkLst>
          <pc:docMk/>
          <pc:sldMasterMk cId="622364951" sldId="2147483899"/>
        </pc:sldMasterMkLst>
        <pc:sldLayoutChg chg="del">
          <pc:chgData name="芳彦 植野" userId="86ab4e6fb1040a80" providerId="LiveId" clId="{90B3E43B-B3CB-4103-8F41-154F5AC9449A}" dt="2024-05-15T09:16:35.357" v="1044" actId="2696"/>
          <pc:sldLayoutMkLst>
            <pc:docMk/>
            <pc:sldMasterMk cId="622364951" sldId="2147483899"/>
            <pc:sldLayoutMk cId="3584912347" sldId="2147483917"/>
          </pc:sldLayoutMkLst>
        </pc:sldLayoutChg>
      </pc:sldMasterChg>
    </pc:docChg>
  </pc:docChgLst>
  <pc:docChgLst>
    <pc:chgData name="芳彦 植野" userId="f73418c7d3ac11cb" providerId="LiveId" clId="{4A36F7B4-635B-47FE-8BF6-CA18512F5327}"/>
    <pc:docChg chg="delSld modSld sldOrd">
      <pc:chgData name="芳彦 植野" userId="f73418c7d3ac11cb" providerId="LiveId" clId="{4A36F7B4-635B-47FE-8BF6-CA18512F5327}" dt="2024-06-28T04:31:39.004" v="132" actId="1076"/>
      <pc:docMkLst>
        <pc:docMk/>
      </pc:docMkLst>
      <pc:sldChg chg="del">
        <pc:chgData name="芳彦 植野" userId="f73418c7d3ac11cb" providerId="LiveId" clId="{4A36F7B4-635B-47FE-8BF6-CA18512F5327}" dt="2024-06-28T04:28:34.877" v="110" actId="2696"/>
        <pc:sldMkLst>
          <pc:docMk/>
          <pc:sldMk cId="0" sldId="256"/>
        </pc:sldMkLst>
      </pc:sldChg>
      <pc:sldChg chg="modSp mod">
        <pc:chgData name="芳彦 植野" userId="f73418c7d3ac11cb" providerId="LiveId" clId="{4A36F7B4-635B-47FE-8BF6-CA18512F5327}" dt="2024-06-28T04:29:03.384" v="114" actId="1076"/>
        <pc:sldMkLst>
          <pc:docMk/>
          <pc:sldMk cId="0" sldId="258"/>
        </pc:sldMkLst>
        <pc:spChg chg="mod">
          <ac:chgData name="芳彦 植野" userId="f73418c7d3ac11cb" providerId="LiveId" clId="{4A36F7B4-635B-47FE-8BF6-CA18512F5327}" dt="2024-06-28T04:29:03.384" v="114" actId="1076"/>
          <ac:spMkLst>
            <pc:docMk/>
            <pc:sldMk cId="0" sldId="258"/>
            <ac:spMk id="7" creationId="{00000000-0000-0000-0000-000000000000}"/>
          </ac:spMkLst>
        </pc:spChg>
      </pc:sldChg>
      <pc:sldChg chg="modSp mod">
        <pc:chgData name="芳彦 植野" userId="f73418c7d3ac11cb" providerId="LiveId" clId="{4A36F7B4-635B-47FE-8BF6-CA18512F5327}" dt="2024-06-28T04:29:32.703" v="118" actId="1076"/>
        <pc:sldMkLst>
          <pc:docMk/>
          <pc:sldMk cId="0" sldId="259"/>
        </pc:sldMkLst>
        <pc:spChg chg="mod">
          <ac:chgData name="芳彦 植野" userId="f73418c7d3ac11cb" providerId="LiveId" clId="{4A36F7B4-635B-47FE-8BF6-CA18512F5327}" dt="2024-06-28T04:29:32.703" v="118" actId="1076"/>
          <ac:spMkLst>
            <pc:docMk/>
            <pc:sldMk cId="0" sldId="259"/>
            <ac:spMk id="6" creationId="{00000000-0000-0000-0000-000000000000}"/>
          </ac:spMkLst>
        </pc:spChg>
        <pc:graphicFrameChg chg="mod modGraphic">
          <ac:chgData name="芳彦 植野" userId="f73418c7d3ac11cb" providerId="LiveId" clId="{4A36F7B4-635B-47FE-8BF6-CA18512F5327}" dt="2024-06-28T04:29:20.597" v="116" actId="14100"/>
          <ac:graphicFrameMkLst>
            <pc:docMk/>
            <pc:sldMk cId="0" sldId="259"/>
            <ac:graphicFrameMk id="8" creationId="{00000000-0000-0000-0000-000000000000}"/>
          </ac:graphicFrameMkLst>
        </pc:graphicFrameChg>
      </pc:sldChg>
      <pc:sldChg chg="modSp mod">
        <pc:chgData name="芳彦 植野" userId="f73418c7d3ac11cb" providerId="LiveId" clId="{4A36F7B4-635B-47FE-8BF6-CA18512F5327}" dt="2024-06-28T04:29:46.375" v="120" actId="1076"/>
        <pc:sldMkLst>
          <pc:docMk/>
          <pc:sldMk cId="0" sldId="260"/>
        </pc:sldMkLst>
        <pc:spChg chg="mod">
          <ac:chgData name="芳彦 植野" userId="f73418c7d3ac11cb" providerId="LiveId" clId="{4A36F7B4-635B-47FE-8BF6-CA18512F5327}" dt="2024-06-28T04:29:46.375" v="120" actId="1076"/>
          <ac:spMkLst>
            <pc:docMk/>
            <pc:sldMk cId="0" sldId="260"/>
            <ac:spMk id="7" creationId="{00000000-0000-0000-0000-000000000000}"/>
          </ac:spMkLst>
        </pc:spChg>
      </pc:sldChg>
      <pc:sldChg chg="modSp mod">
        <pc:chgData name="芳彦 植野" userId="f73418c7d3ac11cb" providerId="LiveId" clId="{4A36F7B4-635B-47FE-8BF6-CA18512F5327}" dt="2024-06-28T04:30:10.205" v="123" actId="1076"/>
        <pc:sldMkLst>
          <pc:docMk/>
          <pc:sldMk cId="0" sldId="261"/>
        </pc:sldMkLst>
        <pc:spChg chg="mod">
          <ac:chgData name="芳彦 植野" userId="f73418c7d3ac11cb" providerId="LiveId" clId="{4A36F7B4-635B-47FE-8BF6-CA18512F5327}" dt="2024-06-28T04:30:10.205" v="123" actId="1076"/>
          <ac:spMkLst>
            <pc:docMk/>
            <pc:sldMk cId="0" sldId="261"/>
            <ac:spMk id="66" creationId="{00000000-0000-0000-0000-000000000000}"/>
          </ac:spMkLst>
        </pc:spChg>
      </pc:sldChg>
      <pc:sldChg chg="modSp mod">
        <pc:chgData name="芳彦 植野" userId="f73418c7d3ac11cb" providerId="LiveId" clId="{4A36F7B4-635B-47FE-8BF6-CA18512F5327}" dt="2024-06-27T20:34:57.512" v="38" actId="1076"/>
        <pc:sldMkLst>
          <pc:docMk/>
          <pc:sldMk cId="0" sldId="262"/>
        </pc:sldMkLst>
        <pc:spChg chg="mod">
          <ac:chgData name="芳彦 植野" userId="f73418c7d3ac11cb" providerId="LiveId" clId="{4A36F7B4-635B-47FE-8BF6-CA18512F5327}" dt="2024-06-27T20:33:47.884" v="26" actId="1076"/>
          <ac:spMkLst>
            <pc:docMk/>
            <pc:sldMk cId="0" sldId="262"/>
            <ac:spMk id="16" creationId="{00000000-0000-0000-0000-000000000000}"/>
          </ac:spMkLst>
        </pc:spChg>
        <pc:spChg chg="mod">
          <ac:chgData name="芳彦 植野" userId="f73418c7d3ac11cb" providerId="LiveId" clId="{4A36F7B4-635B-47FE-8BF6-CA18512F5327}" dt="2024-06-27T20:34:57.512" v="38" actId="1076"/>
          <ac:spMkLst>
            <pc:docMk/>
            <pc:sldMk cId="0" sldId="262"/>
            <ac:spMk id="18" creationId="{00000000-0000-0000-0000-000000000000}"/>
          </ac:spMkLst>
        </pc:spChg>
        <pc:spChg chg="mod">
          <ac:chgData name="芳彦 植野" userId="f73418c7d3ac11cb" providerId="LiveId" clId="{4A36F7B4-635B-47FE-8BF6-CA18512F5327}" dt="2024-06-27T20:33:51.463" v="27" actId="1076"/>
          <ac:spMkLst>
            <pc:docMk/>
            <pc:sldMk cId="0" sldId="262"/>
            <ac:spMk id="22" creationId="{00000000-0000-0000-0000-000000000000}"/>
          </ac:spMkLst>
        </pc:spChg>
        <pc:grpChg chg="mod">
          <ac:chgData name="芳彦 植野" userId="f73418c7d3ac11cb" providerId="LiveId" clId="{4A36F7B4-635B-47FE-8BF6-CA18512F5327}" dt="2024-06-27T20:34:47.205" v="36" actId="1076"/>
          <ac:grpSpMkLst>
            <pc:docMk/>
            <pc:sldMk cId="0" sldId="262"/>
            <ac:grpSpMk id="2" creationId="{00000000-0000-0000-0000-000000000000}"/>
          </ac:grpSpMkLst>
        </pc:grpChg>
        <pc:graphicFrameChg chg="mod modGraphic">
          <ac:chgData name="芳彦 植野" userId="f73418c7d3ac11cb" providerId="LiveId" clId="{4A36F7B4-635B-47FE-8BF6-CA18512F5327}" dt="2024-06-27T20:34:00.988" v="29" actId="14100"/>
          <ac:graphicFrameMkLst>
            <pc:docMk/>
            <pc:sldMk cId="0" sldId="262"/>
            <ac:graphicFrameMk id="12" creationId="{00000000-0000-0000-0000-000000000000}"/>
          </ac:graphicFrameMkLst>
        </pc:graphicFrameChg>
        <pc:graphicFrameChg chg="mod modGraphic">
          <ac:chgData name="芳彦 植野" userId="f73418c7d3ac11cb" providerId="LiveId" clId="{4A36F7B4-635B-47FE-8BF6-CA18512F5327}" dt="2024-06-27T20:34:30.850" v="34"/>
          <ac:graphicFrameMkLst>
            <pc:docMk/>
            <pc:sldMk cId="0" sldId="262"/>
            <ac:graphicFrameMk id="43" creationId="{00000000-0000-0000-0000-000000000000}"/>
          </ac:graphicFrameMkLst>
        </pc:graphicFrameChg>
      </pc:sldChg>
      <pc:sldChg chg="modSp del mod">
        <pc:chgData name="芳彦 植野" userId="f73418c7d3ac11cb" providerId="LiveId" clId="{4A36F7B4-635B-47FE-8BF6-CA18512F5327}" dt="2024-06-27T20:39:55.443" v="64" actId="2696"/>
        <pc:sldMkLst>
          <pc:docMk/>
          <pc:sldMk cId="0" sldId="263"/>
        </pc:sldMkLst>
        <pc:spChg chg="mod">
          <ac:chgData name="芳彦 植野" userId="f73418c7d3ac11cb" providerId="LiveId" clId="{4A36F7B4-635B-47FE-8BF6-CA18512F5327}" dt="2024-06-27T20:39:32.121" v="63" actId="14100"/>
          <ac:spMkLst>
            <pc:docMk/>
            <pc:sldMk cId="0" sldId="263"/>
            <ac:spMk id="5" creationId="{00000000-0000-0000-0000-000000000000}"/>
          </ac:spMkLst>
        </pc:spChg>
        <pc:spChg chg="mod">
          <ac:chgData name="芳彦 植野" userId="f73418c7d3ac11cb" providerId="LiveId" clId="{4A36F7B4-635B-47FE-8BF6-CA18512F5327}" dt="2024-06-27T20:39:24.341" v="62" actId="14100"/>
          <ac:spMkLst>
            <pc:docMk/>
            <pc:sldMk cId="0" sldId="263"/>
            <ac:spMk id="8" creationId="{00000000-0000-0000-0000-000000000000}"/>
          </ac:spMkLst>
        </pc:spChg>
      </pc:sldChg>
      <pc:sldChg chg="modSp mod">
        <pc:chgData name="芳彦 植野" userId="f73418c7d3ac11cb" providerId="LiveId" clId="{4A36F7B4-635B-47FE-8BF6-CA18512F5327}" dt="2024-06-27T20:40:12.167" v="66" actId="14100"/>
        <pc:sldMkLst>
          <pc:docMk/>
          <pc:sldMk cId="0" sldId="264"/>
        </pc:sldMkLst>
        <pc:spChg chg="mod">
          <ac:chgData name="芳彦 植野" userId="f73418c7d3ac11cb" providerId="LiveId" clId="{4A36F7B4-635B-47FE-8BF6-CA18512F5327}" dt="2024-06-27T20:40:07.634" v="65" actId="14100"/>
          <ac:spMkLst>
            <pc:docMk/>
            <pc:sldMk cId="0" sldId="264"/>
            <ac:spMk id="4" creationId="{00000000-0000-0000-0000-000000000000}"/>
          </ac:spMkLst>
        </pc:spChg>
        <pc:spChg chg="mod">
          <ac:chgData name="芳彦 植野" userId="f73418c7d3ac11cb" providerId="LiveId" clId="{4A36F7B4-635B-47FE-8BF6-CA18512F5327}" dt="2024-06-27T20:40:12.167" v="66" actId="14100"/>
          <ac:spMkLst>
            <pc:docMk/>
            <pc:sldMk cId="0" sldId="264"/>
            <ac:spMk id="11" creationId="{00000000-0000-0000-0000-000000000000}"/>
          </ac:spMkLst>
        </pc:spChg>
      </pc:sldChg>
      <pc:sldChg chg="modSp mod">
        <pc:chgData name="芳彦 植野" userId="f73418c7d3ac11cb" providerId="LiveId" clId="{4A36F7B4-635B-47FE-8BF6-CA18512F5327}" dt="2024-06-27T20:40:49.575" v="69" actId="14100"/>
        <pc:sldMkLst>
          <pc:docMk/>
          <pc:sldMk cId="0" sldId="265"/>
        </pc:sldMkLst>
        <pc:spChg chg="mod">
          <ac:chgData name="芳彦 植野" userId="f73418c7d3ac11cb" providerId="LiveId" clId="{4A36F7B4-635B-47FE-8BF6-CA18512F5327}" dt="2024-06-27T20:40:44.949" v="68" actId="14100"/>
          <ac:spMkLst>
            <pc:docMk/>
            <pc:sldMk cId="0" sldId="265"/>
            <ac:spMk id="5" creationId="{00000000-0000-0000-0000-000000000000}"/>
          </ac:spMkLst>
        </pc:spChg>
        <pc:spChg chg="mod">
          <ac:chgData name="芳彦 植野" userId="f73418c7d3ac11cb" providerId="LiveId" clId="{4A36F7B4-635B-47FE-8BF6-CA18512F5327}" dt="2024-06-27T20:40:49.575" v="69" actId="14100"/>
          <ac:spMkLst>
            <pc:docMk/>
            <pc:sldMk cId="0" sldId="265"/>
            <ac:spMk id="8" creationId="{00000000-0000-0000-0000-000000000000}"/>
          </ac:spMkLst>
        </pc:spChg>
      </pc:sldChg>
      <pc:sldChg chg="modSp mod">
        <pc:chgData name="芳彦 植野" userId="f73418c7d3ac11cb" providerId="LiveId" clId="{4A36F7B4-635B-47FE-8BF6-CA18512F5327}" dt="2024-06-27T20:41:05.686" v="71" actId="14100"/>
        <pc:sldMkLst>
          <pc:docMk/>
          <pc:sldMk cId="0" sldId="266"/>
        </pc:sldMkLst>
        <pc:spChg chg="mod">
          <ac:chgData name="芳彦 植野" userId="f73418c7d3ac11cb" providerId="LiveId" clId="{4A36F7B4-635B-47FE-8BF6-CA18512F5327}" dt="2024-06-27T20:41:05.686" v="71" actId="14100"/>
          <ac:spMkLst>
            <pc:docMk/>
            <pc:sldMk cId="0" sldId="266"/>
            <ac:spMk id="5" creationId="{00000000-0000-0000-0000-000000000000}"/>
          </ac:spMkLst>
        </pc:spChg>
        <pc:spChg chg="mod">
          <ac:chgData name="芳彦 植野" userId="f73418c7d3ac11cb" providerId="LiveId" clId="{4A36F7B4-635B-47FE-8BF6-CA18512F5327}" dt="2024-06-27T20:40:56.316" v="70" actId="14100"/>
          <ac:spMkLst>
            <pc:docMk/>
            <pc:sldMk cId="0" sldId="266"/>
            <ac:spMk id="8" creationId="{00000000-0000-0000-0000-000000000000}"/>
          </ac:spMkLst>
        </pc:spChg>
      </pc:sldChg>
      <pc:sldChg chg="modSp mod">
        <pc:chgData name="芳彦 植野" userId="f73418c7d3ac11cb" providerId="LiveId" clId="{4A36F7B4-635B-47FE-8BF6-CA18512F5327}" dt="2024-06-27T20:41:19.874" v="73" actId="14100"/>
        <pc:sldMkLst>
          <pc:docMk/>
          <pc:sldMk cId="0" sldId="267"/>
        </pc:sldMkLst>
        <pc:spChg chg="mod">
          <ac:chgData name="芳彦 植野" userId="f73418c7d3ac11cb" providerId="LiveId" clId="{4A36F7B4-635B-47FE-8BF6-CA18512F5327}" dt="2024-06-27T20:41:15.690" v="72" actId="14100"/>
          <ac:spMkLst>
            <pc:docMk/>
            <pc:sldMk cId="0" sldId="267"/>
            <ac:spMk id="3" creationId="{00000000-0000-0000-0000-000000000000}"/>
          </ac:spMkLst>
        </pc:spChg>
        <pc:spChg chg="mod">
          <ac:chgData name="芳彦 植野" userId="f73418c7d3ac11cb" providerId="LiveId" clId="{4A36F7B4-635B-47FE-8BF6-CA18512F5327}" dt="2024-06-27T20:41:19.874" v="73" actId="14100"/>
          <ac:spMkLst>
            <pc:docMk/>
            <pc:sldMk cId="0" sldId="267"/>
            <ac:spMk id="13" creationId="{00000000-0000-0000-0000-000000000000}"/>
          </ac:spMkLst>
        </pc:spChg>
      </pc:sldChg>
      <pc:sldChg chg="modSp mod">
        <pc:chgData name="芳彦 植野" userId="f73418c7d3ac11cb" providerId="LiveId" clId="{4A36F7B4-635B-47FE-8BF6-CA18512F5327}" dt="2024-06-27T20:41:49.941" v="75" actId="14100"/>
        <pc:sldMkLst>
          <pc:docMk/>
          <pc:sldMk cId="0" sldId="268"/>
        </pc:sldMkLst>
        <pc:spChg chg="mod">
          <ac:chgData name="芳彦 植野" userId="f73418c7d3ac11cb" providerId="LiveId" clId="{4A36F7B4-635B-47FE-8BF6-CA18512F5327}" dt="2024-06-27T20:41:49.941" v="75" actId="14100"/>
          <ac:spMkLst>
            <pc:docMk/>
            <pc:sldMk cId="0" sldId="268"/>
            <ac:spMk id="39" creationId="{00000000-0000-0000-0000-000000000000}"/>
          </ac:spMkLst>
        </pc:spChg>
      </pc:sldChg>
      <pc:sldChg chg="modSp mod">
        <pc:chgData name="芳彦 植野" userId="f73418c7d3ac11cb" providerId="LiveId" clId="{4A36F7B4-635B-47FE-8BF6-CA18512F5327}" dt="2024-06-27T20:44:27.210" v="96" actId="14100"/>
        <pc:sldMkLst>
          <pc:docMk/>
          <pc:sldMk cId="0" sldId="269"/>
        </pc:sldMkLst>
        <pc:spChg chg="mod">
          <ac:chgData name="芳彦 植野" userId="f73418c7d3ac11cb" providerId="LiveId" clId="{4A36F7B4-635B-47FE-8BF6-CA18512F5327}" dt="2024-06-27T20:42:05.835" v="77" actId="14100"/>
          <ac:spMkLst>
            <pc:docMk/>
            <pc:sldMk cId="0" sldId="269"/>
            <ac:spMk id="2" creationId="{00000000-0000-0000-0000-000000000000}"/>
          </ac:spMkLst>
        </pc:spChg>
        <pc:spChg chg="mod">
          <ac:chgData name="芳彦 植野" userId="f73418c7d3ac11cb" providerId="LiveId" clId="{4A36F7B4-635B-47FE-8BF6-CA18512F5327}" dt="2024-06-27T20:42:41.602" v="82" actId="14100"/>
          <ac:spMkLst>
            <pc:docMk/>
            <pc:sldMk cId="0" sldId="269"/>
            <ac:spMk id="4" creationId="{00000000-0000-0000-0000-000000000000}"/>
          </ac:spMkLst>
        </pc:spChg>
        <pc:spChg chg="mod">
          <ac:chgData name="芳彦 植野" userId="f73418c7d3ac11cb" providerId="LiveId" clId="{4A36F7B4-635B-47FE-8BF6-CA18512F5327}" dt="2024-06-27T20:43:31.071" v="88" actId="1076"/>
          <ac:spMkLst>
            <pc:docMk/>
            <pc:sldMk cId="0" sldId="269"/>
            <ac:spMk id="8" creationId="{00000000-0000-0000-0000-000000000000}"/>
          </ac:spMkLst>
        </pc:spChg>
        <pc:spChg chg="mod">
          <ac:chgData name="芳彦 植野" userId="f73418c7d3ac11cb" providerId="LiveId" clId="{4A36F7B4-635B-47FE-8BF6-CA18512F5327}" dt="2024-06-27T20:43:35.496" v="89" actId="14100"/>
          <ac:spMkLst>
            <pc:docMk/>
            <pc:sldMk cId="0" sldId="269"/>
            <ac:spMk id="12" creationId="{00000000-0000-0000-0000-000000000000}"/>
          </ac:spMkLst>
        </pc:spChg>
        <pc:spChg chg="mod">
          <ac:chgData name="芳彦 植野" userId="f73418c7d3ac11cb" providerId="LiveId" clId="{4A36F7B4-635B-47FE-8BF6-CA18512F5327}" dt="2024-06-27T20:44:12.963" v="93" actId="14100"/>
          <ac:spMkLst>
            <pc:docMk/>
            <pc:sldMk cId="0" sldId="269"/>
            <ac:spMk id="13" creationId="{00000000-0000-0000-0000-000000000000}"/>
          </ac:spMkLst>
        </pc:spChg>
        <pc:spChg chg="mod">
          <ac:chgData name="芳彦 植野" userId="f73418c7d3ac11cb" providerId="LiveId" clId="{4A36F7B4-635B-47FE-8BF6-CA18512F5327}" dt="2024-06-27T20:44:27.210" v="96" actId="14100"/>
          <ac:spMkLst>
            <pc:docMk/>
            <pc:sldMk cId="0" sldId="269"/>
            <ac:spMk id="29" creationId="{00000000-0000-0000-0000-000000000000}"/>
          </ac:spMkLst>
        </pc:spChg>
        <pc:spChg chg="mod">
          <ac:chgData name="芳彦 植野" userId="f73418c7d3ac11cb" providerId="LiveId" clId="{4A36F7B4-635B-47FE-8BF6-CA18512F5327}" dt="2024-06-27T20:42:45.774" v="83" actId="1076"/>
          <ac:spMkLst>
            <pc:docMk/>
            <pc:sldMk cId="0" sldId="269"/>
            <ac:spMk id="30" creationId="{00000000-0000-0000-0000-000000000000}"/>
          </ac:spMkLst>
        </pc:spChg>
        <pc:spChg chg="mod">
          <ac:chgData name="芳彦 植野" userId="f73418c7d3ac11cb" providerId="LiveId" clId="{4A36F7B4-635B-47FE-8BF6-CA18512F5327}" dt="2024-06-27T20:42:27.662" v="79" actId="14100"/>
          <ac:spMkLst>
            <pc:docMk/>
            <pc:sldMk cId="0" sldId="269"/>
            <ac:spMk id="31" creationId="{00000000-0000-0000-0000-000000000000}"/>
          </ac:spMkLst>
        </pc:spChg>
        <pc:spChg chg="mod">
          <ac:chgData name="芳彦 植野" userId="f73418c7d3ac11cb" providerId="LiveId" clId="{4A36F7B4-635B-47FE-8BF6-CA18512F5327}" dt="2024-06-27T20:44:22.446" v="95" actId="14100"/>
          <ac:spMkLst>
            <pc:docMk/>
            <pc:sldMk cId="0" sldId="269"/>
            <ac:spMk id="36" creationId="{00000000-0000-0000-0000-000000000000}"/>
          </ac:spMkLst>
        </pc:spChg>
        <pc:grpChg chg="mod">
          <ac:chgData name="芳彦 植野" userId="f73418c7d3ac11cb" providerId="LiveId" clId="{4A36F7B4-635B-47FE-8BF6-CA18512F5327}" dt="2024-06-27T20:44:18.335" v="94" actId="14100"/>
          <ac:grpSpMkLst>
            <pc:docMk/>
            <pc:sldMk cId="0" sldId="269"/>
            <ac:grpSpMk id="5" creationId="{00000000-0000-0000-0000-000000000000}"/>
          </ac:grpSpMkLst>
        </pc:grpChg>
        <pc:grpChg chg="mod">
          <ac:chgData name="芳彦 植野" userId="f73418c7d3ac11cb" providerId="LiveId" clId="{4A36F7B4-635B-47FE-8BF6-CA18512F5327}" dt="2024-06-27T20:43:54.897" v="90" actId="1076"/>
          <ac:grpSpMkLst>
            <pc:docMk/>
            <pc:sldMk cId="0" sldId="269"/>
            <ac:grpSpMk id="9" creationId="{00000000-0000-0000-0000-000000000000}"/>
          </ac:grpSpMkLst>
        </pc:grpChg>
      </pc:sldChg>
      <pc:sldChg chg="del">
        <pc:chgData name="芳彦 植野" userId="f73418c7d3ac11cb" providerId="LiveId" clId="{4A36F7B4-635B-47FE-8BF6-CA18512F5327}" dt="2024-06-27T20:45:01.506" v="99" actId="2696"/>
        <pc:sldMkLst>
          <pc:docMk/>
          <pc:sldMk cId="1732934232" sldId="427"/>
        </pc:sldMkLst>
      </pc:sldChg>
      <pc:sldChg chg="del">
        <pc:chgData name="芳彦 植野" userId="f73418c7d3ac11cb" providerId="LiveId" clId="{4A36F7B4-635B-47FE-8BF6-CA18512F5327}" dt="2024-06-27T20:44:51.487" v="97" actId="2696"/>
        <pc:sldMkLst>
          <pc:docMk/>
          <pc:sldMk cId="3912263062" sldId="656"/>
        </pc:sldMkLst>
      </pc:sldChg>
      <pc:sldChg chg="del">
        <pc:chgData name="芳彦 植野" userId="f73418c7d3ac11cb" providerId="LiveId" clId="{4A36F7B4-635B-47FE-8BF6-CA18512F5327}" dt="2024-06-27T20:44:59.847" v="98" actId="2696"/>
        <pc:sldMkLst>
          <pc:docMk/>
          <pc:sldMk cId="3736012884" sldId="759"/>
        </pc:sldMkLst>
      </pc:sldChg>
      <pc:sldChg chg="del">
        <pc:chgData name="芳彦 植野" userId="f73418c7d3ac11cb" providerId="LiveId" clId="{4A36F7B4-635B-47FE-8BF6-CA18512F5327}" dt="2024-06-27T20:45:52.204" v="106" actId="2696"/>
        <pc:sldMkLst>
          <pc:docMk/>
          <pc:sldMk cId="2988436274" sldId="2766"/>
        </pc:sldMkLst>
      </pc:sldChg>
      <pc:sldChg chg="del">
        <pc:chgData name="芳彦 植野" userId="f73418c7d3ac11cb" providerId="LiveId" clId="{4A36F7B4-635B-47FE-8BF6-CA18512F5327}" dt="2024-06-27T20:45:14.468" v="100" actId="2696"/>
        <pc:sldMkLst>
          <pc:docMk/>
          <pc:sldMk cId="3407117497" sldId="2771"/>
        </pc:sldMkLst>
      </pc:sldChg>
      <pc:sldChg chg="del">
        <pc:chgData name="芳彦 植野" userId="f73418c7d3ac11cb" providerId="LiveId" clId="{4A36F7B4-635B-47FE-8BF6-CA18512F5327}" dt="2024-06-27T20:45:20.053" v="102" actId="2696"/>
        <pc:sldMkLst>
          <pc:docMk/>
          <pc:sldMk cId="584435923" sldId="2773"/>
        </pc:sldMkLst>
      </pc:sldChg>
      <pc:sldChg chg="del">
        <pc:chgData name="芳彦 植野" userId="f73418c7d3ac11cb" providerId="LiveId" clId="{4A36F7B4-635B-47FE-8BF6-CA18512F5327}" dt="2024-06-27T20:45:21.667" v="103" actId="2696"/>
        <pc:sldMkLst>
          <pc:docMk/>
          <pc:sldMk cId="4085034216" sldId="2774"/>
        </pc:sldMkLst>
      </pc:sldChg>
      <pc:sldChg chg="del">
        <pc:chgData name="芳彦 植野" userId="f73418c7d3ac11cb" providerId="LiveId" clId="{4A36F7B4-635B-47FE-8BF6-CA18512F5327}" dt="2024-06-27T20:45:23.434" v="104" actId="2696"/>
        <pc:sldMkLst>
          <pc:docMk/>
          <pc:sldMk cId="4093759440" sldId="2775"/>
        </pc:sldMkLst>
      </pc:sldChg>
      <pc:sldChg chg="del">
        <pc:chgData name="芳彦 植野" userId="f73418c7d3ac11cb" providerId="LiveId" clId="{4A36F7B4-635B-47FE-8BF6-CA18512F5327}" dt="2024-06-27T20:45:24.375" v="105" actId="2696"/>
        <pc:sldMkLst>
          <pc:docMk/>
          <pc:sldMk cId="411979756" sldId="2778"/>
        </pc:sldMkLst>
      </pc:sldChg>
      <pc:sldChg chg="del">
        <pc:chgData name="芳彦 植野" userId="f73418c7d3ac11cb" providerId="LiveId" clId="{4A36F7B4-635B-47FE-8BF6-CA18512F5327}" dt="2024-06-27T20:45:18.376" v="101" actId="2696"/>
        <pc:sldMkLst>
          <pc:docMk/>
          <pc:sldMk cId="3967676201" sldId="2791"/>
        </pc:sldMkLst>
      </pc:sldChg>
      <pc:sldChg chg="modSp mod">
        <pc:chgData name="芳彦 植野" userId="f73418c7d3ac11cb" providerId="LiveId" clId="{4A36F7B4-635B-47FE-8BF6-CA18512F5327}" dt="2024-06-27T20:29:59.907" v="0" actId="13926"/>
        <pc:sldMkLst>
          <pc:docMk/>
          <pc:sldMk cId="2203869052" sldId="2818"/>
        </pc:sldMkLst>
        <pc:spChg chg="mod">
          <ac:chgData name="芳彦 植野" userId="f73418c7d3ac11cb" providerId="LiveId" clId="{4A36F7B4-635B-47FE-8BF6-CA18512F5327}" dt="2024-06-27T20:29:59.907" v="0" actId="13926"/>
          <ac:spMkLst>
            <pc:docMk/>
            <pc:sldMk cId="2203869052" sldId="2818"/>
            <ac:spMk id="3" creationId="{98658827-7309-AEAA-B104-FDFAC36F6AB5}"/>
          </ac:spMkLst>
        </pc:spChg>
      </pc:sldChg>
      <pc:sldChg chg="del">
        <pc:chgData name="芳彦 植野" userId="f73418c7d3ac11cb" providerId="LiveId" clId="{4A36F7B4-635B-47FE-8BF6-CA18512F5327}" dt="2024-06-27T20:45:57.518" v="107" actId="2696"/>
        <pc:sldMkLst>
          <pc:docMk/>
          <pc:sldMk cId="0" sldId="2897"/>
        </pc:sldMkLst>
      </pc:sldChg>
      <pc:sldChg chg="del">
        <pc:chgData name="芳彦 植野" userId="f73418c7d3ac11cb" providerId="LiveId" clId="{4A36F7B4-635B-47FE-8BF6-CA18512F5327}" dt="2024-06-27T20:45:59.159" v="108" actId="2696"/>
        <pc:sldMkLst>
          <pc:docMk/>
          <pc:sldMk cId="68301570" sldId="2898"/>
        </pc:sldMkLst>
      </pc:sldChg>
      <pc:sldChg chg="del">
        <pc:chgData name="芳彦 植野" userId="f73418c7d3ac11cb" providerId="LiveId" clId="{4A36F7B4-635B-47FE-8BF6-CA18512F5327}" dt="2024-06-27T20:46:09.053" v="109" actId="2696"/>
        <pc:sldMkLst>
          <pc:docMk/>
          <pc:sldMk cId="0" sldId="2916"/>
        </pc:sldMkLst>
      </pc:sldChg>
      <pc:sldChg chg="modSp mod">
        <pc:chgData name="芳彦 植野" userId="f73418c7d3ac11cb" providerId="LiveId" clId="{4A36F7B4-635B-47FE-8BF6-CA18512F5327}" dt="2024-06-28T04:28:49.335" v="112" actId="1076"/>
        <pc:sldMkLst>
          <pc:docMk/>
          <pc:sldMk cId="0" sldId="2924"/>
        </pc:sldMkLst>
        <pc:spChg chg="mod">
          <ac:chgData name="芳彦 植野" userId="f73418c7d3ac11cb" providerId="LiveId" clId="{4A36F7B4-635B-47FE-8BF6-CA18512F5327}" dt="2024-06-28T04:28:49.335" v="112" actId="1076"/>
          <ac:spMkLst>
            <pc:docMk/>
            <pc:sldMk cId="0" sldId="2924"/>
            <ac:spMk id="55" creationId="{00000000-0000-0000-0000-000000000000}"/>
          </ac:spMkLst>
        </pc:spChg>
      </pc:sldChg>
      <pc:sldChg chg="modSp mod">
        <pc:chgData name="芳彦 植野" userId="f73418c7d3ac11cb" providerId="LiveId" clId="{4A36F7B4-635B-47FE-8BF6-CA18512F5327}" dt="2024-06-27T20:35:55.864" v="45" actId="20577"/>
        <pc:sldMkLst>
          <pc:docMk/>
          <pc:sldMk cId="0" sldId="2925"/>
        </pc:sldMkLst>
        <pc:spChg chg="mod">
          <ac:chgData name="芳彦 植野" userId="f73418c7d3ac11cb" providerId="LiveId" clId="{4A36F7B4-635B-47FE-8BF6-CA18512F5327}" dt="2024-06-27T20:35:55.864" v="45" actId="20577"/>
          <ac:spMkLst>
            <pc:docMk/>
            <pc:sldMk cId="0" sldId="2925"/>
            <ac:spMk id="2" creationId="{00000000-0000-0000-0000-000000000000}"/>
          </ac:spMkLst>
        </pc:spChg>
        <pc:spChg chg="mod">
          <ac:chgData name="芳彦 植野" userId="f73418c7d3ac11cb" providerId="LiveId" clId="{4A36F7B4-635B-47FE-8BF6-CA18512F5327}" dt="2024-06-27T20:35:13.720" v="39" actId="14100"/>
          <ac:spMkLst>
            <pc:docMk/>
            <pc:sldMk cId="0" sldId="2925"/>
            <ac:spMk id="8" creationId="{00000000-0000-0000-0000-000000000000}"/>
          </ac:spMkLst>
        </pc:spChg>
        <pc:spChg chg="mod">
          <ac:chgData name="芳彦 植野" userId="f73418c7d3ac11cb" providerId="LiveId" clId="{4A36F7B4-635B-47FE-8BF6-CA18512F5327}" dt="2024-06-27T20:35:18.525" v="40" actId="14100"/>
          <ac:spMkLst>
            <pc:docMk/>
            <pc:sldMk cId="0" sldId="2925"/>
            <ac:spMk id="37" creationId="{00000000-0000-0000-0000-000000000000}"/>
          </ac:spMkLst>
        </pc:spChg>
      </pc:sldChg>
      <pc:sldChg chg="modSp mod">
        <pc:chgData name="芳彦 植野" userId="f73418c7d3ac11cb" providerId="LiveId" clId="{4A36F7B4-635B-47FE-8BF6-CA18512F5327}" dt="2024-06-28T04:31:39.004" v="132" actId="1076"/>
        <pc:sldMkLst>
          <pc:docMk/>
          <pc:sldMk cId="0" sldId="2927"/>
        </pc:sldMkLst>
        <pc:spChg chg="mod">
          <ac:chgData name="芳彦 植野" userId="f73418c7d3ac11cb" providerId="LiveId" clId="{4A36F7B4-635B-47FE-8BF6-CA18512F5327}" dt="2024-06-28T04:31:39.004" v="132" actId="1076"/>
          <ac:spMkLst>
            <pc:docMk/>
            <pc:sldMk cId="0" sldId="2927"/>
            <ac:spMk id="90" creationId="{00000000-0000-0000-0000-000000000000}"/>
          </ac:spMkLst>
        </pc:spChg>
        <pc:spChg chg="mod">
          <ac:chgData name="芳彦 植野" userId="f73418c7d3ac11cb" providerId="LiveId" clId="{4A36F7B4-635B-47FE-8BF6-CA18512F5327}" dt="2024-06-28T04:31:27.682" v="131" actId="1076"/>
          <ac:spMkLst>
            <pc:docMk/>
            <pc:sldMk cId="0" sldId="2927"/>
            <ac:spMk id="91" creationId="{00000000-0000-0000-0000-000000000000}"/>
          </ac:spMkLst>
        </pc:spChg>
        <pc:spChg chg="mod">
          <ac:chgData name="芳彦 植野" userId="f73418c7d3ac11cb" providerId="LiveId" clId="{4A36F7B4-635B-47FE-8BF6-CA18512F5327}" dt="2024-06-28T04:31:19.237" v="129" actId="1076"/>
          <ac:spMkLst>
            <pc:docMk/>
            <pc:sldMk cId="0" sldId="2927"/>
            <ac:spMk id="92" creationId="{00000000-0000-0000-0000-000000000000}"/>
          </ac:spMkLst>
        </pc:spChg>
        <pc:spChg chg="mod">
          <ac:chgData name="芳彦 植野" userId="f73418c7d3ac11cb" providerId="LiveId" clId="{4A36F7B4-635B-47FE-8BF6-CA18512F5327}" dt="2024-06-28T04:31:01.185" v="126" actId="1076"/>
          <ac:spMkLst>
            <pc:docMk/>
            <pc:sldMk cId="0" sldId="2927"/>
            <ac:spMk id="93" creationId="{00000000-0000-0000-0000-000000000000}"/>
          </ac:spMkLst>
        </pc:spChg>
        <pc:grpChg chg="mod">
          <ac:chgData name="芳彦 植野" userId="f73418c7d3ac11cb" providerId="LiveId" clId="{4A36F7B4-635B-47FE-8BF6-CA18512F5327}" dt="2024-06-28T04:30:46.875" v="124" actId="14100"/>
          <ac:grpSpMkLst>
            <pc:docMk/>
            <pc:sldMk cId="0" sldId="2927"/>
            <ac:grpSpMk id="6" creationId="{00000000-0000-0000-0000-000000000000}"/>
          </ac:grpSpMkLst>
        </pc:grpChg>
      </pc:sldChg>
      <pc:sldChg chg="modSp mod">
        <pc:chgData name="芳彦 植野" userId="f73418c7d3ac11cb" providerId="LiveId" clId="{4A36F7B4-635B-47FE-8BF6-CA18512F5327}" dt="2024-06-27T20:37:44.258" v="53" actId="14100"/>
        <pc:sldMkLst>
          <pc:docMk/>
          <pc:sldMk cId="0" sldId="2928"/>
        </pc:sldMkLst>
        <pc:spChg chg="mod">
          <ac:chgData name="芳彦 植野" userId="f73418c7d3ac11cb" providerId="LiveId" clId="{4A36F7B4-635B-47FE-8BF6-CA18512F5327}" dt="2024-06-27T20:36:27.923" v="46" actId="14100"/>
          <ac:spMkLst>
            <pc:docMk/>
            <pc:sldMk cId="0" sldId="2928"/>
            <ac:spMk id="2" creationId="{00000000-0000-0000-0000-000000000000}"/>
          </ac:spMkLst>
        </pc:spChg>
        <pc:spChg chg="mod">
          <ac:chgData name="芳彦 植野" userId="f73418c7d3ac11cb" providerId="LiveId" clId="{4A36F7B4-635B-47FE-8BF6-CA18512F5327}" dt="2024-06-27T20:37:44.258" v="53" actId="14100"/>
          <ac:spMkLst>
            <pc:docMk/>
            <pc:sldMk cId="0" sldId="2928"/>
            <ac:spMk id="7" creationId="{00000000-0000-0000-0000-000000000000}"/>
          </ac:spMkLst>
        </pc:spChg>
        <pc:grpChg chg="mod">
          <ac:chgData name="芳彦 植野" userId="f73418c7d3ac11cb" providerId="LiveId" clId="{4A36F7B4-635B-47FE-8BF6-CA18512F5327}" dt="2024-06-27T20:37:07.494" v="49" actId="1076"/>
          <ac:grpSpMkLst>
            <pc:docMk/>
            <pc:sldMk cId="0" sldId="2928"/>
            <ac:grpSpMk id="8" creationId="{00000000-0000-0000-0000-000000000000}"/>
          </ac:grpSpMkLst>
        </pc:grpChg>
        <pc:grpChg chg="mod">
          <ac:chgData name="芳彦 植野" userId="f73418c7d3ac11cb" providerId="LiveId" clId="{4A36F7B4-635B-47FE-8BF6-CA18512F5327}" dt="2024-06-27T20:37:32.025" v="52" actId="1076"/>
          <ac:grpSpMkLst>
            <pc:docMk/>
            <pc:sldMk cId="0" sldId="2928"/>
            <ac:grpSpMk id="11" creationId="{00000000-0000-0000-0000-000000000000}"/>
          </ac:grpSpMkLst>
        </pc:grpChg>
        <pc:grpChg chg="mod">
          <ac:chgData name="芳彦 植野" userId="f73418c7d3ac11cb" providerId="LiveId" clId="{4A36F7B4-635B-47FE-8BF6-CA18512F5327}" dt="2024-06-27T20:37:14.940" v="50" actId="1076"/>
          <ac:grpSpMkLst>
            <pc:docMk/>
            <pc:sldMk cId="0" sldId="2928"/>
            <ac:grpSpMk id="14" creationId="{00000000-0000-0000-0000-000000000000}"/>
          </ac:grpSpMkLst>
        </pc:grpChg>
      </pc:sldChg>
      <pc:sldChg chg="modSp mod">
        <pc:chgData name="芳彦 植野" userId="f73418c7d3ac11cb" providerId="LiveId" clId="{4A36F7B4-635B-47FE-8BF6-CA18512F5327}" dt="2024-06-27T20:38:29.122" v="55" actId="14100"/>
        <pc:sldMkLst>
          <pc:docMk/>
          <pc:sldMk cId="0" sldId="2929"/>
        </pc:sldMkLst>
        <pc:spChg chg="mod">
          <ac:chgData name="芳彦 植野" userId="f73418c7d3ac11cb" providerId="LiveId" clId="{4A36F7B4-635B-47FE-8BF6-CA18512F5327}" dt="2024-06-27T20:38:29.122" v="55" actId="14100"/>
          <ac:spMkLst>
            <pc:docMk/>
            <pc:sldMk cId="0" sldId="2929"/>
            <ac:spMk id="7" creationId="{00000000-0000-0000-0000-000000000000}"/>
          </ac:spMkLst>
        </pc:spChg>
      </pc:sldChg>
      <pc:sldChg chg="modSp mod ord">
        <pc:chgData name="芳彦 植野" userId="f73418c7d3ac11cb" providerId="LiveId" clId="{4A36F7B4-635B-47FE-8BF6-CA18512F5327}" dt="2024-06-27T20:39:12.476" v="61" actId="14100"/>
        <pc:sldMkLst>
          <pc:docMk/>
          <pc:sldMk cId="0" sldId="2930"/>
        </pc:sldMkLst>
        <pc:spChg chg="mod">
          <ac:chgData name="芳彦 植野" userId="f73418c7d3ac11cb" providerId="LiveId" clId="{4A36F7B4-635B-47FE-8BF6-CA18512F5327}" dt="2024-06-27T20:38:44.378" v="58" actId="14100"/>
          <ac:spMkLst>
            <pc:docMk/>
            <pc:sldMk cId="0" sldId="2930"/>
            <ac:spMk id="5" creationId="{00000000-0000-0000-0000-000000000000}"/>
          </ac:spMkLst>
        </pc:spChg>
        <pc:spChg chg="mod">
          <ac:chgData name="芳彦 植野" userId="f73418c7d3ac11cb" providerId="LiveId" clId="{4A36F7B4-635B-47FE-8BF6-CA18512F5327}" dt="2024-06-27T20:39:12.476" v="61" actId="14100"/>
          <ac:spMkLst>
            <pc:docMk/>
            <pc:sldMk cId="0" sldId="2930"/>
            <ac:spMk id="11" creationId="{00000000-0000-0000-0000-000000000000}"/>
          </ac:spMkLst>
        </pc:spChg>
        <pc:grpChg chg="mod">
          <ac:chgData name="芳彦 植野" userId="f73418c7d3ac11cb" providerId="LiveId" clId="{4A36F7B4-635B-47FE-8BF6-CA18512F5327}" dt="2024-06-27T20:39:01.972" v="60" actId="14100"/>
          <ac:grpSpMkLst>
            <pc:docMk/>
            <pc:sldMk cId="0" sldId="2930"/>
            <ac:grpSpMk id="2" creationId="{00000000-0000-0000-0000-000000000000}"/>
          </ac:grpSpMkLst>
        </pc:grpChg>
      </pc:sldChg>
      <pc:sldChg chg="del">
        <pc:chgData name="芳彦 植野" userId="f73418c7d3ac11cb" providerId="LiveId" clId="{4A36F7B4-635B-47FE-8BF6-CA18512F5327}" dt="2024-06-27T20:41:41.549" v="74" actId="2696"/>
        <pc:sldMkLst>
          <pc:docMk/>
          <pc:sldMk cId="2716326361" sldId="2931"/>
        </pc:sldMkLst>
      </pc:sldChg>
    </pc:docChg>
  </pc:docChgLst>
</pc:chgInfo>
</file>

<file path=ppt/charts/_rels/chart1.xml.rels><?xml version="1.0" encoding="UTF-8" standalone="yes"?>
<Relationships xmlns="http://schemas.openxmlformats.org/package/2006/relationships"><Relationship Id="rId3" Type="http://schemas.openxmlformats.org/officeDocument/2006/relationships/chartUserShapes" Target="../drawings/drawing1.xml"/><Relationship Id="rId2" Type="http://schemas.openxmlformats.org/officeDocument/2006/relationships/oleObject" Target="file:///E:\&#19979;&#26032;&#27211;\&#19979;&#26032;&#27211;&#12487;&#12540;&#12479;.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3.8949398085015907E-2"/>
          <c:y val="5.7283954767126895E-2"/>
          <c:w val="0.70065030279036344"/>
          <c:h val="0.87138323291232134"/>
        </c:manualLayout>
      </c:layout>
      <c:scatterChart>
        <c:scatterStyle val="lineMarker"/>
        <c:varyColors val="0"/>
        <c:ser>
          <c:idx val="0"/>
          <c:order val="0"/>
          <c:tx>
            <c:strRef>
              <c:f>グラフ!$H$2</c:f>
              <c:strCache>
                <c:ptCount val="1"/>
                <c:pt idx="0">
                  <c:v>温度℃</c:v>
                </c:pt>
              </c:strCache>
            </c:strRef>
          </c:tx>
          <c:marker>
            <c:symbol val="none"/>
          </c:marker>
          <c:xVal>
            <c:numRef>
              <c:f>グラフ!$G$6:$G$1136</c:f>
              <c:numCache>
                <c:formatCode>yyyy/m/d\ h:mm;@</c:formatCode>
                <c:ptCount val="1131"/>
                <c:pt idx="0">
                  <c:v>43238.33011574074</c:v>
                </c:pt>
                <c:pt idx="1">
                  <c:v>43238.288518518515</c:v>
                </c:pt>
                <c:pt idx="2">
                  <c:v>43238.246886574074</c:v>
                </c:pt>
                <c:pt idx="3">
                  <c:v>43238.205370370371</c:v>
                </c:pt>
                <c:pt idx="4">
                  <c:v>43238.163819444446</c:v>
                </c:pt>
                <c:pt idx="5">
                  <c:v>43238.122233796297</c:v>
                </c:pt>
                <c:pt idx="6">
                  <c:v>43238.080578703702</c:v>
                </c:pt>
                <c:pt idx="7">
                  <c:v>43238.038993055554</c:v>
                </c:pt>
                <c:pt idx="8">
                  <c:v>43237.997349537036</c:v>
                </c:pt>
                <c:pt idx="9">
                  <c:v>43237.955775462964</c:v>
                </c:pt>
                <c:pt idx="10">
                  <c:v>43237.914155092592</c:v>
                </c:pt>
                <c:pt idx="11">
                  <c:v>43237.872557870367</c:v>
                </c:pt>
                <c:pt idx="12">
                  <c:v>43237.830960648149</c:v>
                </c:pt>
                <c:pt idx="13">
                  <c:v>43237.789340277777</c:v>
                </c:pt>
                <c:pt idx="14">
                  <c:v>43237.747696759259</c:v>
                </c:pt>
                <c:pt idx="15">
                  <c:v>43237.706064814818</c:v>
                </c:pt>
                <c:pt idx="16">
                  <c:v>43237.664490740739</c:v>
                </c:pt>
                <c:pt idx="17">
                  <c:v>43237.622928240744</c:v>
                </c:pt>
                <c:pt idx="18">
                  <c:v>43237.581296296295</c:v>
                </c:pt>
                <c:pt idx="19">
                  <c:v>43237.539699074077</c:v>
                </c:pt>
                <c:pt idx="20">
                  <c:v>43237.456469907411</c:v>
                </c:pt>
                <c:pt idx="21">
                  <c:v>43237.414930555555</c:v>
                </c:pt>
                <c:pt idx="22">
                  <c:v>43237.37332175926</c:v>
                </c:pt>
                <c:pt idx="23">
                  <c:v>43237.331712962965</c:v>
                </c:pt>
                <c:pt idx="24">
                  <c:v>43237.290127314816</c:v>
                </c:pt>
                <c:pt idx="25">
                  <c:v>43237.24858796296</c:v>
                </c:pt>
                <c:pt idx="26">
                  <c:v>43237.206956018519</c:v>
                </c:pt>
                <c:pt idx="27">
                  <c:v>43237.165405092594</c:v>
                </c:pt>
                <c:pt idx="28">
                  <c:v>43237.123807870368</c:v>
                </c:pt>
                <c:pt idx="29">
                  <c:v>43237.08221064815</c:v>
                </c:pt>
                <c:pt idx="30">
                  <c:v>43237.040636574071</c:v>
                </c:pt>
                <c:pt idx="31">
                  <c:v>43236.99900462963</c:v>
                </c:pt>
                <c:pt idx="32">
                  <c:v>43236.957395833335</c:v>
                </c:pt>
                <c:pt idx="33">
                  <c:v>43236.915844907409</c:v>
                </c:pt>
                <c:pt idx="34">
                  <c:v>43236.874212962961</c:v>
                </c:pt>
                <c:pt idx="35">
                  <c:v>43236.832731481481</c:v>
                </c:pt>
                <c:pt idx="36">
                  <c:v>43236.791168981479</c:v>
                </c:pt>
                <c:pt idx="37">
                  <c:v>43236.74962962963</c:v>
                </c:pt>
                <c:pt idx="38">
                  <c:v>43236.708009259259</c:v>
                </c:pt>
                <c:pt idx="39">
                  <c:v>43236.666435185187</c:v>
                </c:pt>
                <c:pt idx="40">
                  <c:v>43236.6249537037</c:v>
                </c:pt>
                <c:pt idx="41">
                  <c:v>43236.583368055559</c:v>
                </c:pt>
                <c:pt idx="42">
                  <c:v>43236.541828703703</c:v>
                </c:pt>
                <c:pt idx="43">
                  <c:v>43236.500277777777</c:v>
                </c:pt>
                <c:pt idx="44">
                  <c:v>43236.458622685182</c:v>
                </c:pt>
                <c:pt idx="45">
                  <c:v>43236.417013888888</c:v>
                </c:pt>
                <c:pt idx="46">
                  <c:v>43236.375393518516</c:v>
                </c:pt>
                <c:pt idx="47">
                  <c:v>43236.333854166667</c:v>
                </c:pt>
                <c:pt idx="48">
                  <c:v>43236.292245370372</c:v>
                </c:pt>
                <c:pt idx="49">
                  <c:v>43236.250671296293</c:v>
                </c:pt>
                <c:pt idx="50">
                  <c:v>43236.209074074075</c:v>
                </c:pt>
                <c:pt idx="51">
                  <c:v>43236.167430555557</c:v>
                </c:pt>
                <c:pt idx="52">
                  <c:v>43236.125833333332</c:v>
                </c:pt>
                <c:pt idx="53">
                  <c:v>43236.08425925926</c:v>
                </c:pt>
                <c:pt idx="54">
                  <c:v>43236.042615740742</c:v>
                </c:pt>
                <c:pt idx="55">
                  <c:v>43236.00105324074</c:v>
                </c:pt>
                <c:pt idx="56">
                  <c:v>43235.959490740737</c:v>
                </c:pt>
                <c:pt idx="57">
                  <c:v>43235.917986111112</c:v>
                </c:pt>
                <c:pt idx="58">
                  <c:v>43235.876388888886</c:v>
                </c:pt>
                <c:pt idx="59">
                  <c:v>43235.834803240738</c:v>
                </c:pt>
                <c:pt idx="60">
                  <c:v>43235.793229166666</c:v>
                </c:pt>
                <c:pt idx="61">
                  <c:v>43235.751631944448</c:v>
                </c:pt>
                <c:pt idx="62">
                  <c:v>43235.710011574076</c:v>
                </c:pt>
                <c:pt idx="63">
                  <c:v>43235.668402777781</c:v>
                </c:pt>
                <c:pt idx="64">
                  <c:v>43235.626759259256</c:v>
                </c:pt>
                <c:pt idx="65">
                  <c:v>43235.585173611114</c:v>
                </c:pt>
                <c:pt idx="66">
                  <c:v>43235.543506944443</c:v>
                </c:pt>
                <c:pt idx="67">
                  <c:v>43235.501886574071</c:v>
                </c:pt>
                <c:pt idx="68">
                  <c:v>43235.460347222222</c:v>
                </c:pt>
                <c:pt idx="69">
                  <c:v>43235.418773148151</c:v>
                </c:pt>
                <c:pt idx="70">
                  <c:v>43235.377141203702</c:v>
                </c:pt>
                <c:pt idx="71">
                  <c:v>43235.335497685184</c:v>
                </c:pt>
                <c:pt idx="72">
                  <c:v>43235.293877314813</c:v>
                </c:pt>
                <c:pt idx="73">
                  <c:v>43235.252256944441</c:v>
                </c:pt>
                <c:pt idx="74">
                  <c:v>43235.210636574076</c:v>
                </c:pt>
                <c:pt idx="75">
                  <c:v>43235.168993055559</c:v>
                </c:pt>
                <c:pt idx="76">
                  <c:v>43235.12736111111</c:v>
                </c:pt>
                <c:pt idx="77">
                  <c:v>43235.085729166669</c:v>
                </c:pt>
                <c:pt idx="78">
                  <c:v>43235.04414351852</c:v>
                </c:pt>
                <c:pt idx="79">
                  <c:v>43235.002511574072</c:v>
                </c:pt>
                <c:pt idx="80">
                  <c:v>43234.9608912037</c:v>
                </c:pt>
                <c:pt idx="81">
                  <c:v>43234.919259259259</c:v>
                </c:pt>
                <c:pt idx="82">
                  <c:v>43234.877638888887</c:v>
                </c:pt>
                <c:pt idx="83">
                  <c:v>43234.836006944446</c:v>
                </c:pt>
                <c:pt idx="84">
                  <c:v>43234.794363425928</c:v>
                </c:pt>
                <c:pt idx="85">
                  <c:v>43234.752812500003</c:v>
                </c:pt>
                <c:pt idx="86">
                  <c:v>43234.711192129631</c:v>
                </c:pt>
                <c:pt idx="87">
                  <c:v>43234.669641203705</c:v>
                </c:pt>
                <c:pt idx="88">
                  <c:v>43234.627997685187</c:v>
                </c:pt>
                <c:pt idx="89">
                  <c:v>43234.586458333331</c:v>
                </c:pt>
                <c:pt idx="90">
                  <c:v>43234.544895833336</c:v>
                </c:pt>
                <c:pt idx="91">
                  <c:v>43234.503263888888</c:v>
                </c:pt>
                <c:pt idx="92">
                  <c:v>43234.461643518516</c:v>
                </c:pt>
                <c:pt idx="93">
                  <c:v>43234.420023148145</c:v>
                </c:pt>
                <c:pt idx="94">
                  <c:v>43234.378379629627</c:v>
                </c:pt>
                <c:pt idx="95">
                  <c:v>43234.336736111109</c:v>
                </c:pt>
                <c:pt idx="96">
                  <c:v>43234.295092592591</c:v>
                </c:pt>
                <c:pt idx="97">
                  <c:v>43234.253472222219</c:v>
                </c:pt>
                <c:pt idx="98">
                  <c:v>43234.211840277778</c:v>
                </c:pt>
                <c:pt idx="99">
                  <c:v>43234.170231481483</c:v>
                </c:pt>
                <c:pt idx="100">
                  <c:v>43234.128599537034</c:v>
                </c:pt>
                <c:pt idx="101">
                  <c:v>43234.08699074074</c:v>
                </c:pt>
                <c:pt idx="102">
                  <c:v>43234.045358796298</c:v>
                </c:pt>
                <c:pt idx="103">
                  <c:v>43234.003750000003</c:v>
                </c:pt>
                <c:pt idx="104">
                  <c:v>43233.962141203701</c:v>
                </c:pt>
                <c:pt idx="105">
                  <c:v>43233.920532407406</c:v>
                </c:pt>
                <c:pt idx="106">
                  <c:v>43233.878900462965</c:v>
                </c:pt>
                <c:pt idx="107">
                  <c:v>43233.837268518517</c:v>
                </c:pt>
                <c:pt idx="108">
                  <c:v>43233.795636574076</c:v>
                </c:pt>
                <c:pt idx="109">
                  <c:v>43233.754004629627</c:v>
                </c:pt>
                <c:pt idx="110">
                  <c:v>43233.712395833332</c:v>
                </c:pt>
                <c:pt idx="111">
                  <c:v>43233.670798611114</c:v>
                </c:pt>
                <c:pt idx="112">
                  <c:v>43233.629166666666</c:v>
                </c:pt>
                <c:pt idx="113">
                  <c:v>43233.587534722225</c:v>
                </c:pt>
                <c:pt idx="114">
                  <c:v>43233.545937499999</c:v>
                </c:pt>
                <c:pt idx="115">
                  <c:v>43233.504282407404</c:v>
                </c:pt>
                <c:pt idx="116">
                  <c:v>43233.462638888886</c:v>
                </c:pt>
                <c:pt idx="117">
                  <c:v>43233.421087962961</c:v>
                </c:pt>
                <c:pt idx="118">
                  <c:v>43233.379502314812</c:v>
                </c:pt>
                <c:pt idx="119">
                  <c:v>43233.337847222225</c:v>
                </c:pt>
                <c:pt idx="120">
                  <c:v>43233.29619212963</c:v>
                </c:pt>
                <c:pt idx="121">
                  <c:v>43233.254664351851</c:v>
                </c:pt>
                <c:pt idx="122">
                  <c:v>43233.213078703702</c:v>
                </c:pt>
                <c:pt idx="123">
                  <c:v>43233.171458333331</c:v>
                </c:pt>
                <c:pt idx="124">
                  <c:v>43233.129814814813</c:v>
                </c:pt>
                <c:pt idx="125">
                  <c:v>43233.088263888887</c:v>
                </c:pt>
                <c:pt idx="126">
                  <c:v>43233.046840277777</c:v>
                </c:pt>
                <c:pt idx="127">
                  <c:v>43233.005219907405</c:v>
                </c:pt>
                <c:pt idx="128">
                  <c:v>43232.96361111111</c:v>
                </c:pt>
                <c:pt idx="129">
                  <c:v>43232.921990740739</c:v>
                </c:pt>
                <c:pt idx="130">
                  <c:v>43232.880335648151</c:v>
                </c:pt>
                <c:pt idx="131">
                  <c:v>43232.838854166665</c:v>
                </c:pt>
                <c:pt idx="132">
                  <c:v>43232.797222222223</c:v>
                </c:pt>
                <c:pt idx="133">
                  <c:v>43232.755659722221</c:v>
                </c:pt>
                <c:pt idx="134">
                  <c:v>43232.714050925926</c:v>
                </c:pt>
                <c:pt idx="135">
                  <c:v>43232.672418981485</c:v>
                </c:pt>
                <c:pt idx="136">
                  <c:v>43232.630798611113</c:v>
                </c:pt>
                <c:pt idx="137">
                  <c:v>43232.589155092595</c:v>
                </c:pt>
                <c:pt idx="138">
                  <c:v>43232.547523148147</c:v>
                </c:pt>
                <c:pt idx="139">
                  <c:v>43232.505949074075</c:v>
                </c:pt>
                <c:pt idx="140">
                  <c:v>43232.464363425926</c:v>
                </c:pt>
                <c:pt idx="141">
                  <c:v>43232.422881944447</c:v>
                </c:pt>
                <c:pt idx="142">
                  <c:v>43232.381284722222</c:v>
                </c:pt>
                <c:pt idx="143">
                  <c:v>43232.339756944442</c:v>
                </c:pt>
                <c:pt idx="144">
                  <c:v>43232.29824074074</c:v>
                </c:pt>
                <c:pt idx="145">
                  <c:v>43232.256678240738</c:v>
                </c:pt>
                <c:pt idx="146">
                  <c:v>43232.215057870373</c:v>
                </c:pt>
                <c:pt idx="147">
                  <c:v>43232.173483796294</c:v>
                </c:pt>
                <c:pt idx="148">
                  <c:v>43232.131886574076</c:v>
                </c:pt>
                <c:pt idx="149">
                  <c:v>43232.09034722222</c:v>
                </c:pt>
                <c:pt idx="150">
                  <c:v>43232.048738425925</c:v>
                </c:pt>
                <c:pt idx="151">
                  <c:v>43232.007164351853</c:v>
                </c:pt>
                <c:pt idx="152">
                  <c:v>43231.965567129628</c:v>
                </c:pt>
                <c:pt idx="153">
                  <c:v>43231.924062500002</c:v>
                </c:pt>
                <c:pt idx="154">
                  <c:v>43231.882430555554</c:v>
                </c:pt>
                <c:pt idx="155">
                  <c:v>43231.840787037036</c:v>
                </c:pt>
                <c:pt idx="156">
                  <c:v>43231.799143518518</c:v>
                </c:pt>
                <c:pt idx="157">
                  <c:v>43231.757557870369</c:v>
                </c:pt>
                <c:pt idx="158">
                  <c:v>43231.715925925928</c:v>
                </c:pt>
                <c:pt idx="159">
                  <c:v>43231.674328703702</c:v>
                </c:pt>
                <c:pt idx="160">
                  <c:v>43231.632870370369</c:v>
                </c:pt>
                <c:pt idx="161">
                  <c:v>43231.591226851851</c:v>
                </c:pt>
                <c:pt idx="162">
                  <c:v>43231.549629629626</c:v>
                </c:pt>
                <c:pt idx="163">
                  <c:v>43231.508113425924</c:v>
                </c:pt>
                <c:pt idx="164">
                  <c:v>43231.466469907406</c:v>
                </c:pt>
                <c:pt idx="165">
                  <c:v>43231.424861111111</c:v>
                </c:pt>
                <c:pt idx="166">
                  <c:v>43231.383229166669</c:v>
                </c:pt>
                <c:pt idx="167">
                  <c:v>43231.341631944444</c:v>
                </c:pt>
                <c:pt idx="168">
                  <c:v>43231.3</c:v>
                </c:pt>
                <c:pt idx="169">
                  <c:v>43231.258402777778</c:v>
                </c:pt>
                <c:pt idx="170">
                  <c:v>43231.216793981483</c:v>
                </c:pt>
                <c:pt idx="171">
                  <c:v>43231.175185185188</c:v>
                </c:pt>
                <c:pt idx="172">
                  <c:v>43231.13354166667</c:v>
                </c:pt>
                <c:pt idx="173">
                  <c:v>43231.091921296298</c:v>
                </c:pt>
                <c:pt idx="174">
                  <c:v>43231.050312500003</c:v>
                </c:pt>
                <c:pt idx="175">
                  <c:v>43231.008657407408</c:v>
                </c:pt>
                <c:pt idx="176">
                  <c:v>43230.96702546296</c:v>
                </c:pt>
                <c:pt idx="177">
                  <c:v>43230.925393518519</c:v>
                </c:pt>
                <c:pt idx="178">
                  <c:v>43230.883750000001</c:v>
                </c:pt>
                <c:pt idx="179">
                  <c:v>43230.842141203706</c:v>
                </c:pt>
                <c:pt idx="180">
                  <c:v>43230.800509259258</c:v>
                </c:pt>
                <c:pt idx="181">
                  <c:v>43230.758912037039</c:v>
                </c:pt>
                <c:pt idx="182">
                  <c:v>43230.717280092591</c:v>
                </c:pt>
                <c:pt idx="183">
                  <c:v>43230.675671296296</c:v>
                </c:pt>
                <c:pt idx="184">
                  <c:v>43230.634074074071</c:v>
                </c:pt>
                <c:pt idx="185">
                  <c:v>43230.592453703706</c:v>
                </c:pt>
                <c:pt idx="186">
                  <c:v>43230.550856481481</c:v>
                </c:pt>
                <c:pt idx="187">
                  <c:v>43230.509212962963</c:v>
                </c:pt>
                <c:pt idx="188">
                  <c:v>43230.467581018522</c:v>
                </c:pt>
                <c:pt idx="189">
                  <c:v>43230.425983796296</c:v>
                </c:pt>
                <c:pt idx="190">
                  <c:v>43230.384351851855</c:v>
                </c:pt>
                <c:pt idx="191">
                  <c:v>43230.342719907407</c:v>
                </c:pt>
                <c:pt idx="192">
                  <c:v>43230.301076388889</c:v>
                </c:pt>
                <c:pt idx="193">
                  <c:v>43230.259456018517</c:v>
                </c:pt>
                <c:pt idx="194">
                  <c:v>43230.217824074076</c:v>
                </c:pt>
                <c:pt idx="195">
                  <c:v>43230.176215277781</c:v>
                </c:pt>
                <c:pt idx="196">
                  <c:v>43230.134606481479</c:v>
                </c:pt>
                <c:pt idx="197">
                  <c:v>43230.093009259261</c:v>
                </c:pt>
                <c:pt idx="198">
                  <c:v>43230.051412037035</c:v>
                </c:pt>
                <c:pt idx="199">
                  <c:v>43230.009768518517</c:v>
                </c:pt>
                <c:pt idx="200">
                  <c:v>43229.968148148146</c:v>
                </c:pt>
                <c:pt idx="201">
                  <c:v>43229.926516203705</c:v>
                </c:pt>
                <c:pt idx="202">
                  <c:v>43229.884930555556</c:v>
                </c:pt>
                <c:pt idx="203">
                  <c:v>43229.843275462961</c:v>
                </c:pt>
                <c:pt idx="204">
                  <c:v>43229.80164351852</c:v>
                </c:pt>
                <c:pt idx="205">
                  <c:v>43229.760023148148</c:v>
                </c:pt>
                <c:pt idx="206">
                  <c:v>43229.71837962963</c:v>
                </c:pt>
                <c:pt idx="207">
                  <c:v>43229.676747685182</c:v>
                </c:pt>
                <c:pt idx="208">
                  <c:v>43229.635092592594</c:v>
                </c:pt>
                <c:pt idx="209">
                  <c:v>43229.593495370369</c:v>
                </c:pt>
                <c:pt idx="210">
                  <c:v>43229.551851851851</c:v>
                </c:pt>
                <c:pt idx="211">
                  <c:v>43229.510277777779</c:v>
                </c:pt>
                <c:pt idx="212">
                  <c:v>43229.468819444446</c:v>
                </c:pt>
                <c:pt idx="213">
                  <c:v>43229.468657407408</c:v>
                </c:pt>
                <c:pt idx="214">
                  <c:v>43229.42701388889</c:v>
                </c:pt>
                <c:pt idx="215">
                  <c:v>43229.385381944441</c:v>
                </c:pt>
                <c:pt idx="216">
                  <c:v>43229.343761574077</c:v>
                </c:pt>
                <c:pt idx="217">
                  <c:v>43229.302118055559</c:v>
                </c:pt>
                <c:pt idx="218">
                  <c:v>43229.260497685187</c:v>
                </c:pt>
                <c:pt idx="219">
                  <c:v>43229.218865740739</c:v>
                </c:pt>
                <c:pt idx="220">
                  <c:v>43229.177222222221</c:v>
                </c:pt>
                <c:pt idx="221">
                  <c:v>43229.135636574072</c:v>
                </c:pt>
                <c:pt idx="222">
                  <c:v>43229.0940162037</c:v>
                </c:pt>
                <c:pt idx="223">
                  <c:v>43229.052418981482</c:v>
                </c:pt>
                <c:pt idx="224">
                  <c:v>43229.010798611111</c:v>
                </c:pt>
                <c:pt idx="225">
                  <c:v>43228.969178240739</c:v>
                </c:pt>
                <c:pt idx="226">
                  <c:v>43228.927569444444</c:v>
                </c:pt>
                <c:pt idx="227">
                  <c:v>43228.885937500003</c:v>
                </c:pt>
                <c:pt idx="228">
                  <c:v>43228.844293981485</c:v>
                </c:pt>
                <c:pt idx="229">
                  <c:v>43228.802662037036</c:v>
                </c:pt>
                <c:pt idx="230">
                  <c:v>43228.761030092595</c:v>
                </c:pt>
                <c:pt idx="231">
                  <c:v>43228.719421296293</c:v>
                </c:pt>
                <c:pt idx="232">
                  <c:v>43228.677824074075</c:v>
                </c:pt>
                <c:pt idx="233">
                  <c:v>43228.636203703703</c:v>
                </c:pt>
                <c:pt idx="234">
                  <c:v>43228.594571759262</c:v>
                </c:pt>
                <c:pt idx="235">
                  <c:v>43228.552928240744</c:v>
                </c:pt>
                <c:pt idx="236">
                  <c:v>43228.511296296296</c:v>
                </c:pt>
                <c:pt idx="237">
                  <c:v>43228.469687500001</c:v>
                </c:pt>
                <c:pt idx="238">
                  <c:v>43228.428067129629</c:v>
                </c:pt>
                <c:pt idx="239">
                  <c:v>43228.386481481481</c:v>
                </c:pt>
                <c:pt idx="240">
                  <c:v>43228.344837962963</c:v>
                </c:pt>
                <c:pt idx="241">
                  <c:v>43228.303194444445</c:v>
                </c:pt>
                <c:pt idx="242">
                  <c:v>43228.261574074073</c:v>
                </c:pt>
                <c:pt idx="243">
                  <c:v>43228.219942129632</c:v>
                </c:pt>
                <c:pt idx="244">
                  <c:v>43228.17832175926</c:v>
                </c:pt>
                <c:pt idx="245">
                  <c:v>43228.136712962965</c:v>
                </c:pt>
                <c:pt idx="246">
                  <c:v>43228.095081018517</c:v>
                </c:pt>
                <c:pt idx="247">
                  <c:v>43228.053437499999</c:v>
                </c:pt>
                <c:pt idx="248">
                  <c:v>43228.011805555558</c:v>
                </c:pt>
                <c:pt idx="249">
                  <c:v>43227.970208333332</c:v>
                </c:pt>
                <c:pt idx="250">
                  <c:v>43227.928564814814</c:v>
                </c:pt>
                <c:pt idx="251">
                  <c:v>43227.886944444443</c:v>
                </c:pt>
                <c:pt idx="252">
                  <c:v>43227.845312500001</c:v>
                </c:pt>
                <c:pt idx="253">
                  <c:v>43227.80369212963</c:v>
                </c:pt>
                <c:pt idx="254">
                  <c:v>43227.762083333335</c:v>
                </c:pt>
                <c:pt idx="255">
                  <c:v>43227.720462962963</c:v>
                </c:pt>
                <c:pt idx="256">
                  <c:v>43227.678831018522</c:v>
                </c:pt>
                <c:pt idx="257">
                  <c:v>43227.63721064815</c:v>
                </c:pt>
                <c:pt idx="258">
                  <c:v>43227.595590277779</c:v>
                </c:pt>
                <c:pt idx="259">
                  <c:v>43227.553935185184</c:v>
                </c:pt>
                <c:pt idx="260">
                  <c:v>43227.512337962966</c:v>
                </c:pt>
                <c:pt idx="261">
                  <c:v>43227.470717592594</c:v>
                </c:pt>
                <c:pt idx="262">
                  <c:v>43227.429085648146</c:v>
                </c:pt>
                <c:pt idx="263">
                  <c:v>43227.387465277781</c:v>
                </c:pt>
                <c:pt idx="264">
                  <c:v>43227.345868055556</c:v>
                </c:pt>
                <c:pt idx="265">
                  <c:v>43227.304328703707</c:v>
                </c:pt>
                <c:pt idx="266">
                  <c:v>43227.262696759259</c:v>
                </c:pt>
                <c:pt idx="267">
                  <c:v>43227.221064814818</c:v>
                </c:pt>
                <c:pt idx="268">
                  <c:v>43227.179467592592</c:v>
                </c:pt>
                <c:pt idx="269">
                  <c:v>43227.137870370374</c:v>
                </c:pt>
                <c:pt idx="270">
                  <c:v>43227.096261574072</c:v>
                </c:pt>
                <c:pt idx="271">
                  <c:v>43227.054710648146</c:v>
                </c:pt>
                <c:pt idx="272">
                  <c:v>43227.013206018521</c:v>
                </c:pt>
                <c:pt idx="273">
                  <c:v>43226.971689814818</c:v>
                </c:pt>
                <c:pt idx="274">
                  <c:v>43226.930104166669</c:v>
                </c:pt>
                <c:pt idx="275">
                  <c:v>43226.888599537036</c:v>
                </c:pt>
                <c:pt idx="276">
                  <c:v>43226.847025462965</c:v>
                </c:pt>
                <c:pt idx="277">
                  <c:v>43226.805428240739</c:v>
                </c:pt>
                <c:pt idx="278">
                  <c:v>43226.763807870368</c:v>
                </c:pt>
                <c:pt idx="279">
                  <c:v>43226.72216435185</c:v>
                </c:pt>
                <c:pt idx="280">
                  <c:v>43226.680532407408</c:v>
                </c:pt>
                <c:pt idx="281">
                  <c:v>43226.638935185183</c:v>
                </c:pt>
                <c:pt idx="282">
                  <c:v>43226.597314814811</c:v>
                </c:pt>
                <c:pt idx="283">
                  <c:v>43226.55568287037</c:v>
                </c:pt>
                <c:pt idx="284">
                  <c:v>43226.514166666668</c:v>
                </c:pt>
                <c:pt idx="285">
                  <c:v>43226.472638888888</c:v>
                </c:pt>
                <c:pt idx="286">
                  <c:v>43226.431041666663</c:v>
                </c:pt>
                <c:pt idx="287">
                  <c:v>43226.389398148145</c:v>
                </c:pt>
                <c:pt idx="288">
                  <c:v>43226.34778935185</c:v>
                </c:pt>
                <c:pt idx="289">
                  <c:v>43226.306180555555</c:v>
                </c:pt>
                <c:pt idx="290">
                  <c:v>43226.264548611114</c:v>
                </c:pt>
                <c:pt idx="291">
                  <c:v>43226.222905092596</c:v>
                </c:pt>
                <c:pt idx="292">
                  <c:v>43226.181296296294</c:v>
                </c:pt>
                <c:pt idx="293">
                  <c:v>43226.139652777776</c:v>
                </c:pt>
                <c:pt idx="294">
                  <c:v>43226.098078703704</c:v>
                </c:pt>
                <c:pt idx="295">
                  <c:v>43226.056504629632</c:v>
                </c:pt>
                <c:pt idx="296">
                  <c:v>43226.01494212963</c:v>
                </c:pt>
                <c:pt idx="297">
                  <c:v>43225.973368055558</c:v>
                </c:pt>
                <c:pt idx="298">
                  <c:v>43225.93178240741</c:v>
                </c:pt>
                <c:pt idx="299">
                  <c:v>43225.890150462961</c:v>
                </c:pt>
                <c:pt idx="300">
                  <c:v>43225.848587962966</c:v>
                </c:pt>
                <c:pt idx="301">
                  <c:v>43225.806932870371</c:v>
                </c:pt>
                <c:pt idx="302">
                  <c:v>43225.765300925923</c:v>
                </c:pt>
                <c:pt idx="303">
                  <c:v>43225.723692129628</c:v>
                </c:pt>
                <c:pt idx="304">
                  <c:v>43225.682118055556</c:v>
                </c:pt>
                <c:pt idx="305">
                  <c:v>43225.640486111108</c:v>
                </c:pt>
                <c:pt idx="306">
                  <c:v>43225.59884259259</c:v>
                </c:pt>
                <c:pt idx="307">
                  <c:v>43225.557199074072</c:v>
                </c:pt>
                <c:pt idx="308">
                  <c:v>43225.515555555554</c:v>
                </c:pt>
                <c:pt idx="309">
                  <c:v>43225.473958333336</c:v>
                </c:pt>
                <c:pt idx="310">
                  <c:v>43225.432314814818</c:v>
                </c:pt>
                <c:pt idx="311">
                  <c:v>43225.390740740739</c:v>
                </c:pt>
                <c:pt idx="312">
                  <c:v>43225.349108796298</c:v>
                </c:pt>
                <c:pt idx="313">
                  <c:v>43225.307511574072</c:v>
                </c:pt>
                <c:pt idx="314">
                  <c:v>43225.265914351854</c:v>
                </c:pt>
                <c:pt idx="315">
                  <c:v>43225.224317129629</c:v>
                </c:pt>
                <c:pt idx="316">
                  <c:v>43225.18273148148</c:v>
                </c:pt>
                <c:pt idx="317">
                  <c:v>43225.141099537039</c:v>
                </c:pt>
                <c:pt idx="318">
                  <c:v>43225.09951388889</c:v>
                </c:pt>
                <c:pt idx="319">
                  <c:v>43225.057870370372</c:v>
                </c:pt>
                <c:pt idx="320">
                  <c:v>43225.016250000001</c:v>
                </c:pt>
                <c:pt idx="321">
                  <c:v>43224.974699074075</c:v>
                </c:pt>
                <c:pt idx="322">
                  <c:v>43224.933067129627</c:v>
                </c:pt>
                <c:pt idx="323">
                  <c:v>43224.891435185185</c:v>
                </c:pt>
                <c:pt idx="324">
                  <c:v>43224.849791666667</c:v>
                </c:pt>
                <c:pt idx="325">
                  <c:v>43224.808159722219</c:v>
                </c:pt>
                <c:pt idx="326">
                  <c:v>43224.766550925924</c:v>
                </c:pt>
                <c:pt idx="327">
                  <c:v>43224.724895833337</c:v>
                </c:pt>
                <c:pt idx="328">
                  <c:v>43224.683252314811</c:v>
                </c:pt>
                <c:pt idx="329">
                  <c:v>43224.641608796293</c:v>
                </c:pt>
                <c:pt idx="330">
                  <c:v>43224.599976851852</c:v>
                </c:pt>
                <c:pt idx="331">
                  <c:v>43224.558368055557</c:v>
                </c:pt>
                <c:pt idx="332">
                  <c:v>43224.516736111109</c:v>
                </c:pt>
                <c:pt idx="333">
                  <c:v>43224.475092592591</c:v>
                </c:pt>
                <c:pt idx="334">
                  <c:v>43224.43346064815</c:v>
                </c:pt>
                <c:pt idx="335">
                  <c:v>43224.391793981478</c:v>
                </c:pt>
                <c:pt idx="336">
                  <c:v>43224.35015046296</c:v>
                </c:pt>
                <c:pt idx="337">
                  <c:v>43224.308541666665</c:v>
                </c:pt>
                <c:pt idx="338">
                  <c:v>43224.266909722224</c:v>
                </c:pt>
                <c:pt idx="339">
                  <c:v>43224.225277777776</c:v>
                </c:pt>
                <c:pt idx="340">
                  <c:v>43224.183645833335</c:v>
                </c:pt>
                <c:pt idx="341">
                  <c:v>43224.142002314817</c:v>
                </c:pt>
                <c:pt idx="342">
                  <c:v>43224.100439814814</c:v>
                </c:pt>
                <c:pt idx="343">
                  <c:v>43224.058865740742</c:v>
                </c:pt>
                <c:pt idx="344">
                  <c:v>43224.017256944448</c:v>
                </c:pt>
                <c:pt idx="345">
                  <c:v>43223.975648148145</c:v>
                </c:pt>
                <c:pt idx="346">
                  <c:v>43223.934120370373</c:v>
                </c:pt>
                <c:pt idx="347">
                  <c:v>43223.892500000002</c:v>
                </c:pt>
                <c:pt idx="348">
                  <c:v>43223.850914351853</c:v>
                </c:pt>
                <c:pt idx="349">
                  <c:v>43223.809317129628</c:v>
                </c:pt>
                <c:pt idx="350">
                  <c:v>43223.76767361111</c:v>
                </c:pt>
                <c:pt idx="351">
                  <c:v>43223.726064814815</c:v>
                </c:pt>
                <c:pt idx="352">
                  <c:v>43223.684444444443</c:v>
                </c:pt>
                <c:pt idx="353">
                  <c:v>43223.642835648148</c:v>
                </c:pt>
                <c:pt idx="354">
                  <c:v>43223.60119212963</c:v>
                </c:pt>
                <c:pt idx="355">
                  <c:v>43223.559583333335</c:v>
                </c:pt>
                <c:pt idx="356">
                  <c:v>43223.517951388887</c:v>
                </c:pt>
                <c:pt idx="357">
                  <c:v>43223.476342592592</c:v>
                </c:pt>
                <c:pt idx="358">
                  <c:v>43223.434733796297</c:v>
                </c:pt>
                <c:pt idx="359">
                  <c:v>43223.393090277779</c:v>
                </c:pt>
                <c:pt idx="360">
                  <c:v>43223.351469907408</c:v>
                </c:pt>
                <c:pt idx="361">
                  <c:v>43223.309861111113</c:v>
                </c:pt>
                <c:pt idx="362">
                  <c:v>43223.268206018518</c:v>
                </c:pt>
                <c:pt idx="363">
                  <c:v>43223.226585648146</c:v>
                </c:pt>
                <c:pt idx="364">
                  <c:v>43223.184953703705</c:v>
                </c:pt>
                <c:pt idx="365">
                  <c:v>43223.143333333333</c:v>
                </c:pt>
                <c:pt idx="366">
                  <c:v>43223.101724537039</c:v>
                </c:pt>
                <c:pt idx="367">
                  <c:v>43223.060104166667</c:v>
                </c:pt>
                <c:pt idx="368">
                  <c:v>43223.018460648149</c:v>
                </c:pt>
                <c:pt idx="369">
                  <c:v>43222.9768287037</c:v>
                </c:pt>
                <c:pt idx="370">
                  <c:v>43222.935208333336</c:v>
                </c:pt>
                <c:pt idx="371">
                  <c:v>43222.893553240741</c:v>
                </c:pt>
                <c:pt idx="372">
                  <c:v>43222.851979166669</c:v>
                </c:pt>
                <c:pt idx="373">
                  <c:v>43222.810416666667</c:v>
                </c:pt>
                <c:pt idx="374">
                  <c:v>43222.768784722219</c:v>
                </c:pt>
                <c:pt idx="375">
                  <c:v>43222.727152777778</c:v>
                </c:pt>
                <c:pt idx="376">
                  <c:v>43222.685532407406</c:v>
                </c:pt>
                <c:pt idx="377">
                  <c:v>43222.643923611111</c:v>
                </c:pt>
                <c:pt idx="378">
                  <c:v>43222.602337962962</c:v>
                </c:pt>
                <c:pt idx="379">
                  <c:v>43222.560729166667</c:v>
                </c:pt>
                <c:pt idx="380">
                  <c:v>43222.519120370373</c:v>
                </c:pt>
                <c:pt idx="381">
                  <c:v>43222.477488425924</c:v>
                </c:pt>
                <c:pt idx="382">
                  <c:v>43222.435902777775</c:v>
                </c:pt>
                <c:pt idx="383">
                  <c:v>43222.394270833334</c:v>
                </c:pt>
                <c:pt idx="384">
                  <c:v>43222.352743055555</c:v>
                </c:pt>
                <c:pt idx="385">
                  <c:v>43222.311122685183</c:v>
                </c:pt>
                <c:pt idx="386">
                  <c:v>43222.269606481481</c:v>
                </c:pt>
                <c:pt idx="387">
                  <c:v>43222.228009259263</c:v>
                </c:pt>
                <c:pt idx="388">
                  <c:v>43222.186377314814</c:v>
                </c:pt>
                <c:pt idx="389">
                  <c:v>43222.144837962966</c:v>
                </c:pt>
                <c:pt idx="390">
                  <c:v>43222.103217592594</c:v>
                </c:pt>
                <c:pt idx="391">
                  <c:v>43222.061597222222</c:v>
                </c:pt>
                <c:pt idx="392">
                  <c:v>43222.019988425927</c:v>
                </c:pt>
                <c:pt idx="393">
                  <c:v>43221.978472222225</c:v>
                </c:pt>
                <c:pt idx="394">
                  <c:v>43221.936840277776</c:v>
                </c:pt>
                <c:pt idx="395">
                  <c:v>43221.895243055558</c:v>
                </c:pt>
                <c:pt idx="396">
                  <c:v>43221.853680555556</c:v>
                </c:pt>
                <c:pt idx="397">
                  <c:v>43221.812060185184</c:v>
                </c:pt>
                <c:pt idx="398">
                  <c:v>43221.770497685182</c:v>
                </c:pt>
                <c:pt idx="399">
                  <c:v>43221.728854166664</c:v>
                </c:pt>
                <c:pt idx="400">
                  <c:v>43221.687222222223</c:v>
                </c:pt>
                <c:pt idx="401">
                  <c:v>43221.645590277774</c:v>
                </c:pt>
                <c:pt idx="402">
                  <c:v>43221.603935185187</c:v>
                </c:pt>
                <c:pt idx="403">
                  <c:v>43221.562291666669</c:v>
                </c:pt>
                <c:pt idx="404">
                  <c:v>43221.52065972222</c:v>
                </c:pt>
                <c:pt idx="405">
                  <c:v>43221.479050925926</c:v>
                </c:pt>
                <c:pt idx="406">
                  <c:v>43221.437476851854</c:v>
                </c:pt>
                <c:pt idx="407">
                  <c:v>43221.395833333336</c:v>
                </c:pt>
                <c:pt idx="408">
                  <c:v>43221.354224537034</c:v>
                </c:pt>
                <c:pt idx="409">
                  <c:v>43221.312604166669</c:v>
                </c:pt>
                <c:pt idx="410">
                  <c:v>43221.271018518521</c:v>
                </c:pt>
                <c:pt idx="411">
                  <c:v>43221.229467592595</c:v>
                </c:pt>
                <c:pt idx="412">
                  <c:v>43221.187939814816</c:v>
                </c:pt>
                <c:pt idx="413">
                  <c:v>43221.146365740744</c:v>
                </c:pt>
                <c:pt idx="414">
                  <c:v>43221.104837962965</c:v>
                </c:pt>
                <c:pt idx="415">
                  <c:v>43221.063217592593</c:v>
                </c:pt>
                <c:pt idx="416">
                  <c:v>43221.021608796298</c:v>
                </c:pt>
                <c:pt idx="417">
                  <c:v>43220.98</c:v>
                </c:pt>
                <c:pt idx="418">
                  <c:v>43220.938506944447</c:v>
                </c:pt>
                <c:pt idx="419">
                  <c:v>43220.896886574075</c:v>
                </c:pt>
                <c:pt idx="420">
                  <c:v>43220.855266203704</c:v>
                </c:pt>
                <c:pt idx="421">
                  <c:v>43220.813715277778</c:v>
                </c:pt>
                <c:pt idx="422">
                  <c:v>43220.772106481483</c:v>
                </c:pt>
                <c:pt idx="423">
                  <c:v>43220.730543981481</c:v>
                </c:pt>
                <c:pt idx="424">
                  <c:v>43220.688935185186</c:v>
                </c:pt>
                <c:pt idx="425">
                  <c:v>43220.647314814814</c:v>
                </c:pt>
                <c:pt idx="426">
                  <c:v>43220.605821759258</c:v>
                </c:pt>
                <c:pt idx="427">
                  <c:v>43220.564201388886</c:v>
                </c:pt>
                <c:pt idx="428">
                  <c:v>43220.522581018522</c:v>
                </c:pt>
                <c:pt idx="429">
                  <c:v>43220.48101851852</c:v>
                </c:pt>
                <c:pt idx="430">
                  <c:v>43220.439386574071</c:v>
                </c:pt>
                <c:pt idx="431">
                  <c:v>43220.397743055553</c:v>
                </c:pt>
                <c:pt idx="432">
                  <c:v>43220.356111111112</c:v>
                </c:pt>
                <c:pt idx="433">
                  <c:v>43220.314502314817</c:v>
                </c:pt>
                <c:pt idx="434">
                  <c:v>43220.272858796299</c:v>
                </c:pt>
                <c:pt idx="435">
                  <c:v>43220.231273148151</c:v>
                </c:pt>
                <c:pt idx="436">
                  <c:v>43220.189652777779</c:v>
                </c:pt>
                <c:pt idx="437">
                  <c:v>43220.148159722223</c:v>
                </c:pt>
                <c:pt idx="438">
                  <c:v>43220.106562499997</c:v>
                </c:pt>
                <c:pt idx="439">
                  <c:v>43220.065023148149</c:v>
                </c:pt>
                <c:pt idx="440">
                  <c:v>43220.0234375</c:v>
                </c:pt>
                <c:pt idx="441">
                  <c:v>43219.981909722221</c:v>
                </c:pt>
                <c:pt idx="442">
                  <c:v>43219.940358796295</c:v>
                </c:pt>
                <c:pt idx="443">
                  <c:v>43219.898726851854</c:v>
                </c:pt>
                <c:pt idx="444">
                  <c:v>43219.857094907406</c:v>
                </c:pt>
                <c:pt idx="445">
                  <c:v>43219.815532407411</c:v>
                </c:pt>
                <c:pt idx="446">
                  <c:v>43219.773969907408</c:v>
                </c:pt>
                <c:pt idx="447">
                  <c:v>43219.73238425926</c:v>
                </c:pt>
                <c:pt idx="448">
                  <c:v>43219.690798611111</c:v>
                </c:pt>
                <c:pt idx="449">
                  <c:v>43219.649224537039</c:v>
                </c:pt>
                <c:pt idx="450">
                  <c:v>43219.607604166667</c:v>
                </c:pt>
                <c:pt idx="451">
                  <c:v>43219.566041666665</c:v>
                </c:pt>
                <c:pt idx="452">
                  <c:v>43219.524398148147</c:v>
                </c:pt>
                <c:pt idx="453">
                  <c:v>43219.482870370368</c:v>
                </c:pt>
                <c:pt idx="454">
                  <c:v>43219.441238425927</c:v>
                </c:pt>
                <c:pt idx="455">
                  <c:v>43219.399606481478</c:v>
                </c:pt>
                <c:pt idx="456">
                  <c:v>43219.357974537037</c:v>
                </c:pt>
                <c:pt idx="457">
                  <c:v>43219.316365740742</c:v>
                </c:pt>
                <c:pt idx="458">
                  <c:v>43219.274756944447</c:v>
                </c:pt>
                <c:pt idx="459">
                  <c:v>43219.233148148145</c:v>
                </c:pt>
                <c:pt idx="460">
                  <c:v>43219.191550925927</c:v>
                </c:pt>
                <c:pt idx="461">
                  <c:v>43219.149988425925</c:v>
                </c:pt>
                <c:pt idx="462">
                  <c:v>43219.108449074076</c:v>
                </c:pt>
                <c:pt idx="463">
                  <c:v>43219.066817129627</c:v>
                </c:pt>
                <c:pt idx="464">
                  <c:v>43219.025254629632</c:v>
                </c:pt>
                <c:pt idx="465">
                  <c:v>43218.983680555553</c:v>
                </c:pt>
                <c:pt idx="466">
                  <c:v>43218.942129629628</c:v>
                </c:pt>
                <c:pt idx="467">
                  <c:v>43218.900567129633</c:v>
                </c:pt>
                <c:pt idx="468">
                  <c:v>43218.858993055554</c:v>
                </c:pt>
                <c:pt idx="469">
                  <c:v>43218.817361111112</c:v>
                </c:pt>
                <c:pt idx="470">
                  <c:v>43218.775729166664</c:v>
                </c:pt>
                <c:pt idx="471">
                  <c:v>43218.734166666669</c:v>
                </c:pt>
                <c:pt idx="472">
                  <c:v>43218.69253472222</c:v>
                </c:pt>
                <c:pt idx="473">
                  <c:v>43218.650995370372</c:v>
                </c:pt>
                <c:pt idx="474">
                  <c:v>43218.609432870369</c:v>
                </c:pt>
                <c:pt idx="475">
                  <c:v>43218.567858796298</c:v>
                </c:pt>
                <c:pt idx="476">
                  <c:v>43218.526250000003</c:v>
                </c:pt>
                <c:pt idx="477">
                  <c:v>43218.484618055554</c:v>
                </c:pt>
                <c:pt idx="478">
                  <c:v>43218.443090277775</c:v>
                </c:pt>
                <c:pt idx="479">
                  <c:v>43218.401469907411</c:v>
                </c:pt>
                <c:pt idx="480">
                  <c:v>43218.359826388885</c:v>
                </c:pt>
                <c:pt idx="481">
                  <c:v>43218.318182870367</c:v>
                </c:pt>
                <c:pt idx="482">
                  <c:v>43218.276550925926</c:v>
                </c:pt>
                <c:pt idx="483">
                  <c:v>43218.234930555554</c:v>
                </c:pt>
                <c:pt idx="484">
                  <c:v>43218.193310185183</c:v>
                </c:pt>
                <c:pt idx="485">
                  <c:v>43218.151678240742</c:v>
                </c:pt>
                <c:pt idx="486">
                  <c:v>43218.110115740739</c:v>
                </c:pt>
                <c:pt idx="487">
                  <c:v>43218.068564814814</c:v>
                </c:pt>
                <c:pt idx="488">
                  <c:v>43218.027002314811</c:v>
                </c:pt>
                <c:pt idx="489">
                  <c:v>43217.98542824074</c:v>
                </c:pt>
                <c:pt idx="490">
                  <c:v>43217.943842592591</c:v>
                </c:pt>
                <c:pt idx="491">
                  <c:v>43217.902222222219</c:v>
                </c:pt>
                <c:pt idx="492">
                  <c:v>43217.860590277778</c:v>
                </c:pt>
                <c:pt idx="493">
                  <c:v>43217.818969907406</c:v>
                </c:pt>
                <c:pt idx="494">
                  <c:v>43217.777361111112</c:v>
                </c:pt>
                <c:pt idx="495">
                  <c:v>43217.735729166663</c:v>
                </c:pt>
                <c:pt idx="496">
                  <c:v>43217.694085648145</c:v>
                </c:pt>
                <c:pt idx="497">
                  <c:v>43217.652511574073</c:v>
                </c:pt>
                <c:pt idx="498">
                  <c:v>43217.610983796294</c:v>
                </c:pt>
                <c:pt idx="499">
                  <c:v>43217.569386574076</c:v>
                </c:pt>
                <c:pt idx="500">
                  <c:v>43217.527824074074</c:v>
                </c:pt>
                <c:pt idx="501">
                  <c:v>43217.486296296294</c:v>
                </c:pt>
                <c:pt idx="502">
                  <c:v>43217.444791666669</c:v>
                </c:pt>
                <c:pt idx="503">
                  <c:v>43217.403194444443</c:v>
                </c:pt>
                <c:pt idx="504">
                  <c:v>43217.361562500002</c:v>
                </c:pt>
                <c:pt idx="505">
                  <c:v>43217.319918981484</c:v>
                </c:pt>
                <c:pt idx="506">
                  <c:v>43217.278368055559</c:v>
                </c:pt>
                <c:pt idx="507">
                  <c:v>43217.236770833333</c:v>
                </c:pt>
                <c:pt idx="508">
                  <c:v>43217.195115740738</c:v>
                </c:pt>
                <c:pt idx="509">
                  <c:v>43217.15351851852</c:v>
                </c:pt>
                <c:pt idx="510">
                  <c:v>43217.111944444441</c:v>
                </c:pt>
                <c:pt idx="511">
                  <c:v>43217.0703125</c:v>
                </c:pt>
                <c:pt idx="512">
                  <c:v>43217.028749999998</c:v>
                </c:pt>
                <c:pt idx="513">
                  <c:v>43216.987326388888</c:v>
                </c:pt>
                <c:pt idx="514">
                  <c:v>43216.945740740739</c:v>
                </c:pt>
                <c:pt idx="515">
                  <c:v>43216.904131944444</c:v>
                </c:pt>
                <c:pt idx="516">
                  <c:v>43216.862476851849</c:v>
                </c:pt>
                <c:pt idx="517">
                  <c:v>43216.820844907408</c:v>
                </c:pt>
                <c:pt idx="518">
                  <c:v>43216.779247685183</c:v>
                </c:pt>
                <c:pt idx="519">
                  <c:v>43216.737615740742</c:v>
                </c:pt>
                <c:pt idx="520">
                  <c:v>43216.695983796293</c:v>
                </c:pt>
                <c:pt idx="521">
                  <c:v>43216.654386574075</c:v>
                </c:pt>
                <c:pt idx="522">
                  <c:v>43216.612766203703</c:v>
                </c:pt>
                <c:pt idx="523">
                  <c:v>43216.571134259262</c:v>
                </c:pt>
                <c:pt idx="524">
                  <c:v>43216.529490740744</c:v>
                </c:pt>
                <c:pt idx="525">
                  <c:v>43216.495578703703</c:v>
                </c:pt>
                <c:pt idx="526">
                  <c:v>43216.487916666665</c:v>
                </c:pt>
                <c:pt idx="527">
                  <c:v>43216.446296296293</c:v>
                </c:pt>
                <c:pt idx="528">
                  <c:v>43216.404699074075</c:v>
                </c:pt>
                <c:pt idx="529">
                  <c:v>43216.363078703704</c:v>
                </c:pt>
                <c:pt idx="530">
                  <c:v>43216.321458333332</c:v>
                </c:pt>
                <c:pt idx="531">
                  <c:v>43216.279861111114</c:v>
                </c:pt>
                <c:pt idx="532">
                  <c:v>43216.238252314812</c:v>
                </c:pt>
                <c:pt idx="533">
                  <c:v>43216.196608796294</c:v>
                </c:pt>
                <c:pt idx="534">
                  <c:v>43216.154976851853</c:v>
                </c:pt>
                <c:pt idx="535">
                  <c:v>43216.113344907404</c:v>
                </c:pt>
                <c:pt idx="536">
                  <c:v>43216.071701388886</c:v>
                </c:pt>
                <c:pt idx="537">
                  <c:v>43216.030104166668</c:v>
                </c:pt>
                <c:pt idx="538">
                  <c:v>43215.988506944443</c:v>
                </c:pt>
                <c:pt idx="539">
                  <c:v>43215.946909722225</c:v>
                </c:pt>
                <c:pt idx="540">
                  <c:v>43215.905324074076</c:v>
                </c:pt>
                <c:pt idx="541">
                  <c:v>43215.863738425927</c:v>
                </c:pt>
                <c:pt idx="542">
                  <c:v>43215.822118055556</c:v>
                </c:pt>
                <c:pt idx="543">
                  <c:v>43215.780509259261</c:v>
                </c:pt>
                <c:pt idx="544">
                  <c:v>43215.738888888889</c:v>
                </c:pt>
                <c:pt idx="545">
                  <c:v>43215.69730324074</c:v>
                </c:pt>
                <c:pt idx="546">
                  <c:v>43215.655671296299</c:v>
                </c:pt>
                <c:pt idx="547">
                  <c:v>43215.614039351851</c:v>
                </c:pt>
                <c:pt idx="548">
                  <c:v>43215.572418981479</c:v>
                </c:pt>
                <c:pt idx="549">
                  <c:v>43215.530775462961</c:v>
                </c:pt>
                <c:pt idx="550">
                  <c:v>43215.489155092589</c:v>
                </c:pt>
                <c:pt idx="551">
                  <c:v>43215.447534722225</c:v>
                </c:pt>
                <c:pt idx="552">
                  <c:v>43215.405902777777</c:v>
                </c:pt>
                <c:pt idx="553">
                  <c:v>43215.364282407405</c:v>
                </c:pt>
                <c:pt idx="554">
                  <c:v>43215.322638888887</c:v>
                </c:pt>
                <c:pt idx="555">
                  <c:v>43215.281030092592</c:v>
                </c:pt>
                <c:pt idx="556">
                  <c:v>43215.239421296297</c:v>
                </c:pt>
                <c:pt idx="557">
                  <c:v>43215.197777777779</c:v>
                </c:pt>
                <c:pt idx="558">
                  <c:v>43215.156134259261</c:v>
                </c:pt>
                <c:pt idx="559">
                  <c:v>43215.114502314813</c:v>
                </c:pt>
                <c:pt idx="560">
                  <c:v>43215.072870370372</c:v>
                </c:pt>
                <c:pt idx="561">
                  <c:v>43215.031238425923</c:v>
                </c:pt>
                <c:pt idx="562">
                  <c:v>43214.989583333336</c:v>
                </c:pt>
                <c:pt idx="563">
                  <c:v>43214.94798611111</c:v>
                </c:pt>
                <c:pt idx="564">
                  <c:v>43214.906365740739</c:v>
                </c:pt>
                <c:pt idx="565">
                  <c:v>43214.86478009259</c:v>
                </c:pt>
                <c:pt idx="566">
                  <c:v>43214.823159722226</c:v>
                </c:pt>
                <c:pt idx="567">
                  <c:v>43214.781597222223</c:v>
                </c:pt>
                <c:pt idx="568">
                  <c:v>43214.739976851852</c:v>
                </c:pt>
                <c:pt idx="569">
                  <c:v>43214.698379629626</c:v>
                </c:pt>
                <c:pt idx="570">
                  <c:v>43214.656770833331</c:v>
                </c:pt>
                <c:pt idx="571">
                  <c:v>43214.61515046296</c:v>
                </c:pt>
                <c:pt idx="572">
                  <c:v>43214.573553240742</c:v>
                </c:pt>
                <c:pt idx="573">
                  <c:v>43214.531956018516</c:v>
                </c:pt>
                <c:pt idx="574">
                  <c:v>43214.490324074075</c:v>
                </c:pt>
                <c:pt idx="575">
                  <c:v>43214.448680555557</c:v>
                </c:pt>
                <c:pt idx="576">
                  <c:v>43214.407071759262</c:v>
                </c:pt>
                <c:pt idx="577">
                  <c:v>43214.365428240744</c:v>
                </c:pt>
                <c:pt idx="578">
                  <c:v>43214.323807870373</c:v>
                </c:pt>
                <c:pt idx="579">
                  <c:v>43214.282175925924</c:v>
                </c:pt>
                <c:pt idx="580">
                  <c:v>43214.240567129629</c:v>
                </c:pt>
                <c:pt idx="581">
                  <c:v>43214.198935185188</c:v>
                </c:pt>
                <c:pt idx="582">
                  <c:v>43214.15729166667</c:v>
                </c:pt>
                <c:pt idx="583">
                  <c:v>43214.115648148145</c:v>
                </c:pt>
                <c:pt idx="584">
                  <c:v>43214.07402777778</c:v>
                </c:pt>
                <c:pt idx="585">
                  <c:v>43214.032442129632</c:v>
                </c:pt>
                <c:pt idx="586">
                  <c:v>43213.990810185183</c:v>
                </c:pt>
                <c:pt idx="587">
                  <c:v>43213.949201388888</c:v>
                </c:pt>
                <c:pt idx="588">
                  <c:v>43213.907581018517</c:v>
                </c:pt>
                <c:pt idx="589">
                  <c:v>43213.865960648145</c:v>
                </c:pt>
                <c:pt idx="590">
                  <c:v>43213.824340277781</c:v>
                </c:pt>
                <c:pt idx="591">
                  <c:v>43213.782696759263</c:v>
                </c:pt>
                <c:pt idx="592">
                  <c:v>43213.741053240738</c:v>
                </c:pt>
                <c:pt idx="593">
                  <c:v>43213.524756944447</c:v>
                </c:pt>
                <c:pt idx="594">
                  <c:v>43213.483113425929</c:v>
                </c:pt>
                <c:pt idx="595">
                  <c:v>43213.441493055558</c:v>
                </c:pt>
                <c:pt idx="596">
                  <c:v>43213.399872685186</c:v>
                </c:pt>
                <c:pt idx="597">
                  <c:v>43213.358229166668</c:v>
                </c:pt>
                <c:pt idx="598">
                  <c:v>43213.31659722222</c:v>
                </c:pt>
                <c:pt idx="599">
                  <c:v>43213.274942129632</c:v>
                </c:pt>
                <c:pt idx="600">
                  <c:v>43213.233298611114</c:v>
                </c:pt>
                <c:pt idx="601">
                  <c:v>43213.191689814812</c:v>
                </c:pt>
                <c:pt idx="602">
                  <c:v>43213.150185185186</c:v>
                </c:pt>
                <c:pt idx="603">
                  <c:v>43213.108541666668</c:v>
                </c:pt>
                <c:pt idx="604">
                  <c:v>43213.066979166666</c:v>
                </c:pt>
                <c:pt idx="605">
                  <c:v>43213.025381944448</c:v>
                </c:pt>
                <c:pt idx="606">
                  <c:v>43212.983831018515</c:v>
                </c:pt>
                <c:pt idx="607">
                  <c:v>43212.942245370374</c:v>
                </c:pt>
                <c:pt idx="608">
                  <c:v>43212.900717592594</c:v>
                </c:pt>
                <c:pt idx="609">
                  <c:v>43212.859143518515</c:v>
                </c:pt>
                <c:pt idx="610">
                  <c:v>43212.81753472222</c:v>
                </c:pt>
                <c:pt idx="611">
                  <c:v>43212.775902777779</c:v>
                </c:pt>
                <c:pt idx="612">
                  <c:v>43212.734259259261</c:v>
                </c:pt>
                <c:pt idx="613">
                  <c:v>43212.692673611113</c:v>
                </c:pt>
                <c:pt idx="614">
                  <c:v>43212.65111111111</c:v>
                </c:pt>
                <c:pt idx="615">
                  <c:v>43212.609606481485</c:v>
                </c:pt>
                <c:pt idx="616">
                  <c:v>43212.568078703705</c:v>
                </c:pt>
                <c:pt idx="617">
                  <c:v>43212.526423611111</c:v>
                </c:pt>
                <c:pt idx="618">
                  <c:v>43212.484803240739</c:v>
                </c:pt>
                <c:pt idx="619">
                  <c:v>43212.44321759259</c:v>
                </c:pt>
                <c:pt idx="620">
                  <c:v>43212.401689814818</c:v>
                </c:pt>
                <c:pt idx="621">
                  <c:v>43212.36005787037</c:v>
                </c:pt>
                <c:pt idx="622">
                  <c:v>43212.318472222221</c:v>
                </c:pt>
                <c:pt idx="623">
                  <c:v>43212.276828703703</c:v>
                </c:pt>
                <c:pt idx="624">
                  <c:v>43212.235208333332</c:v>
                </c:pt>
                <c:pt idx="625">
                  <c:v>43212.19358796296</c:v>
                </c:pt>
                <c:pt idx="626">
                  <c:v>43212.152002314811</c:v>
                </c:pt>
                <c:pt idx="627">
                  <c:v>43212.110405092593</c:v>
                </c:pt>
                <c:pt idx="628">
                  <c:v>43212.068877314814</c:v>
                </c:pt>
                <c:pt idx="629">
                  <c:v>43212.027256944442</c:v>
                </c:pt>
                <c:pt idx="630">
                  <c:v>43211.985659722224</c:v>
                </c:pt>
                <c:pt idx="631">
                  <c:v>43211.944062499999</c:v>
                </c:pt>
                <c:pt idx="632">
                  <c:v>43211.902511574073</c:v>
                </c:pt>
                <c:pt idx="633">
                  <c:v>43211.860902777778</c:v>
                </c:pt>
                <c:pt idx="634">
                  <c:v>43211.81931712963</c:v>
                </c:pt>
                <c:pt idx="635">
                  <c:v>43211.777719907404</c:v>
                </c:pt>
                <c:pt idx="636">
                  <c:v>43211.736122685186</c:v>
                </c:pt>
                <c:pt idx="637">
                  <c:v>43211.694490740738</c:v>
                </c:pt>
                <c:pt idx="638">
                  <c:v>43211.652881944443</c:v>
                </c:pt>
                <c:pt idx="639">
                  <c:v>43211.611250000002</c:v>
                </c:pt>
                <c:pt idx="640">
                  <c:v>43211.569675925923</c:v>
                </c:pt>
                <c:pt idx="641">
                  <c:v>43211.528124999997</c:v>
                </c:pt>
                <c:pt idx="642">
                  <c:v>43211.486516203702</c:v>
                </c:pt>
                <c:pt idx="643">
                  <c:v>43211.44494212963</c:v>
                </c:pt>
                <c:pt idx="644">
                  <c:v>43211.403321759259</c:v>
                </c:pt>
                <c:pt idx="645">
                  <c:v>43211.361712962964</c:v>
                </c:pt>
                <c:pt idx="646">
                  <c:v>43211.320115740738</c:v>
                </c:pt>
                <c:pt idx="647">
                  <c:v>43211.278506944444</c:v>
                </c:pt>
                <c:pt idx="648">
                  <c:v>43211.236851851849</c:v>
                </c:pt>
                <c:pt idx="649">
                  <c:v>43211.1952662037</c:v>
                </c:pt>
                <c:pt idx="650">
                  <c:v>43211.153645833336</c:v>
                </c:pt>
                <c:pt idx="651">
                  <c:v>43211.112164351849</c:v>
                </c:pt>
                <c:pt idx="652">
                  <c:v>43211.070567129631</c:v>
                </c:pt>
                <c:pt idx="653">
                  <c:v>43211.028981481482</c:v>
                </c:pt>
                <c:pt idx="654">
                  <c:v>43210.987442129626</c:v>
                </c:pt>
                <c:pt idx="655">
                  <c:v>43210.945798611108</c:v>
                </c:pt>
                <c:pt idx="656">
                  <c:v>43210.90425925926</c:v>
                </c:pt>
                <c:pt idx="657">
                  <c:v>43210.862627314818</c:v>
                </c:pt>
                <c:pt idx="658">
                  <c:v>43210.820983796293</c:v>
                </c:pt>
                <c:pt idx="659">
                  <c:v>43210.779351851852</c:v>
                </c:pt>
                <c:pt idx="660">
                  <c:v>43210.737743055557</c:v>
                </c:pt>
                <c:pt idx="661">
                  <c:v>43210.696087962962</c:v>
                </c:pt>
                <c:pt idx="662">
                  <c:v>43210.654502314814</c:v>
                </c:pt>
                <c:pt idx="663">
                  <c:v>43210.612905092596</c:v>
                </c:pt>
                <c:pt idx="664">
                  <c:v>43210.571319444447</c:v>
                </c:pt>
                <c:pt idx="665">
                  <c:v>43210.529687499999</c:v>
                </c:pt>
                <c:pt idx="666">
                  <c:v>43210.488125000003</c:v>
                </c:pt>
                <c:pt idx="667">
                  <c:v>43210.446527777778</c:v>
                </c:pt>
                <c:pt idx="668">
                  <c:v>43210.40488425926</c:v>
                </c:pt>
                <c:pt idx="669">
                  <c:v>43210.363263888888</c:v>
                </c:pt>
                <c:pt idx="670">
                  <c:v>43210.321712962963</c:v>
                </c:pt>
                <c:pt idx="671">
                  <c:v>43210.280104166668</c:v>
                </c:pt>
                <c:pt idx="672">
                  <c:v>43210.238483796296</c:v>
                </c:pt>
                <c:pt idx="673">
                  <c:v>43210.196863425925</c:v>
                </c:pt>
                <c:pt idx="674">
                  <c:v>43210.155347222222</c:v>
                </c:pt>
                <c:pt idx="675">
                  <c:v>43210.11383101852</c:v>
                </c:pt>
                <c:pt idx="676">
                  <c:v>43210.072222222225</c:v>
                </c:pt>
                <c:pt idx="677">
                  <c:v>43210.030671296299</c:v>
                </c:pt>
                <c:pt idx="678">
                  <c:v>43209.989062499997</c:v>
                </c:pt>
                <c:pt idx="679">
                  <c:v>43209.947488425925</c:v>
                </c:pt>
                <c:pt idx="680">
                  <c:v>43209.905914351853</c:v>
                </c:pt>
                <c:pt idx="681">
                  <c:v>43209.864340277774</c:v>
                </c:pt>
                <c:pt idx="682">
                  <c:v>43209.822731481479</c:v>
                </c:pt>
                <c:pt idx="683">
                  <c:v>43209.781087962961</c:v>
                </c:pt>
                <c:pt idx="684">
                  <c:v>43209.73945601852</c:v>
                </c:pt>
                <c:pt idx="685">
                  <c:v>43209.697824074072</c:v>
                </c:pt>
                <c:pt idx="686">
                  <c:v>43209.656192129631</c:v>
                </c:pt>
                <c:pt idx="687">
                  <c:v>43209.406736111108</c:v>
                </c:pt>
                <c:pt idx="688">
                  <c:v>43209.281828703701</c:v>
                </c:pt>
                <c:pt idx="689">
                  <c:v>43209.240231481483</c:v>
                </c:pt>
                <c:pt idx="690">
                  <c:v>43209.198599537034</c:v>
                </c:pt>
                <c:pt idx="691">
                  <c:v>43209.15697916667</c:v>
                </c:pt>
                <c:pt idx="692">
                  <c:v>43209.115381944444</c:v>
                </c:pt>
                <c:pt idx="693">
                  <c:v>43209.032175925924</c:v>
                </c:pt>
                <c:pt idx="694">
                  <c:v>43208.990532407406</c:v>
                </c:pt>
                <c:pt idx="695">
                  <c:v>43208.907268518517</c:v>
                </c:pt>
                <c:pt idx="696">
                  <c:v>43208.740752314814</c:v>
                </c:pt>
                <c:pt idx="697">
                  <c:v>43208.699143518519</c:v>
                </c:pt>
                <c:pt idx="698">
                  <c:v>43208.657557870371</c:v>
                </c:pt>
                <c:pt idx="699">
                  <c:v>43208.615937499999</c:v>
                </c:pt>
                <c:pt idx="700">
                  <c:v>43208.574317129627</c:v>
                </c:pt>
                <c:pt idx="701">
                  <c:v>43208.53266203704</c:v>
                </c:pt>
                <c:pt idx="702">
                  <c:v>43208.491041666668</c:v>
                </c:pt>
                <c:pt idx="703">
                  <c:v>43208.44940972222</c:v>
                </c:pt>
                <c:pt idx="704">
                  <c:v>43208.407754629632</c:v>
                </c:pt>
                <c:pt idx="705">
                  <c:v>43208.366157407407</c:v>
                </c:pt>
                <c:pt idx="706">
                  <c:v>43208.324537037035</c:v>
                </c:pt>
                <c:pt idx="707">
                  <c:v>43208.282916666663</c:v>
                </c:pt>
                <c:pt idx="708">
                  <c:v>43208.241284722222</c:v>
                </c:pt>
                <c:pt idx="709">
                  <c:v>43208.199664351851</c:v>
                </c:pt>
                <c:pt idx="710">
                  <c:v>43208.158032407409</c:v>
                </c:pt>
                <c:pt idx="711">
                  <c:v>43208.033125000002</c:v>
                </c:pt>
                <c:pt idx="712">
                  <c:v>43207.991516203707</c:v>
                </c:pt>
                <c:pt idx="713">
                  <c:v>43207.949930555558</c:v>
                </c:pt>
                <c:pt idx="714">
                  <c:v>43207.825023148151</c:v>
                </c:pt>
                <c:pt idx="715">
                  <c:v>43207.783391203702</c:v>
                </c:pt>
                <c:pt idx="716">
                  <c:v>43207.741759259261</c:v>
                </c:pt>
                <c:pt idx="717">
                  <c:v>43207.616886574076</c:v>
                </c:pt>
                <c:pt idx="718">
                  <c:v>43207.575277777774</c:v>
                </c:pt>
                <c:pt idx="719">
                  <c:v>43207.533645833333</c:v>
                </c:pt>
                <c:pt idx="720">
                  <c:v>43207.492025462961</c:v>
                </c:pt>
                <c:pt idx="721">
                  <c:v>43207.408784722225</c:v>
                </c:pt>
                <c:pt idx="722">
                  <c:v>43207.367152777777</c:v>
                </c:pt>
                <c:pt idx="723">
                  <c:v>43207.325532407405</c:v>
                </c:pt>
                <c:pt idx="724">
                  <c:v>43207.242256944446</c:v>
                </c:pt>
                <c:pt idx="725">
                  <c:v>43207.15896990741</c:v>
                </c:pt>
                <c:pt idx="726">
                  <c:v>43207.117326388892</c:v>
                </c:pt>
                <c:pt idx="727">
                  <c:v>43207.075729166667</c:v>
                </c:pt>
                <c:pt idx="728">
                  <c:v>43207.034074074072</c:v>
                </c:pt>
                <c:pt idx="729">
                  <c:v>43206.992476851854</c:v>
                </c:pt>
                <c:pt idx="730">
                  <c:v>43206.825960648152</c:v>
                </c:pt>
                <c:pt idx="731">
                  <c:v>43206.784328703703</c:v>
                </c:pt>
                <c:pt idx="732">
                  <c:v>43206.742685185185</c:v>
                </c:pt>
                <c:pt idx="733">
                  <c:v>43206.576226851852</c:v>
                </c:pt>
                <c:pt idx="734">
                  <c:v>43206.53460648148</c:v>
                </c:pt>
                <c:pt idx="735">
                  <c:v>43206.451377314814</c:v>
                </c:pt>
                <c:pt idx="736">
                  <c:v>43206.409756944442</c:v>
                </c:pt>
                <c:pt idx="737">
                  <c:v>43206.368136574078</c:v>
                </c:pt>
                <c:pt idx="738">
                  <c:v>43206.326527777775</c:v>
                </c:pt>
                <c:pt idx="739">
                  <c:v>43206.284907407404</c:v>
                </c:pt>
                <c:pt idx="740">
                  <c:v>43206.243287037039</c:v>
                </c:pt>
                <c:pt idx="741">
                  <c:v>43206.201643518521</c:v>
                </c:pt>
                <c:pt idx="742">
                  <c:v>43206.160011574073</c:v>
                </c:pt>
                <c:pt idx="743">
                  <c:v>43206.076770833337</c:v>
                </c:pt>
                <c:pt idx="744">
                  <c:v>43206.035138888888</c:v>
                </c:pt>
                <c:pt idx="745">
                  <c:v>43205.99355324074</c:v>
                </c:pt>
                <c:pt idx="746">
                  <c:v>43205.951944444445</c:v>
                </c:pt>
                <c:pt idx="747">
                  <c:v>43205.868703703702</c:v>
                </c:pt>
                <c:pt idx="748">
                  <c:v>43205.827094907407</c:v>
                </c:pt>
                <c:pt idx="749">
                  <c:v>43205.785486111112</c:v>
                </c:pt>
                <c:pt idx="750">
                  <c:v>43205.743854166663</c:v>
                </c:pt>
                <c:pt idx="751">
                  <c:v>43205.702222222222</c:v>
                </c:pt>
                <c:pt idx="752">
                  <c:v>43205.660590277781</c:v>
                </c:pt>
                <c:pt idx="753">
                  <c:v>43205.618946759256</c:v>
                </c:pt>
                <c:pt idx="754">
                  <c:v>43205.535821759258</c:v>
                </c:pt>
                <c:pt idx="755">
                  <c:v>43205.494155092594</c:v>
                </c:pt>
                <c:pt idx="756">
                  <c:v>43205.452523148146</c:v>
                </c:pt>
                <c:pt idx="757">
                  <c:v>43205.410879629628</c:v>
                </c:pt>
                <c:pt idx="758">
                  <c:v>43205.369247685187</c:v>
                </c:pt>
                <c:pt idx="759">
                  <c:v>43205.286030092589</c:v>
                </c:pt>
                <c:pt idx="760">
                  <c:v>43205.244375000002</c:v>
                </c:pt>
                <c:pt idx="761">
                  <c:v>43205.202800925923</c:v>
                </c:pt>
                <c:pt idx="762">
                  <c:v>43205.161145833335</c:v>
                </c:pt>
                <c:pt idx="763">
                  <c:v>43205.119525462964</c:v>
                </c:pt>
                <c:pt idx="764">
                  <c:v>43205.077939814815</c:v>
                </c:pt>
                <c:pt idx="765">
                  <c:v>43205.036435185182</c:v>
                </c:pt>
                <c:pt idx="766">
                  <c:v>43204.995011574072</c:v>
                </c:pt>
                <c:pt idx="767">
                  <c:v>43204.911840277775</c:v>
                </c:pt>
                <c:pt idx="768">
                  <c:v>43204.828611111108</c:v>
                </c:pt>
                <c:pt idx="769">
                  <c:v>43204.745358796295</c:v>
                </c:pt>
                <c:pt idx="770">
                  <c:v>43204.620451388888</c:v>
                </c:pt>
                <c:pt idx="771">
                  <c:v>43204.537199074075</c:v>
                </c:pt>
                <c:pt idx="772">
                  <c:v>43204.453981481478</c:v>
                </c:pt>
                <c:pt idx="773">
                  <c:v>43204.41233796296</c:v>
                </c:pt>
                <c:pt idx="774">
                  <c:v>43204.370752314811</c:v>
                </c:pt>
                <c:pt idx="775">
                  <c:v>43204.287627314814</c:v>
                </c:pt>
                <c:pt idx="776">
                  <c:v>43204.204386574071</c:v>
                </c:pt>
                <c:pt idx="777">
                  <c:v>43204.162835648145</c:v>
                </c:pt>
                <c:pt idx="778">
                  <c:v>43204.121180555558</c:v>
                </c:pt>
                <c:pt idx="779">
                  <c:v>43204.03806712963</c:v>
                </c:pt>
                <c:pt idx="780">
                  <c:v>43203.996423611112</c:v>
                </c:pt>
                <c:pt idx="781">
                  <c:v>43203.954918981479</c:v>
                </c:pt>
                <c:pt idx="782">
                  <c:v>43203.913310185184</c:v>
                </c:pt>
                <c:pt idx="783">
                  <c:v>43203.871701388889</c:v>
                </c:pt>
                <c:pt idx="784">
                  <c:v>43203.830069444448</c:v>
                </c:pt>
                <c:pt idx="785">
                  <c:v>43203.788460648146</c:v>
                </c:pt>
                <c:pt idx="786">
                  <c:v>43203.746828703705</c:v>
                </c:pt>
                <c:pt idx="787">
                  <c:v>43203.705196759256</c:v>
                </c:pt>
                <c:pt idx="788">
                  <c:v>43203.62195601852</c:v>
                </c:pt>
                <c:pt idx="789">
                  <c:v>43203.580324074072</c:v>
                </c:pt>
                <c:pt idx="790">
                  <c:v>43203.497129629628</c:v>
                </c:pt>
                <c:pt idx="791">
                  <c:v>43203.413854166669</c:v>
                </c:pt>
                <c:pt idx="792">
                  <c:v>43203.37222222222</c:v>
                </c:pt>
                <c:pt idx="793">
                  <c:v>43203.288981481484</c:v>
                </c:pt>
                <c:pt idx="794">
                  <c:v>43203.247361111113</c:v>
                </c:pt>
                <c:pt idx="795">
                  <c:v>43203.080891203703</c:v>
                </c:pt>
                <c:pt idx="796">
                  <c:v>43203.039340277777</c:v>
                </c:pt>
                <c:pt idx="797">
                  <c:v>43202.997685185182</c:v>
                </c:pt>
                <c:pt idx="798">
                  <c:v>43202.956076388888</c:v>
                </c:pt>
                <c:pt idx="799">
                  <c:v>43202.914467592593</c:v>
                </c:pt>
                <c:pt idx="800">
                  <c:v>43202.872881944444</c:v>
                </c:pt>
                <c:pt idx="801">
                  <c:v>43202.831273148149</c:v>
                </c:pt>
                <c:pt idx="802">
                  <c:v>43202.789629629631</c:v>
                </c:pt>
                <c:pt idx="803">
                  <c:v>43202.747997685183</c:v>
                </c:pt>
                <c:pt idx="804">
                  <c:v>43202.664733796293</c:v>
                </c:pt>
                <c:pt idx="805">
                  <c:v>43202.623124999998</c:v>
                </c:pt>
                <c:pt idx="806">
                  <c:v>43202.581504629627</c:v>
                </c:pt>
                <c:pt idx="807">
                  <c:v>43202.581504629627</c:v>
                </c:pt>
                <c:pt idx="808">
                  <c:v>43202.539884259262</c:v>
                </c:pt>
                <c:pt idx="809">
                  <c:v>43202.456712962965</c:v>
                </c:pt>
                <c:pt idx="810">
                  <c:v>43202.331828703704</c:v>
                </c:pt>
                <c:pt idx="811">
                  <c:v>43202.248622685183</c:v>
                </c:pt>
                <c:pt idx="812">
                  <c:v>43202.206967592596</c:v>
                </c:pt>
                <c:pt idx="813">
                  <c:v>43202.04047453704</c:v>
                </c:pt>
                <c:pt idx="814">
                  <c:v>43201.957256944443</c:v>
                </c:pt>
                <c:pt idx="815">
                  <c:v>43201.915613425925</c:v>
                </c:pt>
                <c:pt idx="816">
                  <c:v>43201.874062499999</c:v>
                </c:pt>
                <c:pt idx="817">
                  <c:v>43201.832453703704</c:v>
                </c:pt>
                <c:pt idx="818">
                  <c:v>43201.790810185186</c:v>
                </c:pt>
                <c:pt idx="819">
                  <c:v>43201.750358796293</c:v>
                </c:pt>
                <c:pt idx="820">
                  <c:v>43201.541076388887</c:v>
                </c:pt>
                <c:pt idx="821">
                  <c:v>43201.499537037038</c:v>
                </c:pt>
                <c:pt idx="822">
                  <c:v>43201.416319444441</c:v>
                </c:pt>
                <c:pt idx="823">
                  <c:v>43201.374745370369</c:v>
                </c:pt>
                <c:pt idx="824">
                  <c:v>43201.208437499998</c:v>
                </c:pt>
                <c:pt idx="825">
                  <c:v>43201.166898148149</c:v>
                </c:pt>
                <c:pt idx="826">
                  <c:v>43201.083703703705</c:v>
                </c:pt>
                <c:pt idx="827">
                  <c:v>43200.875821759262</c:v>
                </c:pt>
                <c:pt idx="828">
                  <c:v>43200.792569444442</c:v>
                </c:pt>
                <c:pt idx="829">
                  <c:v>43200.750937500001</c:v>
                </c:pt>
                <c:pt idx="830">
                  <c:v>43200.709317129629</c:v>
                </c:pt>
                <c:pt idx="831">
                  <c:v>43200.667673611111</c:v>
                </c:pt>
                <c:pt idx="832">
                  <c:v>43200.62604166667</c:v>
                </c:pt>
                <c:pt idx="833">
                  <c:v>43200.584421296298</c:v>
                </c:pt>
                <c:pt idx="834">
                  <c:v>43200.54278935185</c:v>
                </c:pt>
                <c:pt idx="835">
                  <c:v>43200.501168981478</c:v>
                </c:pt>
                <c:pt idx="836">
                  <c:v>43200.459537037037</c:v>
                </c:pt>
                <c:pt idx="837">
                  <c:v>43200.417893518519</c:v>
                </c:pt>
                <c:pt idx="838">
                  <c:v>43200.376273148147</c:v>
                </c:pt>
                <c:pt idx="839">
                  <c:v>43200.334664351853</c:v>
                </c:pt>
                <c:pt idx="840">
                  <c:v>43200.293032407404</c:v>
                </c:pt>
                <c:pt idx="841">
                  <c:v>43200.251400462963</c:v>
                </c:pt>
                <c:pt idx="842">
                  <c:v>43200.209814814814</c:v>
                </c:pt>
                <c:pt idx="843">
                  <c:v>43200.168171296296</c:v>
                </c:pt>
                <c:pt idx="844">
                  <c:v>43200.126574074071</c:v>
                </c:pt>
                <c:pt idx="845">
                  <c:v>43200.043333333335</c:v>
                </c:pt>
                <c:pt idx="846">
                  <c:v>43200.001689814817</c:v>
                </c:pt>
                <c:pt idx="847">
                  <c:v>43199.960081018522</c:v>
                </c:pt>
                <c:pt idx="848">
                  <c:v>43199.876840277779</c:v>
                </c:pt>
                <c:pt idx="849">
                  <c:v>43199.835347222222</c:v>
                </c:pt>
                <c:pt idx="850">
                  <c:v>43199.793738425928</c:v>
                </c:pt>
                <c:pt idx="851">
                  <c:v>43199.710486111115</c:v>
                </c:pt>
                <c:pt idx="852">
                  <c:v>43199.668842592589</c:v>
                </c:pt>
                <c:pt idx="853">
                  <c:v>43199.627199074072</c:v>
                </c:pt>
                <c:pt idx="854">
                  <c:v>43199.460694444446</c:v>
                </c:pt>
                <c:pt idx="855">
                  <c:v>43199.419131944444</c:v>
                </c:pt>
                <c:pt idx="856">
                  <c:v>43199.377534722225</c:v>
                </c:pt>
                <c:pt idx="857">
                  <c:v>43199.3359837963</c:v>
                </c:pt>
                <c:pt idx="858">
                  <c:v>43199.294374999998</c:v>
                </c:pt>
                <c:pt idx="859">
                  <c:v>43199.252789351849</c:v>
                </c:pt>
                <c:pt idx="860">
                  <c:v>43199.211180555554</c:v>
                </c:pt>
                <c:pt idx="861">
                  <c:v>43199.169594907406</c:v>
                </c:pt>
                <c:pt idx="862">
                  <c:v>43199.127951388888</c:v>
                </c:pt>
                <c:pt idx="863">
                  <c:v>43199.086331018516</c:v>
                </c:pt>
                <c:pt idx="864">
                  <c:v>43199.003148148149</c:v>
                </c:pt>
                <c:pt idx="865">
                  <c:v>43198.961504629631</c:v>
                </c:pt>
                <c:pt idx="866">
                  <c:v>43198.91988425926</c:v>
                </c:pt>
                <c:pt idx="867">
                  <c:v>43198.878263888888</c:v>
                </c:pt>
                <c:pt idx="868">
                  <c:v>43198.836678240739</c:v>
                </c:pt>
                <c:pt idx="869">
                  <c:v>43198.795046296298</c:v>
                </c:pt>
                <c:pt idx="870">
                  <c:v>43198.753391203703</c:v>
                </c:pt>
                <c:pt idx="871">
                  <c:v>43198.711782407408</c:v>
                </c:pt>
                <c:pt idx="872">
                  <c:v>43198.628530092596</c:v>
                </c:pt>
                <c:pt idx="873">
                  <c:v>43198.586898148147</c:v>
                </c:pt>
                <c:pt idx="874">
                  <c:v>43198.545289351852</c:v>
                </c:pt>
                <c:pt idx="875">
                  <c:v>43198.503668981481</c:v>
                </c:pt>
                <c:pt idx="876">
                  <c:v>43198.462037037039</c:v>
                </c:pt>
                <c:pt idx="877">
                  <c:v>43198.378796296296</c:v>
                </c:pt>
                <c:pt idx="878">
                  <c:v>43198.253946759258</c:v>
                </c:pt>
                <c:pt idx="879">
                  <c:v>43198.21230324074</c:v>
                </c:pt>
                <c:pt idx="880">
                  <c:v>43198.170659722222</c:v>
                </c:pt>
                <c:pt idx="881">
                  <c:v>43198.12908564815</c:v>
                </c:pt>
                <c:pt idx="882">
                  <c:v>43198.087453703702</c:v>
                </c:pt>
                <c:pt idx="883">
                  <c:v>43198.04583333333</c:v>
                </c:pt>
                <c:pt idx="884">
                  <c:v>43197.962581018517</c:v>
                </c:pt>
                <c:pt idx="885">
                  <c:v>43197.920949074076</c:v>
                </c:pt>
                <c:pt idx="886">
                  <c:v>43197.879317129627</c:v>
                </c:pt>
                <c:pt idx="887">
                  <c:v>43197.837685185186</c:v>
                </c:pt>
                <c:pt idx="888">
                  <c:v>43197.796053240738</c:v>
                </c:pt>
                <c:pt idx="889">
                  <c:v>43197.75440972222</c:v>
                </c:pt>
                <c:pt idx="890">
                  <c:v>43197.712777777779</c:v>
                </c:pt>
                <c:pt idx="891">
                  <c:v>43197.67114583333</c:v>
                </c:pt>
                <c:pt idx="892">
                  <c:v>43197.629502314812</c:v>
                </c:pt>
                <c:pt idx="893">
                  <c:v>43197.587905092594</c:v>
                </c:pt>
                <c:pt idx="894">
                  <c:v>43197.546273148146</c:v>
                </c:pt>
                <c:pt idx="895">
                  <c:v>43197.421412037038</c:v>
                </c:pt>
                <c:pt idx="896">
                  <c:v>43197.379837962966</c:v>
                </c:pt>
                <c:pt idx="897">
                  <c:v>43197.2966087963</c:v>
                </c:pt>
                <c:pt idx="898">
                  <c:v>43197.254976851851</c:v>
                </c:pt>
                <c:pt idx="899">
                  <c:v>43197.213356481479</c:v>
                </c:pt>
                <c:pt idx="900">
                  <c:v>43197.13009259259</c:v>
                </c:pt>
                <c:pt idx="901">
                  <c:v>43197.088460648149</c:v>
                </c:pt>
                <c:pt idx="902">
                  <c:v>43197.0468287037</c:v>
                </c:pt>
                <c:pt idx="903">
                  <c:v>43197.005185185182</c:v>
                </c:pt>
                <c:pt idx="904">
                  <c:v>43196.963599537034</c:v>
                </c:pt>
                <c:pt idx="905">
                  <c:v>43196.921979166669</c:v>
                </c:pt>
                <c:pt idx="906">
                  <c:v>43196.880358796298</c:v>
                </c:pt>
                <c:pt idx="907">
                  <c:v>43196.838761574072</c:v>
                </c:pt>
                <c:pt idx="908">
                  <c:v>43196.755474537036</c:v>
                </c:pt>
                <c:pt idx="909">
                  <c:v>43196.713842592595</c:v>
                </c:pt>
                <c:pt idx="910">
                  <c:v>43196.672222222223</c:v>
                </c:pt>
                <c:pt idx="911">
                  <c:v>43196.630578703705</c:v>
                </c:pt>
                <c:pt idx="912">
                  <c:v>43196.50582175926</c:v>
                </c:pt>
                <c:pt idx="913">
                  <c:v>43196.464178240742</c:v>
                </c:pt>
                <c:pt idx="914">
                  <c:v>43196.297766203701</c:v>
                </c:pt>
                <c:pt idx="915">
                  <c:v>43196.25613425926</c:v>
                </c:pt>
                <c:pt idx="916">
                  <c:v>43196.172905092593</c:v>
                </c:pt>
                <c:pt idx="917">
                  <c:v>43196.131273148145</c:v>
                </c:pt>
                <c:pt idx="918">
                  <c:v>43196.048043981478</c:v>
                </c:pt>
                <c:pt idx="919">
                  <c:v>43196.00644675926</c:v>
                </c:pt>
                <c:pt idx="920">
                  <c:v>43195.964849537035</c:v>
                </c:pt>
                <c:pt idx="921">
                  <c:v>43195.756712962961</c:v>
                </c:pt>
                <c:pt idx="922">
                  <c:v>43195.715092592596</c:v>
                </c:pt>
                <c:pt idx="923">
                  <c:v>43195.673449074071</c:v>
                </c:pt>
                <c:pt idx="924">
                  <c:v>43195.631840277776</c:v>
                </c:pt>
                <c:pt idx="925">
                  <c:v>43195.46533564815</c:v>
                </c:pt>
                <c:pt idx="926">
                  <c:v>43195.340439814812</c:v>
                </c:pt>
                <c:pt idx="927">
                  <c:v>43195.298819444448</c:v>
                </c:pt>
                <c:pt idx="928">
                  <c:v>43195.257210648146</c:v>
                </c:pt>
                <c:pt idx="929">
                  <c:v>43195.215590277781</c:v>
                </c:pt>
                <c:pt idx="930">
                  <c:v>43195.173946759256</c:v>
                </c:pt>
                <c:pt idx="931">
                  <c:v>43195.09065972222</c:v>
                </c:pt>
                <c:pt idx="932">
                  <c:v>43195.049027777779</c:v>
                </c:pt>
                <c:pt idx="933">
                  <c:v>43195.007418981484</c:v>
                </c:pt>
                <c:pt idx="934">
                  <c:v>43194.924178240741</c:v>
                </c:pt>
                <c:pt idx="935">
                  <c:v>43194.757673611108</c:v>
                </c:pt>
                <c:pt idx="936">
                  <c:v>43194.716041666667</c:v>
                </c:pt>
                <c:pt idx="937">
                  <c:v>43194.674398148149</c:v>
                </c:pt>
                <c:pt idx="938">
                  <c:v>43194.591157407405</c:v>
                </c:pt>
                <c:pt idx="939">
                  <c:v>43194.549571759257</c:v>
                </c:pt>
                <c:pt idx="940">
                  <c:v>43194.466400462959</c:v>
                </c:pt>
                <c:pt idx="941">
                  <c:v>43194.424756944441</c:v>
                </c:pt>
                <c:pt idx="942">
                  <c:v>43194.383206018516</c:v>
                </c:pt>
                <c:pt idx="943">
                  <c:v>43194.217094907406</c:v>
                </c:pt>
                <c:pt idx="944">
                  <c:v>43194.17560185185</c:v>
                </c:pt>
                <c:pt idx="945">
                  <c:v>43194.134062500001</c:v>
                </c:pt>
                <c:pt idx="946">
                  <c:v>43194.092488425929</c:v>
                </c:pt>
                <c:pt idx="947">
                  <c:v>43194.009386574071</c:v>
                </c:pt>
                <c:pt idx="948">
                  <c:v>43193.967812499999</c:v>
                </c:pt>
                <c:pt idx="949">
                  <c:v>43193.843032407407</c:v>
                </c:pt>
                <c:pt idx="950">
                  <c:v>43193.801458333335</c:v>
                </c:pt>
                <c:pt idx="951">
                  <c:v>43193.759837962964</c:v>
                </c:pt>
                <c:pt idx="952">
                  <c:v>43193.718206018515</c:v>
                </c:pt>
                <c:pt idx="953">
                  <c:v>43193.676550925928</c:v>
                </c:pt>
                <c:pt idx="954">
                  <c:v>43193.635115740741</c:v>
                </c:pt>
                <c:pt idx="955">
                  <c:v>43193.593530092592</c:v>
                </c:pt>
                <c:pt idx="956">
                  <c:v>43193.551932870374</c:v>
                </c:pt>
                <c:pt idx="957">
                  <c:v>43193.510335648149</c:v>
                </c:pt>
                <c:pt idx="958">
                  <c:v>43193.4687962963</c:v>
                </c:pt>
                <c:pt idx="959">
                  <c:v>43193.427245370367</c:v>
                </c:pt>
                <c:pt idx="960">
                  <c:v>43193.385706018518</c:v>
                </c:pt>
                <c:pt idx="961">
                  <c:v>43193.30259259259</c:v>
                </c:pt>
                <c:pt idx="962">
                  <c:v>43193.260949074072</c:v>
                </c:pt>
                <c:pt idx="963">
                  <c:v>43193.219444444447</c:v>
                </c:pt>
                <c:pt idx="964">
                  <c:v>43193.094571759262</c:v>
                </c:pt>
                <c:pt idx="965">
                  <c:v>43193.052986111114</c:v>
                </c:pt>
                <c:pt idx="966">
                  <c:v>43192.928159722222</c:v>
                </c:pt>
                <c:pt idx="967">
                  <c:v>43192.886574074073</c:v>
                </c:pt>
                <c:pt idx="968">
                  <c:v>43192.803391203706</c:v>
                </c:pt>
                <c:pt idx="969">
                  <c:v>43192.720138888886</c:v>
                </c:pt>
                <c:pt idx="970">
                  <c:v>43192.678530092591</c:v>
                </c:pt>
                <c:pt idx="971">
                  <c:v>43192.637048611112</c:v>
                </c:pt>
                <c:pt idx="972">
                  <c:v>43192.595243055555</c:v>
                </c:pt>
                <c:pt idx="973">
                  <c:v>43192.553703703707</c:v>
                </c:pt>
                <c:pt idx="974">
                  <c:v>43192.51222222222</c:v>
                </c:pt>
                <c:pt idx="975">
                  <c:v>43192.470578703702</c:v>
                </c:pt>
                <c:pt idx="976">
                  <c:v>43192.42895833333</c:v>
                </c:pt>
                <c:pt idx="977">
                  <c:v>43192.387326388889</c:v>
                </c:pt>
                <c:pt idx="978">
                  <c:v>43192.387326388889</c:v>
                </c:pt>
                <c:pt idx="979">
                  <c:v>43192.345706018517</c:v>
                </c:pt>
                <c:pt idx="980">
                  <c:v>43192.304166666669</c:v>
                </c:pt>
                <c:pt idx="981">
                  <c:v>43192.262627314813</c:v>
                </c:pt>
                <c:pt idx="982">
                  <c:v>43192.220983796295</c:v>
                </c:pt>
                <c:pt idx="983">
                  <c:v>43192.179456018515</c:v>
                </c:pt>
                <c:pt idx="984">
                  <c:v>43192.13784722222</c:v>
                </c:pt>
                <c:pt idx="985">
                  <c:v>43192.096203703702</c:v>
                </c:pt>
                <c:pt idx="986">
                  <c:v>43192.054583333331</c:v>
                </c:pt>
                <c:pt idx="987">
                  <c:v>43192.012986111113</c:v>
                </c:pt>
                <c:pt idx="988">
                  <c:v>43191.971365740741</c:v>
                </c:pt>
                <c:pt idx="989">
                  <c:v>43191.929826388892</c:v>
                </c:pt>
                <c:pt idx="990">
                  <c:v>43191.888240740744</c:v>
                </c:pt>
                <c:pt idx="991">
                  <c:v>43191.846608796295</c:v>
                </c:pt>
                <c:pt idx="992">
                  <c:v>43191.805</c:v>
                </c:pt>
                <c:pt idx="993">
                  <c:v>43191.763402777775</c:v>
                </c:pt>
                <c:pt idx="994">
                  <c:v>43191.721782407411</c:v>
                </c:pt>
                <c:pt idx="995">
                  <c:v>43191.680173611108</c:v>
                </c:pt>
                <c:pt idx="996">
                  <c:v>43191.63853009259</c:v>
                </c:pt>
                <c:pt idx="997">
                  <c:v>43191.596909722219</c:v>
                </c:pt>
                <c:pt idx="998">
                  <c:v>43191.555289351854</c:v>
                </c:pt>
                <c:pt idx="999">
                  <c:v>43191.513645833336</c:v>
                </c:pt>
                <c:pt idx="1000">
                  <c:v>43191.472013888888</c:v>
                </c:pt>
                <c:pt idx="1001">
                  <c:v>43191.430405092593</c:v>
                </c:pt>
                <c:pt idx="1002">
                  <c:v>43191.388784722221</c:v>
                </c:pt>
                <c:pt idx="1003">
                  <c:v>43191.263958333337</c:v>
                </c:pt>
                <c:pt idx="1004">
                  <c:v>43191.222372685188</c:v>
                </c:pt>
                <c:pt idx="1005">
                  <c:v>43191.18072916667</c:v>
                </c:pt>
                <c:pt idx="1006">
                  <c:v>43191.097638888888</c:v>
                </c:pt>
                <c:pt idx="1007">
                  <c:v>43191.056203703702</c:v>
                </c:pt>
                <c:pt idx="1008">
                  <c:v>43191.014652777776</c:v>
                </c:pt>
                <c:pt idx="1009">
                  <c:v>43190.973032407404</c:v>
                </c:pt>
                <c:pt idx="1010">
                  <c:v>43190.931435185186</c:v>
                </c:pt>
                <c:pt idx="1011">
                  <c:v>43190.889780092592</c:v>
                </c:pt>
                <c:pt idx="1012">
                  <c:v>43190.848171296297</c:v>
                </c:pt>
                <c:pt idx="1013">
                  <c:v>43190.806550925925</c:v>
                </c:pt>
                <c:pt idx="1014">
                  <c:v>43190.764907407407</c:v>
                </c:pt>
                <c:pt idx="1015">
                  <c:v>43190.723298611112</c:v>
                </c:pt>
                <c:pt idx="1016">
                  <c:v>43190.681701388887</c:v>
                </c:pt>
                <c:pt idx="1017">
                  <c:v>43190.640069444446</c:v>
                </c:pt>
                <c:pt idx="1018">
                  <c:v>43190.598449074074</c:v>
                </c:pt>
                <c:pt idx="1019">
                  <c:v>43190.556817129633</c:v>
                </c:pt>
                <c:pt idx="1020">
                  <c:v>43190.515196759261</c:v>
                </c:pt>
                <c:pt idx="1021">
                  <c:v>43190.473553240743</c:v>
                </c:pt>
                <c:pt idx="1022">
                  <c:v>43190.431921296295</c:v>
                </c:pt>
                <c:pt idx="1023">
                  <c:v>43190.390266203707</c:v>
                </c:pt>
                <c:pt idx="1024">
                  <c:v>43190.307013888887</c:v>
                </c:pt>
                <c:pt idx="1025">
                  <c:v>43190.265381944446</c:v>
                </c:pt>
                <c:pt idx="1026">
                  <c:v>43190.223761574074</c:v>
                </c:pt>
                <c:pt idx="1027">
                  <c:v>43190.182129629633</c:v>
                </c:pt>
                <c:pt idx="1028">
                  <c:v>43190.140497685185</c:v>
                </c:pt>
                <c:pt idx="1029">
                  <c:v>43190.098865740743</c:v>
                </c:pt>
                <c:pt idx="1030">
                  <c:v>43190.015613425923</c:v>
                </c:pt>
                <c:pt idx="1031">
                  <c:v>43189.973981481482</c:v>
                </c:pt>
                <c:pt idx="1032">
                  <c:v>43189.932372685187</c:v>
                </c:pt>
                <c:pt idx="1033">
                  <c:v>43189.890729166669</c:v>
                </c:pt>
                <c:pt idx="1034">
                  <c:v>43189.849085648151</c:v>
                </c:pt>
                <c:pt idx="1035">
                  <c:v>43189.807453703703</c:v>
                </c:pt>
                <c:pt idx="1036">
                  <c:v>43189.765821759262</c:v>
                </c:pt>
                <c:pt idx="1037">
                  <c:v>43189.72420138889</c:v>
                </c:pt>
                <c:pt idx="1038">
                  <c:v>43189.682569444441</c:v>
                </c:pt>
                <c:pt idx="1039">
                  <c:v>43189.640925925924</c:v>
                </c:pt>
                <c:pt idx="1040">
                  <c:v>43189.599293981482</c:v>
                </c:pt>
                <c:pt idx="1041">
                  <c:v>43189.557650462964</c:v>
                </c:pt>
                <c:pt idx="1042">
                  <c:v>43189.516018518516</c:v>
                </c:pt>
                <c:pt idx="1043">
                  <c:v>43189.474398148152</c:v>
                </c:pt>
                <c:pt idx="1044">
                  <c:v>43189.43277777778</c:v>
                </c:pt>
                <c:pt idx="1045">
                  <c:v>43189.391168981485</c:v>
                </c:pt>
                <c:pt idx="1046">
                  <c:v>43189.349548611113</c:v>
                </c:pt>
                <c:pt idx="1047">
                  <c:v>43189.307905092595</c:v>
                </c:pt>
                <c:pt idx="1048">
                  <c:v>43189.224664351852</c:v>
                </c:pt>
                <c:pt idx="1049">
                  <c:v>43189.183113425926</c:v>
                </c:pt>
                <c:pt idx="1050">
                  <c:v>43189.141504629632</c:v>
                </c:pt>
                <c:pt idx="1051">
                  <c:v>43189.099872685183</c:v>
                </c:pt>
                <c:pt idx="1052">
                  <c:v>43189.058229166665</c:v>
                </c:pt>
                <c:pt idx="1053">
                  <c:v>43189.016712962963</c:v>
                </c:pt>
                <c:pt idx="1054">
                  <c:v>43188.975092592591</c:v>
                </c:pt>
                <c:pt idx="1055">
                  <c:v>43188.933483796296</c:v>
                </c:pt>
                <c:pt idx="1056">
                  <c:v>43188.850300925929</c:v>
                </c:pt>
                <c:pt idx="1057">
                  <c:v>43188.808715277781</c:v>
                </c:pt>
                <c:pt idx="1058">
                  <c:v>43188.767152777778</c:v>
                </c:pt>
                <c:pt idx="1059">
                  <c:v>43188.72552083333</c:v>
                </c:pt>
                <c:pt idx="1060">
                  <c:v>43188.683877314812</c:v>
                </c:pt>
                <c:pt idx="1061">
                  <c:v>43188.642268518517</c:v>
                </c:pt>
                <c:pt idx="1062">
                  <c:v>43188.600636574076</c:v>
                </c:pt>
                <c:pt idx="1063">
                  <c:v>43188.517442129632</c:v>
                </c:pt>
                <c:pt idx="1064">
                  <c:v>43188.475810185184</c:v>
                </c:pt>
                <c:pt idx="1065">
                  <c:v>43188.434212962966</c:v>
                </c:pt>
                <c:pt idx="1066">
                  <c:v>43188.392604166664</c:v>
                </c:pt>
                <c:pt idx="1067">
                  <c:v>43188.350960648146</c:v>
                </c:pt>
                <c:pt idx="1068">
                  <c:v>43188.309317129628</c:v>
                </c:pt>
                <c:pt idx="1069">
                  <c:v>43188.267743055556</c:v>
                </c:pt>
                <c:pt idx="1070">
                  <c:v>43188.226111111115</c:v>
                </c:pt>
                <c:pt idx="1071">
                  <c:v>43188.184687499997</c:v>
                </c:pt>
                <c:pt idx="1072">
                  <c:v>43188.143171296295</c:v>
                </c:pt>
                <c:pt idx="1073">
                  <c:v>43188.101574074077</c:v>
                </c:pt>
                <c:pt idx="1074">
                  <c:v>43188.059942129628</c:v>
                </c:pt>
                <c:pt idx="1075">
                  <c:v>43188.018333333333</c:v>
                </c:pt>
                <c:pt idx="1076">
                  <c:v>43187.976689814815</c:v>
                </c:pt>
                <c:pt idx="1077">
                  <c:v>43187.935057870367</c:v>
                </c:pt>
                <c:pt idx="1078">
                  <c:v>43187.893414351849</c:v>
                </c:pt>
                <c:pt idx="1079">
                  <c:v>43187.851805555554</c:v>
                </c:pt>
                <c:pt idx="1080">
                  <c:v>43187.810173611113</c:v>
                </c:pt>
                <c:pt idx="1081">
                  <c:v>43187.768553240741</c:v>
                </c:pt>
                <c:pt idx="1082">
                  <c:v>43187.72693287037</c:v>
                </c:pt>
                <c:pt idx="1083">
                  <c:v>43187.685324074075</c:v>
                </c:pt>
                <c:pt idx="1084">
                  <c:v>43187.643761574072</c:v>
                </c:pt>
                <c:pt idx="1085">
                  <c:v>43187.602129629631</c:v>
                </c:pt>
                <c:pt idx="1086">
                  <c:v>43187.560578703706</c:v>
                </c:pt>
                <c:pt idx="1087">
                  <c:v>43187.518935185188</c:v>
                </c:pt>
                <c:pt idx="1088">
                  <c:v>43187.477303240739</c:v>
                </c:pt>
                <c:pt idx="1089">
                  <c:v>43187.435671296298</c:v>
                </c:pt>
                <c:pt idx="1090">
                  <c:v>43187.39403935185</c:v>
                </c:pt>
                <c:pt idx="1091">
                  <c:v>43187.352395833332</c:v>
                </c:pt>
                <c:pt idx="1092">
                  <c:v>43187.310810185183</c:v>
                </c:pt>
                <c:pt idx="1093">
                  <c:v>43187.269259259258</c:v>
                </c:pt>
                <c:pt idx="1094">
                  <c:v>43187.22760416667</c:v>
                </c:pt>
                <c:pt idx="1095">
                  <c:v>43187.185972222222</c:v>
                </c:pt>
                <c:pt idx="1096">
                  <c:v>43187.14435185185</c:v>
                </c:pt>
                <c:pt idx="1097">
                  <c:v>43187.102731481478</c:v>
                </c:pt>
                <c:pt idx="1098">
                  <c:v>43187.061099537037</c:v>
                </c:pt>
                <c:pt idx="1099">
                  <c:v>43187.019479166665</c:v>
                </c:pt>
                <c:pt idx="1100">
                  <c:v>43186.977847222224</c:v>
                </c:pt>
                <c:pt idx="1101">
                  <c:v>43186.936226851853</c:v>
                </c:pt>
                <c:pt idx="1102">
                  <c:v>43186.894606481481</c:v>
                </c:pt>
                <c:pt idx="1103">
                  <c:v>43186.853009259263</c:v>
                </c:pt>
                <c:pt idx="1104">
                  <c:v>43186.811400462961</c:v>
                </c:pt>
                <c:pt idx="1105">
                  <c:v>43186.769768518519</c:v>
                </c:pt>
                <c:pt idx="1106">
                  <c:v>43186.728125000001</c:v>
                </c:pt>
                <c:pt idx="1107">
                  <c:v>43186.686516203707</c:v>
                </c:pt>
                <c:pt idx="1108">
                  <c:v>43186.644884259258</c:v>
                </c:pt>
                <c:pt idx="1109">
                  <c:v>43186.603263888886</c:v>
                </c:pt>
                <c:pt idx="1110">
                  <c:v>43186.561620370368</c:v>
                </c:pt>
                <c:pt idx="1111">
                  <c:v>43186.519988425927</c:v>
                </c:pt>
                <c:pt idx="1112">
                  <c:v>43186.478344907409</c:v>
                </c:pt>
                <c:pt idx="1113">
                  <c:v>43186.436724537038</c:v>
                </c:pt>
                <c:pt idx="1114">
                  <c:v>43186.395092592589</c:v>
                </c:pt>
                <c:pt idx="1115">
                  <c:v>43186.353460648148</c:v>
                </c:pt>
                <c:pt idx="1116">
                  <c:v>43186.311840277776</c:v>
                </c:pt>
                <c:pt idx="1117">
                  <c:v>43186.270208333335</c:v>
                </c:pt>
                <c:pt idx="1118">
                  <c:v>43186.228587962964</c:v>
                </c:pt>
                <c:pt idx="1119">
                  <c:v>43186.186990740738</c:v>
                </c:pt>
                <c:pt idx="1120">
                  <c:v>43186.145370370374</c:v>
                </c:pt>
                <c:pt idx="1121">
                  <c:v>43186.103750000002</c:v>
                </c:pt>
                <c:pt idx="1122">
                  <c:v>43186.020497685182</c:v>
                </c:pt>
                <c:pt idx="1123">
                  <c:v>43185.9372337963</c:v>
                </c:pt>
                <c:pt idx="1124">
                  <c:v>43185.895624999997</c:v>
                </c:pt>
                <c:pt idx="1125">
                  <c:v>43185.853993055556</c:v>
                </c:pt>
                <c:pt idx="1126">
                  <c:v>43185.812361111108</c:v>
                </c:pt>
                <c:pt idx="1127">
                  <c:v>43185.77071759259</c:v>
                </c:pt>
                <c:pt idx="1128">
                  <c:v>43185.729120370372</c:v>
                </c:pt>
                <c:pt idx="1129">
                  <c:v>43185.687511574077</c:v>
                </c:pt>
                <c:pt idx="1130">
                  <c:v>43185.645902777775</c:v>
                </c:pt>
              </c:numCache>
            </c:numRef>
          </c:xVal>
          <c:yVal>
            <c:numRef>
              <c:f>グラフ!$H$6:$H$1136</c:f>
              <c:numCache>
                <c:formatCode>General</c:formatCode>
                <c:ptCount val="1131"/>
                <c:pt idx="0">
                  <c:v>23.3</c:v>
                </c:pt>
                <c:pt idx="1">
                  <c:v>23</c:v>
                </c:pt>
                <c:pt idx="2">
                  <c:v>22.5</c:v>
                </c:pt>
                <c:pt idx="3">
                  <c:v>22.5</c:v>
                </c:pt>
                <c:pt idx="4">
                  <c:v>22.5</c:v>
                </c:pt>
                <c:pt idx="5">
                  <c:v>22.7</c:v>
                </c:pt>
                <c:pt idx="6">
                  <c:v>22.9</c:v>
                </c:pt>
                <c:pt idx="7">
                  <c:v>22.9</c:v>
                </c:pt>
                <c:pt idx="8">
                  <c:v>22.9</c:v>
                </c:pt>
                <c:pt idx="9">
                  <c:v>22.9</c:v>
                </c:pt>
                <c:pt idx="10">
                  <c:v>23</c:v>
                </c:pt>
                <c:pt idx="11">
                  <c:v>23.2</c:v>
                </c:pt>
                <c:pt idx="12">
                  <c:v>23.2</c:v>
                </c:pt>
                <c:pt idx="13">
                  <c:v>23.2</c:v>
                </c:pt>
                <c:pt idx="14">
                  <c:v>23.5</c:v>
                </c:pt>
                <c:pt idx="15">
                  <c:v>23.7</c:v>
                </c:pt>
                <c:pt idx="16">
                  <c:v>23.7</c:v>
                </c:pt>
                <c:pt idx="17">
                  <c:v>23.7</c:v>
                </c:pt>
                <c:pt idx="18">
                  <c:v>23.8</c:v>
                </c:pt>
                <c:pt idx="19">
                  <c:v>23.8</c:v>
                </c:pt>
                <c:pt idx="20">
                  <c:v>24</c:v>
                </c:pt>
                <c:pt idx="21">
                  <c:v>24.1</c:v>
                </c:pt>
                <c:pt idx="22">
                  <c:v>24.3</c:v>
                </c:pt>
                <c:pt idx="23">
                  <c:v>24.3</c:v>
                </c:pt>
                <c:pt idx="24">
                  <c:v>24.8</c:v>
                </c:pt>
                <c:pt idx="25">
                  <c:v>25.7</c:v>
                </c:pt>
                <c:pt idx="26">
                  <c:v>25.9</c:v>
                </c:pt>
                <c:pt idx="27">
                  <c:v>25.9</c:v>
                </c:pt>
                <c:pt idx="28">
                  <c:v>25.9</c:v>
                </c:pt>
                <c:pt idx="29">
                  <c:v>25.9</c:v>
                </c:pt>
                <c:pt idx="30">
                  <c:v>25.7</c:v>
                </c:pt>
                <c:pt idx="31">
                  <c:v>25.7</c:v>
                </c:pt>
                <c:pt idx="32">
                  <c:v>25.7</c:v>
                </c:pt>
                <c:pt idx="33">
                  <c:v>25.7</c:v>
                </c:pt>
                <c:pt idx="34">
                  <c:v>25.9</c:v>
                </c:pt>
                <c:pt idx="35">
                  <c:v>26.2</c:v>
                </c:pt>
                <c:pt idx="36">
                  <c:v>26.4</c:v>
                </c:pt>
                <c:pt idx="37">
                  <c:v>26.7</c:v>
                </c:pt>
                <c:pt idx="38">
                  <c:v>26.9</c:v>
                </c:pt>
                <c:pt idx="39">
                  <c:v>27</c:v>
                </c:pt>
                <c:pt idx="40">
                  <c:v>27</c:v>
                </c:pt>
                <c:pt idx="41">
                  <c:v>26.9</c:v>
                </c:pt>
                <c:pt idx="42">
                  <c:v>26.4</c:v>
                </c:pt>
                <c:pt idx="43">
                  <c:v>25.6</c:v>
                </c:pt>
                <c:pt idx="44">
                  <c:v>25.3</c:v>
                </c:pt>
                <c:pt idx="45">
                  <c:v>24.3</c:v>
                </c:pt>
                <c:pt idx="46">
                  <c:v>23.7</c:v>
                </c:pt>
                <c:pt idx="47">
                  <c:v>23.5</c:v>
                </c:pt>
                <c:pt idx="48">
                  <c:v>21.6</c:v>
                </c:pt>
                <c:pt idx="49">
                  <c:v>20.6</c:v>
                </c:pt>
                <c:pt idx="50">
                  <c:v>20.3</c:v>
                </c:pt>
                <c:pt idx="51">
                  <c:v>20.5</c:v>
                </c:pt>
                <c:pt idx="52">
                  <c:v>21.1</c:v>
                </c:pt>
                <c:pt idx="53">
                  <c:v>20.6</c:v>
                </c:pt>
                <c:pt idx="54">
                  <c:v>20.8</c:v>
                </c:pt>
                <c:pt idx="55">
                  <c:v>21.1</c:v>
                </c:pt>
                <c:pt idx="56">
                  <c:v>21.4</c:v>
                </c:pt>
                <c:pt idx="57">
                  <c:v>21.7</c:v>
                </c:pt>
                <c:pt idx="58">
                  <c:v>22.1</c:v>
                </c:pt>
                <c:pt idx="59">
                  <c:v>22.4</c:v>
                </c:pt>
                <c:pt idx="60">
                  <c:v>22.7</c:v>
                </c:pt>
                <c:pt idx="61">
                  <c:v>23</c:v>
                </c:pt>
                <c:pt idx="62">
                  <c:v>23.2</c:v>
                </c:pt>
                <c:pt idx="63">
                  <c:v>23.2</c:v>
                </c:pt>
                <c:pt idx="64">
                  <c:v>23.3</c:v>
                </c:pt>
                <c:pt idx="65">
                  <c:v>22.4</c:v>
                </c:pt>
                <c:pt idx="66">
                  <c:v>22.1</c:v>
                </c:pt>
                <c:pt idx="67">
                  <c:v>20.5</c:v>
                </c:pt>
                <c:pt idx="68">
                  <c:v>19.3</c:v>
                </c:pt>
                <c:pt idx="69">
                  <c:v>18.399999999999999</c:v>
                </c:pt>
                <c:pt idx="70">
                  <c:v>18.100000000000001</c:v>
                </c:pt>
                <c:pt idx="71">
                  <c:v>18.2</c:v>
                </c:pt>
                <c:pt idx="72">
                  <c:v>16.3</c:v>
                </c:pt>
                <c:pt idx="73">
                  <c:v>15.8</c:v>
                </c:pt>
                <c:pt idx="74">
                  <c:v>15.7</c:v>
                </c:pt>
                <c:pt idx="75">
                  <c:v>16.100000000000001</c:v>
                </c:pt>
                <c:pt idx="76">
                  <c:v>16.600000000000001</c:v>
                </c:pt>
                <c:pt idx="77">
                  <c:v>16.899999999999999</c:v>
                </c:pt>
                <c:pt idx="78">
                  <c:v>17.100000000000001</c:v>
                </c:pt>
                <c:pt idx="79">
                  <c:v>17.100000000000001</c:v>
                </c:pt>
                <c:pt idx="80">
                  <c:v>17.3</c:v>
                </c:pt>
                <c:pt idx="81">
                  <c:v>17.399999999999999</c:v>
                </c:pt>
                <c:pt idx="82">
                  <c:v>17.600000000000001</c:v>
                </c:pt>
                <c:pt idx="83">
                  <c:v>17.7</c:v>
                </c:pt>
                <c:pt idx="84">
                  <c:v>18.2</c:v>
                </c:pt>
                <c:pt idx="85">
                  <c:v>18.7</c:v>
                </c:pt>
                <c:pt idx="86">
                  <c:v>19</c:v>
                </c:pt>
                <c:pt idx="87">
                  <c:v>19.2</c:v>
                </c:pt>
                <c:pt idx="88">
                  <c:v>19</c:v>
                </c:pt>
                <c:pt idx="89">
                  <c:v>18.5</c:v>
                </c:pt>
                <c:pt idx="90">
                  <c:v>18.2</c:v>
                </c:pt>
                <c:pt idx="91">
                  <c:v>17.899999999999999</c:v>
                </c:pt>
                <c:pt idx="92">
                  <c:v>17.600000000000001</c:v>
                </c:pt>
                <c:pt idx="93">
                  <c:v>17.3</c:v>
                </c:pt>
                <c:pt idx="94">
                  <c:v>16.899999999999999</c:v>
                </c:pt>
                <c:pt idx="95">
                  <c:v>16.899999999999999</c:v>
                </c:pt>
                <c:pt idx="96">
                  <c:v>16.8</c:v>
                </c:pt>
                <c:pt idx="97">
                  <c:v>16.899999999999999</c:v>
                </c:pt>
                <c:pt idx="98">
                  <c:v>17.100000000000001</c:v>
                </c:pt>
                <c:pt idx="99">
                  <c:v>17.399999999999999</c:v>
                </c:pt>
                <c:pt idx="100">
                  <c:v>17.600000000000001</c:v>
                </c:pt>
                <c:pt idx="101">
                  <c:v>17.7</c:v>
                </c:pt>
                <c:pt idx="102">
                  <c:v>17.7</c:v>
                </c:pt>
                <c:pt idx="103">
                  <c:v>17.7</c:v>
                </c:pt>
                <c:pt idx="104">
                  <c:v>17.7</c:v>
                </c:pt>
                <c:pt idx="105">
                  <c:v>17.7</c:v>
                </c:pt>
                <c:pt idx="106">
                  <c:v>17.7</c:v>
                </c:pt>
                <c:pt idx="107">
                  <c:v>17.7</c:v>
                </c:pt>
                <c:pt idx="108">
                  <c:v>17.7</c:v>
                </c:pt>
                <c:pt idx="109">
                  <c:v>17.899999999999999</c:v>
                </c:pt>
                <c:pt idx="110">
                  <c:v>17.7</c:v>
                </c:pt>
                <c:pt idx="111">
                  <c:v>17.7</c:v>
                </c:pt>
                <c:pt idx="112">
                  <c:v>17.600000000000001</c:v>
                </c:pt>
                <c:pt idx="113">
                  <c:v>17.600000000000001</c:v>
                </c:pt>
                <c:pt idx="114">
                  <c:v>18.2</c:v>
                </c:pt>
                <c:pt idx="115">
                  <c:v>18.5</c:v>
                </c:pt>
                <c:pt idx="116">
                  <c:v>18.7</c:v>
                </c:pt>
                <c:pt idx="117">
                  <c:v>18.7</c:v>
                </c:pt>
                <c:pt idx="118">
                  <c:v>19.2</c:v>
                </c:pt>
                <c:pt idx="119">
                  <c:v>19.3</c:v>
                </c:pt>
                <c:pt idx="120">
                  <c:v>19.7</c:v>
                </c:pt>
                <c:pt idx="121">
                  <c:v>19.7</c:v>
                </c:pt>
                <c:pt idx="122">
                  <c:v>19.5</c:v>
                </c:pt>
                <c:pt idx="123">
                  <c:v>19.3</c:v>
                </c:pt>
                <c:pt idx="124">
                  <c:v>18.899999999999999</c:v>
                </c:pt>
                <c:pt idx="125">
                  <c:v>18.2</c:v>
                </c:pt>
                <c:pt idx="126">
                  <c:v>18.399999999999999</c:v>
                </c:pt>
                <c:pt idx="127">
                  <c:v>18.7</c:v>
                </c:pt>
                <c:pt idx="128">
                  <c:v>19</c:v>
                </c:pt>
                <c:pt idx="129">
                  <c:v>19.3</c:v>
                </c:pt>
                <c:pt idx="130">
                  <c:v>19.5</c:v>
                </c:pt>
                <c:pt idx="131">
                  <c:v>19.7</c:v>
                </c:pt>
                <c:pt idx="132">
                  <c:v>20</c:v>
                </c:pt>
                <c:pt idx="133">
                  <c:v>20.5</c:v>
                </c:pt>
                <c:pt idx="134">
                  <c:v>20.6</c:v>
                </c:pt>
                <c:pt idx="135">
                  <c:v>20.6</c:v>
                </c:pt>
                <c:pt idx="136">
                  <c:v>20.5</c:v>
                </c:pt>
                <c:pt idx="137">
                  <c:v>20.9</c:v>
                </c:pt>
                <c:pt idx="138">
                  <c:v>20.5</c:v>
                </c:pt>
                <c:pt idx="139">
                  <c:v>20.3</c:v>
                </c:pt>
                <c:pt idx="140">
                  <c:v>19.5</c:v>
                </c:pt>
                <c:pt idx="141">
                  <c:v>18.899999999999999</c:v>
                </c:pt>
                <c:pt idx="142">
                  <c:v>18.399999999999999</c:v>
                </c:pt>
                <c:pt idx="143">
                  <c:v>18.5</c:v>
                </c:pt>
                <c:pt idx="144">
                  <c:v>16.8</c:v>
                </c:pt>
                <c:pt idx="145">
                  <c:v>14.9</c:v>
                </c:pt>
                <c:pt idx="146">
                  <c:v>14.7</c:v>
                </c:pt>
                <c:pt idx="147">
                  <c:v>14.9</c:v>
                </c:pt>
                <c:pt idx="148">
                  <c:v>15.2</c:v>
                </c:pt>
                <c:pt idx="149">
                  <c:v>15.3</c:v>
                </c:pt>
                <c:pt idx="150">
                  <c:v>15.7</c:v>
                </c:pt>
                <c:pt idx="151">
                  <c:v>16</c:v>
                </c:pt>
                <c:pt idx="152">
                  <c:v>16.5</c:v>
                </c:pt>
                <c:pt idx="153">
                  <c:v>16.8</c:v>
                </c:pt>
                <c:pt idx="154">
                  <c:v>17.100000000000001</c:v>
                </c:pt>
                <c:pt idx="155">
                  <c:v>17.399999999999999</c:v>
                </c:pt>
                <c:pt idx="156">
                  <c:v>17.899999999999999</c:v>
                </c:pt>
                <c:pt idx="157">
                  <c:v>18.399999999999999</c:v>
                </c:pt>
                <c:pt idx="158">
                  <c:v>18.5</c:v>
                </c:pt>
                <c:pt idx="159">
                  <c:v>18.399999999999999</c:v>
                </c:pt>
                <c:pt idx="160">
                  <c:v>18.100000000000001</c:v>
                </c:pt>
                <c:pt idx="161">
                  <c:v>17.600000000000001</c:v>
                </c:pt>
                <c:pt idx="162">
                  <c:v>17.3</c:v>
                </c:pt>
                <c:pt idx="163">
                  <c:v>16.5</c:v>
                </c:pt>
                <c:pt idx="164">
                  <c:v>16</c:v>
                </c:pt>
                <c:pt idx="165">
                  <c:v>15</c:v>
                </c:pt>
                <c:pt idx="166">
                  <c:v>14.4</c:v>
                </c:pt>
                <c:pt idx="167">
                  <c:v>14.5</c:v>
                </c:pt>
                <c:pt idx="168">
                  <c:v>12.6</c:v>
                </c:pt>
                <c:pt idx="169">
                  <c:v>11</c:v>
                </c:pt>
                <c:pt idx="170">
                  <c:v>10.7</c:v>
                </c:pt>
                <c:pt idx="171">
                  <c:v>10.9</c:v>
                </c:pt>
                <c:pt idx="172">
                  <c:v>11.2</c:v>
                </c:pt>
                <c:pt idx="173">
                  <c:v>11.5</c:v>
                </c:pt>
                <c:pt idx="174">
                  <c:v>11.7</c:v>
                </c:pt>
                <c:pt idx="175">
                  <c:v>12.1</c:v>
                </c:pt>
                <c:pt idx="176">
                  <c:v>12.5</c:v>
                </c:pt>
                <c:pt idx="177">
                  <c:v>12.9</c:v>
                </c:pt>
                <c:pt idx="178">
                  <c:v>13.3</c:v>
                </c:pt>
                <c:pt idx="179">
                  <c:v>13.4</c:v>
                </c:pt>
                <c:pt idx="180">
                  <c:v>13.9</c:v>
                </c:pt>
                <c:pt idx="181">
                  <c:v>14.2</c:v>
                </c:pt>
                <c:pt idx="182">
                  <c:v>14.4</c:v>
                </c:pt>
                <c:pt idx="183">
                  <c:v>14.1</c:v>
                </c:pt>
                <c:pt idx="184">
                  <c:v>13.9</c:v>
                </c:pt>
                <c:pt idx="185">
                  <c:v>13.7</c:v>
                </c:pt>
                <c:pt idx="186">
                  <c:v>13.6</c:v>
                </c:pt>
                <c:pt idx="187">
                  <c:v>14.2</c:v>
                </c:pt>
                <c:pt idx="188">
                  <c:v>13.7</c:v>
                </c:pt>
                <c:pt idx="189">
                  <c:v>13.7</c:v>
                </c:pt>
                <c:pt idx="190">
                  <c:v>13.7</c:v>
                </c:pt>
                <c:pt idx="191">
                  <c:v>14.1</c:v>
                </c:pt>
                <c:pt idx="192">
                  <c:v>13.9</c:v>
                </c:pt>
                <c:pt idx="193">
                  <c:v>13.4</c:v>
                </c:pt>
                <c:pt idx="194">
                  <c:v>13.7</c:v>
                </c:pt>
                <c:pt idx="195">
                  <c:v>13.7</c:v>
                </c:pt>
                <c:pt idx="196">
                  <c:v>13.9</c:v>
                </c:pt>
                <c:pt idx="197">
                  <c:v>14.1</c:v>
                </c:pt>
                <c:pt idx="198">
                  <c:v>14.2</c:v>
                </c:pt>
                <c:pt idx="199">
                  <c:v>14.2</c:v>
                </c:pt>
                <c:pt idx="200">
                  <c:v>14.4</c:v>
                </c:pt>
                <c:pt idx="201">
                  <c:v>14.5</c:v>
                </c:pt>
                <c:pt idx="202">
                  <c:v>14.5</c:v>
                </c:pt>
                <c:pt idx="203">
                  <c:v>14.7</c:v>
                </c:pt>
                <c:pt idx="204">
                  <c:v>15</c:v>
                </c:pt>
                <c:pt idx="205">
                  <c:v>15.5</c:v>
                </c:pt>
                <c:pt idx="206">
                  <c:v>15.8</c:v>
                </c:pt>
                <c:pt idx="207">
                  <c:v>16</c:v>
                </c:pt>
                <c:pt idx="208">
                  <c:v>16.3</c:v>
                </c:pt>
                <c:pt idx="209">
                  <c:v>16.100000000000001</c:v>
                </c:pt>
                <c:pt idx="210">
                  <c:v>15.7</c:v>
                </c:pt>
                <c:pt idx="211">
                  <c:v>15.7</c:v>
                </c:pt>
                <c:pt idx="212">
                  <c:v>15.3</c:v>
                </c:pt>
                <c:pt idx="213">
                  <c:v>15.3</c:v>
                </c:pt>
                <c:pt idx="214">
                  <c:v>14.9</c:v>
                </c:pt>
                <c:pt idx="215">
                  <c:v>14.5</c:v>
                </c:pt>
                <c:pt idx="216">
                  <c:v>14.4</c:v>
                </c:pt>
                <c:pt idx="217">
                  <c:v>14.2</c:v>
                </c:pt>
                <c:pt idx="218">
                  <c:v>14.2</c:v>
                </c:pt>
                <c:pt idx="219">
                  <c:v>14.4</c:v>
                </c:pt>
                <c:pt idx="220">
                  <c:v>14.5</c:v>
                </c:pt>
                <c:pt idx="221">
                  <c:v>14.5</c:v>
                </c:pt>
                <c:pt idx="222">
                  <c:v>14.5</c:v>
                </c:pt>
                <c:pt idx="223">
                  <c:v>14.4</c:v>
                </c:pt>
                <c:pt idx="224">
                  <c:v>14.5</c:v>
                </c:pt>
                <c:pt idx="225">
                  <c:v>14.9</c:v>
                </c:pt>
                <c:pt idx="226">
                  <c:v>14.7</c:v>
                </c:pt>
                <c:pt idx="227">
                  <c:v>14.7</c:v>
                </c:pt>
                <c:pt idx="228">
                  <c:v>14.9</c:v>
                </c:pt>
                <c:pt idx="229">
                  <c:v>14.9</c:v>
                </c:pt>
                <c:pt idx="230">
                  <c:v>15</c:v>
                </c:pt>
                <c:pt idx="231">
                  <c:v>15.3</c:v>
                </c:pt>
                <c:pt idx="232">
                  <c:v>15.5</c:v>
                </c:pt>
                <c:pt idx="233">
                  <c:v>15.5</c:v>
                </c:pt>
                <c:pt idx="234">
                  <c:v>15.3</c:v>
                </c:pt>
                <c:pt idx="235">
                  <c:v>15</c:v>
                </c:pt>
                <c:pt idx="236">
                  <c:v>14.9</c:v>
                </c:pt>
                <c:pt idx="237">
                  <c:v>14.5</c:v>
                </c:pt>
                <c:pt idx="238">
                  <c:v>14.4</c:v>
                </c:pt>
                <c:pt idx="239">
                  <c:v>14.4</c:v>
                </c:pt>
                <c:pt idx="240">
                  <c:v>14.2</c:v>
                </c:pt>
                <c:pt idx="241">
                  <c:v>14.4</c:v>
                </c:pt>
                <c:pt idx="242">
                  <c:v>14.4</c:v>
                </c:pt>
                <c:pt idx="243">
                  <c:v>14.2</c:v>
                </c:pt>
                <c:pt idx="244">
                  <c:v>14.1</c:v>
                </c:pt>
                <c:pt idx="245">
                  <c:v>14.2</c:v>
                </c:pt>
                <c:pt idx="246">
                  <c:v>14.5</c:v>
                </c:pt>
                <c:pt idx="247">
                  <c:v>14.4</c:v>
                </c:pt>
                <c:pt idx="248">
                  <c:v>14.4</c:v>
                </c:pt>
                <c:pt idx="249">
                  <c:v>14.4</c:v>
                </c:pt>
                <c:pt idx="250">
                  <c:v>14.9</c:v>
                </c:pt>
                <c:pt idx="251">
                  <c:v>14.9</c:v>
                </c:pt>
                <c:pt idx="252">
                  <c:v>14.9</c:v>
                </c:pt>
                <c:pt idx="253">
                  <c:v>14.7</c:v>
                </c:pt>
                <c:pt idx="254">
                  <c:v>14.9</c:v>
                </c:pt>
                <c:pt idx="255">
                  <c:v>15</c:v>
                </c:pt>
                <c:pt idx="256">
                  <c:v>15.3</c:v>
                </c:pt>
                <c:pt idx="257">
                  <c:v>15.3</c:v>
                </c:pt>
                <c:pt idx="258">
                  <c:v>15.5</c:v>
                </c:pt>
                <c:pt idx="259">
                  <c:v>15.3</c:v>
                </c:pt>
                <c:pt idx="260">
                  <c:v>15.3</c:v>
                </c:pt>
                <c:pt idx="261">
                  <c:v>15.3</c:v>
                </c:pt>
                <c:pt idx="262">
                  <c:v>15.3</c:v>
                </c:pt>
                <c:pt idx="263">
                  <c:v>15.3</c:v>
                </c:pt>
                <c:pt idx="264">
                  <c:v>15</c:v>
                </c:pt>
                <c:pt idx="265">
                  <c:v>15.2</c:v>
                </c:pt>
                <c:pt idx="266">
                  <c:v>15.3</c:v>
                </c:pt>
                <c:pt idx="267">
                  <c:v>15.2</c:v>
                </c:pt>
                <c:pt idx="268">
                  <c:v>15.3</c:v>
                </c:pt>
                <c:pt idx="269">
                  <c:v>16</c:v>
                </c:pt>
                <c:pt idx="270">
                  <c:v>16.600000000000001</c:v>
                </c:pt>
                <c:pt idx="271">
                  <c:v>17.600000000000001</c:v>
                </c:pt>
                <c:pt idx="272">
                  <c:v>18.2</c:v>
                </c:pt>
                <c:pt idx="273">
                  <c:v>18.899999999999999</c:v>
                </c:pt>
                <c:pt idx="274">
                  <c:v>19.2</c:v>
                </c:pt>
                <c:pt idx="275">
                  <c:v>19.7</c:v>
                </c:pt>
                <c:pt idx="276">
                  <c:v>20.100000000000001</c:v>
                </c:pt>
                <c:pt idx="277">
                  <c:v>20.6</c:v>
                </c:pt>
                <c:pt idx="278">
                  <c:v>20.9</c:v>
                </c:pt>
                <c:pt idx="279">
                  <c:v>21.6</c:v>
                </c:pt>
                <c:pt idx="280">
                  <c:v>22.1</c:v>
                </c:pt>
                <c:pt idx="281">
                  <c:v>22.9</c:v>
                </c:pt>
                <c:pt idx="282">
                  <c:v>22.9</c:v>
                </c:pt>
                <c:pt idx="283">
                  <c:v>22.9</c:v>
                </c:pt>
                <c:pt idx="284">
                  <c:v>22.1</c:v>
                </c:pt>
                <c:pt idx="285">
                  <c:v>21.1</c:v>
                </c:pt>
                <c:pt idx="286">
                  <c:v>20.100000000000001</c:v>
                </c:pt>
                <c:pt idx="287">
                  <c:v>19.8</c:v>
                </c:pt>
                <c:pt idx="288">
                  <c:v>18.899999999999999</c:v>
                </c:pt>
                <c:pt idx="289">
                  <c:v>17.7</c:v>
                </c:pt>
                <c:pt idx="290">
                  <c:v>16.600000000000001</c:v>
                </c:pt>
                <c:pt idx="291">
                  <c:v>16.100000000000001</c:v>
                </c:pt>
                <c:pt idx="292">
                  <c:v>16.3</c:v>
                </c:pt>
                <c:pt idx="293">
                  <c:v>16.600000000000001</c:v>
                </c:pt>
                <c:pt idx="294">
                  <c:v>16.8</c:v>
                </c:pt>
                <c:pt idx="295">
                  <c:v>16.8</c:v>
                </c:pt>
                <c:pt idx="296">
                  <c:v>16.899999999999999</c:v>
                </c:pt>
                <c:pt idx="297">
                  <c:v>17.100000000000001</c:v>
                </c:pt>
                <c:pt idx="298">
                  <c:v>17.3</c:v>
                </c:pt>
                <c:pt idx="299">
                  <c:v>17.600000000000001</c:v>
                </c:pt>
                <c:pt idx="300">
                  <c:v>18.100000000000001</c:v>
                </c:pt>
                <c:pt idx="301">
                  <c:v>18.2</c:v>
                </c:pt>
                <c:pt idx="302">
                  <c:v>18.7</c:v>
                </c:pt>
                <c:pt idx="303">
                  <c:v>18.899999999999999</c:v>
                </c:pt>
                <c:pt idx="304">
                  <c:v>18.899999999999999</c:v>
                </c:pt>
                <c:pt idx="305">
                  <c:v>18.899999999999999</c:v>
                </c:pt>
                <c:pt idx="306">
                  <c:v>18.5</c:v>
                </c:pt>
                <c:pt idx="307">
                  <c:v>18.399999999999999</c:v>
                </c:pt>
                <c:pt idx="308">
                  <c:v>18.100000000000001</c:v>
                </c:pt>
                <c:pt idx="309">
                  <c:v>17.399999999999999</c:v>
                </c:pt>
                <c:pt idx="310">
                  <c:v>16.899999999999999</c:v>
                </c:pt>
                <c:pt idx="311">
                  <c:v>16.5</c:v>
                </c:pt>
                <c:pt idx="312">
                  <c:v>15.8</c:v>
                </c:pt>
                <c:pt idx="313">
                  <c:v>14.4</c:v>
                </c:pt>
                <c:pt idx="314">
                  <c:v>13.4</c:v>
                </c:pt>
                <c:pt idx="315">
                  <c:v>13.3</c:v>
                </c:pt>
                <c:pt idx="316">
                  <c:v>13.4</c:v>
                </c:pt>
                <c:pt idx="317">
                  <c:v>13.6</c:v>
                </c:pt>
                <c:pt idx="318">
                  <c:v>13.7</c:v>
                </c:pt>
                <c:pt idx="319">
                  <c:v>14.1</c:v>
                </c:pt>
                <c:pt idx="320">
                  <c:v>14.1</c:v>
                </c:pt>
                <c:pt idx="321">
                  <c:v>13.9</c:v>
                </c:pt>
                <c:pt idx="322">
                  <c:v>14.1</c:v>
                </c:pt>
                <c:pt idx="323">
                  <c:v>14.4</c:v>
                </c:pt>
                <c:pt idx="324">
                  <c:v>14.7</c:v>
                </c:pt>
                <c:pt idx="325">
                  <c:v>15.2</c:v>
                </c:pt>
                <c:pt idx="326">
                  <c:v>15.7</c:v>
                </c:pt>
                <c:pt idx="327">
                  <c:v>15.7</c:v>
                </c:pt>
                <c:pt idx="328">
                  <c:v>15.2</c:v>
                </c:pt>
                <c:pt idx="329">
                  <c:v>14.2</c:v>
                </c:pt>
                <c:pt idx="330">
                  <c:v>13.7</c:v>
                </c:pt>
                <c:pt idx="331">
                  <c:v>13.1</c:v>
                </c:pt>
                <c:pt idx="332">
                  <c:v>12.6</c:v>
                </c:pt>
                <c:pt idx="333">
                  <c:v>12.3</c:v>
                </c:pt>
                <c:pt idx="334">
                  <c:v>12.1</c:v>
                </c:pt>
                <c:pt idx="335">
                  <c:v>12</c:v>
                </c:pt>
                <c:pt idx="336">
                  <c:v>12.6</c:v>
                </c:pt>
                <c:pt idx="337">
                  <c:v>13.1</c:v>
                </c:pt>
                <c:pt idx="338">
                  <c:v>12.9</c:v>
                </c:pt>
                <c:pt idx="339">
                  <c:v>12.8</c:v>
                </c:pt>
                <c:pt idx="340">
                  <c:v>13.3</c:v>
                </c:pt>
                <c:pt idx="341">
                  <c:v>14.1</c:v>
                </c:pt>
                <c:pt idx="342">
                  <c:v>14.4</c:v>
                </c:pt>
                <c:pt idx="343">
                  <c:v>14.5</c:v>
                </c:pt>
                <c:pt idx="344">
                  <c:v>14.5</c:v>
                </c:pt>
                <c:pt idx="345">
                  <c:v>14.9</c:v>
                </c:pt>
                <c:pt idx="346">
                  <c:v>15.5</c:v>
                </c:pt>
                <c:pt idx="347">
                  <c:v>15.7</c:v>
                </c:pt>
                <c:pt idx="348">
                  <c:v>16</c:v>
                </c:pt>
                <c:pt idx="349">
                  <c:v>16.100000000000001</c:v>
                </c:pt>
                <c:pt idx="350">
                  <c:v>16.5</c:v>
                </c:pt>
                <c:pt idx="351">
                  <c:v>16.8</c:v>
                </c:pt>
                <c:pt idx="352">
                  <c:v>16.8</c:v>
                </c:pt>
                <c:pt idx="353">
                  <c:v>16.5</c:v>
                </c:pt>
                <c:pt idx="354">
                  <c:v>16.100000000000001</c:v>
                </c:pt>
                <c:pt idx="355">
                  <c:v>16.3</c:v>
                </c:pt>
                <c:pt idx="356">
                  <c:v>16.3</c:v>
                </c:pt>
                <c:pt idx="357">
                  <c:v>16.5</c:v>
                </c:pt>
                <c:pt idx="358">
                  <c:v>16.899999999999999</c:v>
                </c:pt>
                <c:pt idx="359">
                  <c:v>17.3</c:v>
                </c:pt>
                <c:pt idx="360">
                  <c:v>17.600000000000001</c:v>
                </c:pt>
                <c:pt idx="361">
                  <c:v>17.7</c:v>
                </c:pt>
                <c:pt idx="362">
                  <c:v>17.899999999999999</c:v>
                </c:pt>
                <c:pt idx="363">
                  <c:v>18.100000000000001</c:v>
                </c:pt>
                <c:pt idx="364">
                  <c:v>17.7</c:v>
                </c:pt>
                <c:pt idx="365">
                  <c:v>17.7</c:v>
                </c:pt>
                <c:pt idx="366">
                  <c:v>17.3</c:v>
                </c:pt>
                <c:pt idx="367">
                  <c:v>17.3</c:v>
                </c:pt>
                <c:pt idx="368">
                  <c:v>17.600000000000001</c:v>
                </c:pt>
                <c:pt idx="369">
                  <c:v>17.7</c:v>
                </c:pt>
                <c:pt idx="370">
                  <c:v>17.7</c:v>
                </c:pt>
                <c:pt idx="371">
                  <c:v>18.2</c:v>
                </c:pt>
                <c:pt idx="372">
                  <c:v>18.2</c:v>
                </c:pt>
                <c:pt idx="373">
                  <c:v>18.100000000000001</c:v>
                </c:pt>
                <c:pt idx="374">
                  <c:v>18.399999999999999</c:v>
                </c:pt>
                <c:pt idx="375">
                  <c:v>19.8</c:v>
                </c:pt>
                <c:pt idx="376">
                  <c:v>21.4</c:v>
                </c:pt>
                <c:pt idx="377">
                  <c:v>22.5</c:v>
                </c:pt>
                <c:pt idx="378">
                  <c:v>24.3</c:v>
                </c:pt>
                <c:pt idx="379">
                  <c:v>23.7</c:v>
                </c:pt>
                <c:pt idx="380">
                  <c:v>23.2</c:v>
                </c:pt>
                <c:pt idx="381">
                  <c:v>22.9</c:v>
                </c:pt>
                <c:pt idx="382">
                  <c:v>21.9</c:v>
                </c:pt>
                <c:pt idx="383">
                  <c:v>21.1</c:v>
                </c:pt>
                <c:pt idx="384">
                  <c:v>19.7</c:v>
                </c:pt>
                <c:pt idx="385">
                  <c:v>19</c:v>
                </c:pt>
                <c:pt idx="386">
                  <c:v>17.3</c:v>
                </c:pt>
                <c:pt idx="387">
                  <c:v>17.3</c:v>
                </c:pt>
                <c:pt idx="388">
                  <c:v>17.600000000000001</c:v>
                </c:pt>
                <c:pt idx="389">
                  <c:v>17.899999999999999</c:v>
                </c:pt>
                <c:pt idx="390">
                  <c:v>18.100000000000001</c:v>
                </c:pt>
                <c:pt idx="391">
                  <c:v>18.399999999999999</c:v>
                </c:pt>
                <c:pt idx="392">
                  <c:v>18.5</c:v>
                </c:pt>
                <c:pt idx="393">
                  <c:v>19</c:v>
                </c:pt>
                <c:pt idx="394">
                  <c:v>19.3</c:v>
                </c:pt>
                <c:pt idx="395">
                  <c:v>19.5</c:v>
                </c:pt>
                <c:pt idx="396">
                  <c:v>19.3</c:v>
                </c:pt>
                <c:pt idx="397">
                  <c:v>19.8</c:v>
                </c:pt>
                <c:pt idx="398">
                  <c:v>20</c:v>
                </c:pt>
                <c:pt idx="399">
                  <c:v>20.100000000000001</c:v>
                </c:pt>
                <c:pt idx="400">
                  <c:v>21.9</c:v>
                </c:pt>
                <c:pt idx="401">
                  <c:v>23</c:v>
                </c:pt>
                <c:pt idx="402">
                  <c:v>23.3</c:v>
                </c:pt>
                <c:pt idx="403">
                  <c:v>23</c:v>
                </c:pt>
                <c:pt idx="404">
                  <c:v>23</c:v>
                </c:pt>
                <c:pt idx="405">
                  <c:v>22.5</c:v>
                </c:pt>
                <c:pt idx="406">
                  <c:v>21.7</c:v>
                </c:pt>
                <c:pt idx="407">
                  <c:v>21.1</c:v>
                </c:pt>
                <c:pt idx="408">
                  <c:v>20.6</c:v>
                </c:pt>
                <c:pt idx="409">
                  <c:v>19.7</c:v>
                </c:pt>
                <c:pt idx="410">
                  <c:v>19</c:v>
                </c:pt>
                <c:pt idx="411">
                  <c:v>18.899999999999999</c:v>
                </c:pt>
                <c:pt idx="412">
                  <c:v>19</c:v>
                </c:pt>
                <c:pt idx="413">
                  <c:v>19.3</c:v>
                </c:pt>
                <c:pt idx="414">
                  <c:v>19.3</c:v>
                </c:pt>
                <c:pt idx="415">
                  <c:v>19.8</c:v>
                </c:pt>
                <c:pt idx="416">
                  <c:v>20.100000000000001</c:v>
                </c:pt>
                <c:pt idx="417">
                  <c:v>20.6</c:v>
                </c:pt>
                <c:pt idx="418">
                  <c:v>21.1</c:v>
                </c:pt>
                <c:pt idx="419">
                  <c:v>21.9</c:v>
                </c:pt>
                <c:pt idx="420">
                  <c:v>22.4</c:v>
                </c:pt>
                <c:pt idx="421">
                  <c:v>22.9</c:v>
                </c:pt>
                <c:pt idx="422">
                  <c:v>23.2</c:v>
                </c:pt>
                <c:pt idx="423">
                  <c:v>23.5</c:v>
                </c:pt>
                <c:pt idx="424">
                  <c:v>23.7</c:v>
                </c:pt>
                <c:pt idx="425">
                  <c:v>23.5</c:v>
                </c:pt>
                <c:pt idx="426">
                  <c:v>23.5</c:v>
                </c:pt>
                <c:pt idx="427">
                  <c:v>23.7</c:v>
                </c:pt>
                <c:pt idx="428">
                  <c:v>23.2</c:v>
                </c:pt>
                <c:pt idx="429">
                  <c:v>22.5</c:v>
                </c:pt>
                <c:pt idx="430">
                  <c:v>22.5</c:v>
                </c:pt>
                <c:pt idx="431">
                  <c:v>21.7</c:v>
                </c:pt>
                <c:pt idx="432">
                  <c:v>21.3</c:v>
                </c:pt>
                <c:pt idx="433">
                  <c:v>21.1</c:v>
                </c:pt>
                <c:pt idx="434">
                  <c:v>19.8</c:v>
                </c:pt>
                <c:pt idx="435">
                  <c:v>19.3</c:v>
                </c:pt>
                <c:pt idx="436">
                  <c:v>19.5</c:v>
                </c:pt>
                <c:pt idx="437">
                  <c:v>19.8</c:v>
                </c:pt>
                <c:pt idx="438">
                  <c:v>20</c:v>
                </c:pt>
                <c:pt idx="439">
                  <c:v>20</c:v>
                </c:pt>
                <c:pt idx="440">
                  <c:v>20.100000000000001</c:v>
                </c:pt>
                <c:pt idx="441">
                  <c:v>20.5</c:v>
                </c:pt>
                <c:pt idx="442">
                  <c:v>20.6</c:v>
                </c:pt>
                <c:pt idx="443">
                  <c:v>20.3</c:v>
                </c:pt>
                <c:pt idx="444">
                  <c:v>20.8</c:v>
                </c:pt>
                <c:pt idx="445">
                  <c:v>21.3</c:v>
                </c:pt>
                <c:pt idx="446">
                  <c:v>21.9</c:v>
                </c:pt>
                <c:pt idx="447">
                  <c:v>22.5</c:v>
                </c:pt>
                <c:pt idx="448">
                  <c:v>22.7</c:v>
                </c:pt>
                <c:pt idx="449">
                  <c:v>22.4</c:v>
                </c:pt>
                <c:pt idx="450">
                  <c:v>22.4</c:v>
                </c:pt>
                <c:pt idx="451">
                  <c:v>22.5</c:v>
                </c:pt>
                <c:pt idx="452">
                  <c:v>20.9</c:v>
                </c:pt>
                <c:pt idx="453">
                  <c:v>20.100000000000001</c:v>
                </c:pt>
                <c:pt idx="454">
                  <c:v>19.7</c:v>
                </c:pt>
                <c:pt idx="455">
                  <c:v>19.2</c:v>
                </c:pt>
                <c:pt idx="456">
                  <c:v>18.7</c:v>
                </c:pt>
                <c:pt idx="457">
                  <c:v>18.100000000000001</c:v>
                </c:pt>
                <c:pt idx="458">
                  <c:v>15.8</c:v>
                </c:pt>
                <c:pt idx="459">
                  <c:v>15.2</c:v>
                </c:pt>
                <c:pt idx="460">
                  <c:v>14.7</c:v>
                </c:pt>
                <c:pt idx="461">
                  <c:v>14.9</c:v>
                </c:pt>
                <c:pt idx="462">
                  <c:v>15</c:v>
                </c:pt>
                <c:pt idx="463">
                  <c:v>15.2</c:v>
                </c:pt>
                <c:pt idx="464">
                  <c:v>15.3</c:v>
                </c:pt>
                <c:pt idx="465">
                  <c:v>15.7</c:v>
                </c:pt>
                <c:pt idx="466">
                  <c:v>16</c:v>
                </c:pt>
                <c:pt idx="467">
                  <c:v>16.3</c:v>
                </c:pt>
                <c:pt idx="468">
                  <c:v>16.5</c:v>
                </c:pt>
                <c:pt idx="469">
                  <c:v>16.899999999999999</c:v>
                </c:pt>
                <c:pt idx="470">
                  <c:v>17.3</c:v>
                </c:pt>
                <c:pt idx="471">
                  <c:v>17.7</c:v>
                </c:pt>
                <c:pt idx="472">
                  <c:v>17.899999999999999</c:v>
                </c:pt>
                <c:pt idx="473">
                  <c:v>17.899999999999999</c:v>
                </c:pt>
                <c:pt idx="474">
                  <c:v>17.7</c:v>
                </c:pt>
                <c:pt idx="475">
                  <c:v>17.7</c:v>
                </c:pt>
                <c:pt idx="476">
                  <c:v>16.600000000000001</c:v>
                </c:pt>
                <c:pt idx="477">
                  <c:v>16.3</c:v>
                </c:pt>
                <c:pt idx="478">
                  <c:v>15.7</c:v>
                </c:pt>
                <c:pt idx="479">
                  <c:v>15.3</c:v>
                </c:pt>
                <c:pt idx="480">
                  <c:v>14.7</c:v>
                </c:pt>
                <c:pt idx="481">
                  <c:v>14.9</c:v>
                </c:pt>
                <c:pt idx="482">
                  <c:v>14.4</c:v>
                </c:pt>
                <c:pt idx="483">
                  <c:v>14.5</c:v>
                </c:pt>
                <c:pt idx="484">
                  <c:v>14.9</c:v>
                </c:pt>
                <c:pt idx="485">
                  <c:v>15.3</c:v>
                </c:pt>
                <c:pt idx="486">
                  <c:v>15.3</c:v>
                </c:pt>
                <c:pt idx="487">
                  <c:v>15.7</c:v>
                </c:pt>
                <c:pt idx="488">
                  <c:v>16</c:v>
                </c:pt>
                <c:pt idx="489">
                  <c:v>16.5</c:v>
                </c:pt>
                <c:pt idx="490">
                  <c:v>16.600000000000001</c:v>
                </c:pt>
                <c:pt idx="491">
                  <c:v>16.899999999999999</c:v>
                </c:pt>
                <c:pt idx="492">
                  <c:v>17.399999999999999</c:v>
                </c:pt>
                <c:pt idx="493">
                  <c:v>17.7</c:v>
                </c:pt>
                <c:pt idx="494">
                  <c:v>18.2</c:v>
                </c:pt>
                <c:pt idx="495">
                  <c:v>18.5</c:v>
                </c:pt>
                <c:pt idx="496">
                  <c:v>18.7</c:v>
                </c:pt>
                <c:pt idx="497">
                  <c:v>18.899999999999999</c:v>
                </c:pt>
                <c:pt idx="498">
                  <c:v>18.5</c:v>
                </c:pt>
                <c:pt idx="499">
                  <c:v>17.899999999999999</c:v>
                </c:pt>
                <c:pt idx="500">
                  <c:v>17.399999999999999</c:v>
                </c:pt>
                <c:pt idx="501">
                  <c:v>17.3</c:v>
                </c:pt>
                <c:pt idx="502">
                  <c:v>16.899999999999999</c:v>
                </c:pt>
                <c:pt idx="503">
                  <c:v>15.7</c:v>
                </c:pt>
                <c:pt idx="504">
                  <c:v>15</c:v>
                </c:pt>
                <c:pt idx="505">
                  <c:v>14.4</c:v>
                </c:pt>
                <c:pt idx="506">
                  <c:v>14.1</c:v>
                </c:pt>
                <c:pt idx="507">
                  <c:v>13.9</c:v>
                </c:pt>
                <c:pt idx="508">
                  <c:v>13.9</c:v>
                </c:pt>
                <c:pt idx="509">
                  <c:v>14.1</c:v>
                </c:pt>
                <c:pt idx="510">
                  <c:v>14.2</c:v>
                </c:pt>
                <c:pt idx="511">
                  <c:v>14.4</c:v>
                </c:pt>
                <c:pt idx="512">
                  <c:v>14.5</c:v>
                </c:pt>
                <c:pt idx="513">
                  <c:v>14.7</c:v>
                </c:pt>
                <c:pt idx="514">
                  <c:v>14.9</c:v>
                </c:pt>
                <c:pt idx="515">
                  <c:v>15.2</c:v>
                </c:pt>
                <c:pt idx="516">
                  <c:v>15.3</c:v>
                </c:pt>
                <c:pt idx="517">
                  <c:v>15.5</c:v>
                </c:pt>
                <c:pt idx="518">
                  <c:v>16</c:v>
                </c:pt>
                <c:pt idx="519">
                  <c:v>16.600000000000001</c:v>
                </c:pt>
                <c:pt idx="520">
                  <c:v>16.8</c:v>
                </c:pt>
                <c:pt idx="521">
                  <c:v>16.5</c:v>
                </c:pt>
                <c:pt idx="522">
                  <c:v>16.3</c:v>
                </c:pt>
                <c:pt idx="523">
                  <c:v>15.5</c:v>
                </c:pt>
                <c:pt idx="524">
                  <c:v>15</c:v>
                </c:pt>
                <c:pt idx="525">
                  <c:v>14.4</c:v>
                </c:pt>
                <c:pt idx="526">
                  <c:v>14.5</c:v>
                </c:pt>
                <c:pt idx="527">
                  <c:v>14.4</c:v>
                </c:pt>
                <c:pt idx="528">
                  <c:v>14.2</c:v>
                </c:pt>
                <c:pt idx="529">
                  <c:v>14.1</c:v>
                </c:pt>
                <c:pt idx="530">
                  <c:v>13.9</c:v>
                </c:pt>
                <c:pt idx="531">
                  <c:v>13.6</c:v>
                </c:pt>
                <c:pt idx="532">
                  <c:v>13.4</c:v>
                </c:pt>
                <c:pt idx="533">
                  <c:v>13.4</c:v>
                </c:pt>
                <c:pt idx="534">
                  <c:v>13.6</c:v>
                </c:pt>
                <c:pt idx="535">
                  <c:v>13.7</c:v>
                </c:pt>
                <c:pt idx="536">
                  <c:v>13.7</c:v>
                </c:pt>
                <c:pt idx="537">
                  <c:v>13.9</c:v>
                </c:pt>
                <c:pt idx="538">
                  <c:v>14.4</c:v>
                </c:pt>
                <c:pt idx="539">
                  <c:v>14.5</c:v>
                </c:pt>
                <c:pt idx="540">
                  <c:v>14.7</c:v>
                </c:pt>
                <c:pt idx="541">
                  <c:v>14.7</c:v>
                </c:pt>
                <c:pt idx="542">
                  <c:v>14.9</c:v>
                </c:pt>
                <c:pt idx="543">
                  <c:v>15</c:v>
                </c:pt>
                <c:pt idx="544">
                  <c:v>15.3</c:v>
                </c:pt>
                <c:pt idx="545">
                  <c:v>15.5</c:v>
                </c:pt>
                <c:pt idx="546">
                  <c:v>15.7</c:v>
                </c:pt>
                <c:pt idx="547">
                  <c:v>15.7</c:v>
                </c:pt>
                <c:pt idx="548">
                  <c:v>15.7</c:v>
                </c:pt>
                <c:pt idx="549">
                  <c:v>15.8</c:v>
                </c:pt>
                <c:pt idx="550">
                  <c:v>16</c:v>
                </c:pt>
                <c:pt idx="551">
                  <c:v>16</c:v>
                </c:pt>
                <c:pt idx="552">
                  <c:v>16.100000000000001</c:v>
                </c:pt>
                <c:pt idx="553">
                  <c:v>16.3</c:v>
                </c:pt>
                <c:pt idx="554">
                  <c:v>16</c:v>
                </c:pt>
                <c:pt idx="555">
                  <c:v>16</c:v>
                </c:pt>
                <c:pt idx="556">
                  <c:v>16</c:v>
                </c:pt>
                <c:pt idx="557">
                  <c:v>16</c:v>
                </c:pt>
                <c:pt idx="558">
                  <c:v>16</c:v>
                </c:pt>
                <c:pt idx="559">
                  <c:v>15.8</c:v>
                </c:pt>
                <c:pt idx="560">
                  <c:v>16</c:v>
                </c:pt>
                <c:pt idx="561">
                  <c:v>16.100000000000001</c:v>
                </c:pt>
                <c:pt idx="562">
                  <c:v>16.3</c:v>
                </c:pt>
                <c:pt idx="563">
                  <c:v>16.100000000000001</c:v>
                </c:pt>
                <c:pt idx="564">
                  <c:v>16.100000000000001</c:v>
                </c:pt>
                <c:pt idx="565">
                  <c:v>16.3</c:v>
                </c:pt>
                <c:pt idx="566">
                  <c:v>16.5</c:v>
                </c:pt>
                <c:pt idx="567">
                  <c:v>16.5</c:v>
                </c:pt>
                <c:pt idx="568">
                  <c:v>16.600000000000001</c:v>
                </c:pt>
                <c:pt idx="569">
                  <c:v>16.600000000000001</c:v>
                </c:pt>
                <c:pt idx="570">
                  <c:v>16.5</c:v>
                </c:pt>
                <c:pt idx="571">
                  <c:v>16.5</c:v>
                </c:pt>
                <c:pt idx="572">
                  <c:v>16.100000000000001</c:v>
                </c:pt>
                <c:pt idx="573">
                  <c:v>16</c:v>
                </c:pt>
                <c:pt idx="574">
                  <c:v>16</c:v>
                </c:pt>
                <c:pt idx="575">
                  <c:v>15.7</c:v>
                </c:pt>
                <c:pt idx="576">
                  <c:v>15.3</c:v>
                </c:pt>
                <c:pt idx="577">
                  <c:v>15</c:v>
                </c:pt>
                <c:pt idx="578">
                  <c:v>14.7</c:v>
                </c:pt>
                <c:pt idx="579">
                  <c:v>14.5</c:v>
                </c:pt>
                <c:pt idx="580">
                  <c:v>14.2</c:v>
                </c:pt>
                <c:pt idx="581">
                  <c:v>14.4</c:v>
                </c:pt>
                <c:pt idx="582">
                  <c:v>14.4</c:v>
                </c:pt>
                <c:pt idx="583">
                  <c:v>14.7</c:v>
                </c:pt>
                <c:pt idx="584">
                  <c:v>15.2</c:v>
                </c:pt>
                <c:pt idx="585">
                  <c:v>15</c:v>
                </c:pt>
                <c:pt idx="586">
                  <c:v>17.3</c:v>
                </c:pt>
                <c:pt idx="587">
                  <c:v>17.3</c:v>
                </c:pt>
                <c:pt idx="588">
                  <c:v>17.3</c:v>
                </c:pt>
                <c:pt idx="589">
                  <c:v>17.3</c:v>
                </c:pt>
                <c:pt idx="590">
                  <c:v>17.3</c:v>
                </c:pt>
                <c:pt idx="591">
                  <c:v>15.8</c:v>
                </c:pt>
                <c:pt idx="592">
                  <c:v>16.3</c:v>
                </c:pt>
                <c:pt idx="593">
                  <c:v>17.3</c:v>
                </c:pt>
                <c:pt idx="594">
                  <c:v>16.3</c:v>
                </c:pt>
                <c:pt idx="595">
                  <c:v>16</c:v>
                </c:pt>
                <c:pt idx="596">
                  <c:v>16</c:v>
                </c:pt>
                <c:pt idx="597">
                  <c:v>16.8</c:v>
                </c:pt>
                <c:pt idx="598">
                  <c:v>17.100000000000001</c:v>
                </c:pt>
                <c:pt idx="599">
                  <c:v>16.899999999999999</c:v>
                </c:pt>
                <c:pt idx="600">
                  <c:v>16.600000000000001</c:v>
                </c:pt>
                <c:pt idx="601">
                  <c:v>16.600000000000001</c:v>
                </c:pt>
                <c:pt idx="602">
                  <c:v>17.100000000000001</c:v>
                </c:pt>
                <c:pt idx="603">
                  <c:v>17.399999999999999</c:v>
                </c:pt>
                <c:pt idx="604">
                  <c:v>18.2</c:v>
                </c:pt>
                <c:pt idx="605">
                  <c:v>19.2</c:v>
                </c:pt>
                <c:pt idx="606">
                  <c:v>18.5</c:v>
                </c:pt>
                <c:pt idx="607">
                  <c:v>20.5</c:v>
                </c:pt>
                <c:pt idx="608">
                  <c:v>20.8</c:v>
                </c:pt>
                <c:pt idx="609">
                  <c:v>20.9</c:v>
                </c:pt>
                <c:pt idx="610">
                  <c:v>21.4</c:v>
                </c:pt>
                <c:pt idx="611">
                  <c:v>22.1</c:v>
                </c:pt>
                <c:pt idx="612">
                  <c:v>22.5</c:v>
                </c:pt>
                <c:pt idx="613">
                  <c:v>22.7</c:v>
                </c:pt>
                <c:pt idx="614">
                  <c:v>22.9</c:v>
                </c:pt>
                <c:pt idx="615">
                  <c:v>22.7</c:v>
                </c:pt>
                <c:pt idx="616">
                  <c:v>22.5</c:v>
                </c:pt>
                <c:pt idx="617">
                  <c:v>22.7</c:v>
                </c:pt>
                <c:pt idx="618">
                  <c:v>22.7</c:v>
                </c:pt>
                <c:pt idx="619">
                  <c:v>21.9</c:v>
                </c:pt>
                <c:pt idx="620">
                  <c:v>20.6</c:v>
                </c:pt>
                <c:pt idx="621">
                  <c:v>20.5</c:v>
                </c:pt>
                <c:pt idx="622">
                  <c:v>20.5</c:v>
                </c:pt>
                <c:pt idx="623">
                  <c:v>18.5</c:v>
                </c:pt>
                <c:pt idx="624">
                  <c:v>17.7</c:v>
                </c:pt>
                <c:pt idx="625">
                  <c:v>17.899999999999999</c:v>
                </c:pt>
                <c:pt idx="626">
                  <c:v>18.2</c:v>
                </c:pt>
                <c:pt idx="627">
                  <c:v>18.899999999999999</c:v>
                </c:pt>
                <c:pt idx="628">
                  <c:v>19.2</c:v>
                </c:pt>
                <c:pt idx="629">
                  <c:v>19.7</c:v>
                </c:pt>
                <c:pt idx="630">
                  <c:v>20.100000000000001</c:v>
                </c:pt>
                <c:pt idx="631">
                  <c:v>20.5</c:v>
                </c:pt>
                <c:pt idx="632">
                  <c:v>20.9</c:v>
                </c:pt>
                <c:pt idx="633">
                  <c:v>21.4</c:v>
                </c:pt>
                <c:pt idx="634">
                  <c:v>21.9</c:v>
                </c:pt>
                <c:pt idx="635">
                  <c:v>22.5</c:v>
                </c:pt>
                <c:pt idx="636">
                  <c:v>23.2</c:v>
                </c:pt>
                <c:pt idx="637">
                  <c:v>23.3</c:v>
                </c:pt>
                <c:pt idx="638">
                  <c:v>23.3</c:v>
                </c:pt>
                <c:pt idx="639">
                  <c:v>23.8</c:v>
                </c:pt>
                <c:pt idx="640">
                  <c:v>23.7</c:v>
                </c:pt>
                <c:pt idx="641">
                  <c:v>21.1</c:v>
                </c:pt>
                <c:pt idx="642">
                  <c:v>20.5</c:v>
                </c:pt>
                <c:pt idx="643">
                  <c:v>19</c:v>
                </c:pt>
                <c:pt idx="644">
                  <c:v>18.399999999999999</c:v>
                </c:pt>
                <c:pt idx="645">
                  <c:v>16.899999999999999</c:v>
                </c:pt>
                <c:pt idx="646">
                  <c:v>16.8</c:v>
                </c:pt>
                <c:pt idx="647">
                  <c:v>15.2</c:v>
                </c:pt>
                <c:pt idx="648">
                  <c:v>14.5</c:v>
                </c:pt>
                <c:pt idx="649">
                  <c:v>14.9</c:v>
                </c:pt>
                <c:pt idx="650">
                  <c:v>15.2</c:v>
                </c:pt>
                <c:pt idx="651">
                  <c:v>15.5</c:v>
                </c:pt>
                <c:pt idx="652">
                  <c:v>15.7</c:v>
                </c:pt>
                <c:pt idx="653">
                  <c:v>16</c:v>
                </c:pt>
                <c:pt idx="654">
                  <c:v>16.3</c:v>
                </c:pt>
                <c:pt idx="655">
                  <c:v>16.8</c:v>
                </c:pt>
                <c:pt idx="656">
                  <c:v>17.100000000000001</c:v>
                </c:pt>
                <c:pt idx="657">
                  <c:v>17.3</c:v>
                </c:pt>
                <c:pt idx="658">
                  <c:v>17.600000000000001</c:v>
                </c:pt>
                <c:pt idx="659">
                  <c:v>18.2</c:v>
                </c:pt>
                <c:pt idx="660">
                  <c:v>19.2</c:v>
                </c:pt>
                <c:pt idx="661">
                  <c:v>19.3</c:v>
                </c:pt>
                <c:pt idx="662">
                  <c:v>19.7</c:v>
                </c:pt>
                <c:pt idx="663">
                  <c:v>19.8</c:v>
                </c:pt>
                <c:pt idx="664">
                  <c:v>19.5</c:v>
                </c:pt>
                <c:pt idx="665">
                  <c:v>19</c:v>
                </c:pt>
                <c:pt idx="666">
                  <c:v>18.5</c:v>
                </c:pt>
                <c:pt idx="667">
                  <c:v>18.5</c:v>
                </c:pt>
                <c:pt idx="668">
                  <c:v>16.3</c:v>
                </c:pt>
                <c:pt idx="669">
                  <c:v>15.8</c:v>
                </c:pt>
                <c:pt idx="670">
                  <c:v>15.2</c:v>
                </c:pt>
                <c:pt idx="671">
                  <c:v>14.7</c:v>
                </c:pt>
                <c:pt idx="672">
                  <c:v>14.7</c:v>
                </c:pt>
                <c:pt idx="673">
                  <c:v>15</c:v>
                </c:pt>
                <c:pt idx="674">
                  <c:v>15.2</c:v>
                </c:pt>
                <c:pt idx="675">
                  <c:v>15.5</c:v>
                </c:pt>
                <c:pt idx="676">
                  <c:v>15.8</c:v>
                </c:pt>
                <c:pt idx="677">
                  <c:v>16</c:v>
                </c:pt>
                <c:pt idx="678">
                  <c:v>16.5</c:v>
                </c:pt>
                <c:pt idx="679">
                  <c:v>16.600000000000001</c:v>
                </c:pt>
                <c:pt idx="680">
                  <c:v>16.8</c:v>
                </c:pt>
                <c:pt idx="681">
                  <c:v>16.899999999999999</c:v>
                </c:pt>
                <c:pt idx="682">
                  <c:v>17.3</c:v>
                </c:pt>
                <c:pt idx="683">
                  <c:v>17.7</c:v>
                </c:pt>
                <c:pt idx="684">
                  <c:v>18.100000000000001</c:v>
                </c:pt>
                <c:pt idx="685">
                  <c:v>18.5</c:v>
                </c:pt>
                <c:pt idx="686">
                  <c:v>19.2</c:v>
                </c:pt>
                <c:pt idx="687">
                  <c:v>14.7</c:v>
                </c:pt>
                <c:pt idx="688">
                  <c:v>12.5</c:v>
                </c:pt>
                <c:pt idx="689">
                  <c:v>11.2</c:v>
                </c:pt>
                <c:pt idx="690">
                  <c:v>11.3</c:v>
                </c:pt>
                <c:pt idx="691">
                  <c:v>11.8</c:v>
                </c:pt>
                <c:pt idx="692">
                  <c:v>12.1</c:v>
                </c:pt>
                <c:pt idx="693">
                  <c:v>12.8</c:v>
                </c:pt>
                <c:pt idx="694">
                  <c:v>12.9</c:v>
                </c:pt>
                <c:pt idx="695">
                  <c:v>13.6</c:v>
                </c:pt>
                <c:pt idx="696">
                  <c:v>14.9</c:v>
                </c:pt>
                <c:pt idx="697">
                  <c:v>14.7</c:v>
                </c:pt>
                <c:pt idx="698">
                  <c:v>14.5</c:v>
                </c:pt>
                <c:pt idx="699">
                  <c:v>14.2</c:v>
                </c:pt>
                <c:pt idx="700">
                  <c:v>14.5</c:v>
                </c:pt>
                <c:pt idx="701">
                  <c:v>13.9</c:v>
                </c:pt>
                <c:pt idx="702">
                  <c:v>13.1</c:v>
                </c:pt>
                <c:pt idx="703">
                  <c:v>12.6</c:v>
                </c:pt>
                <c:pt idx="704">
                  <c:v>12</c:v>
                </c:pt>
                <c:pt idx="705">
                  <c:v>11.7</c:v>
                </c:pt>
                <c:pt idx="706">
                  <c:v>11.3</c:v>
                </c:pt>
                <c:pt idx="707">
                  <c:v>11.2</c:v>
                </c:pt>
                <c:pt idx="708">
                  <c:v>11.2</c:v>
                </c:pt>
                <c:pt idx="709">
                  <c:v>11</c:v>
                </c:pt>
                <c:pt idx="710">
                  <c:v>11</c:v>
                </c:pt>
                <c:pt idx="711">
                  <c:v>11</c:v>
                </c:pt>
                <c:pt idx="712">
                  <c:v>11.2</c:v>
                </c:pt>
                <c:pt idx="713">
                  <c:v>11.5</c:v>
                </c:pt>
                <c:pt idx="714">
                  <c:v>12.1</c:v>
                </c:pt>
                <c:pt idx="715">
                  <c:v>12.3</c:v>
                </c:pt>
                <c:pt idx="716">
                  <c:v>12.8</c:v>
                </c:pt>
                <c:pt idx="717">
                  <c:v>12.9</c:v>
                </c:pt>
                <c:pt idx="718">
                  <c:v>12.8</c:v>
                </c:pt>
                <c:pt idx="719">
                  <c:v>12.6</c:v>
                </c:pt>
                <c:pt idx="720">
                  <c:v>12.3</c:v>
                </c:pt>
                <c:pt idx="721">
                  <c:v>11.8</c:v>
                </c:pt>
                <c:pt idx="722">
                  <c:v>11.7</c:v>
                </c:pt>
                <c:pt idx="723">
                  <c:v>11.2</c:v>
                </c:pt>
                <c:pt idx="724">
                  <c:v>10.4</c:v>
                </c:pt>
                <c:pt idx="725">
                  <c:v>10.5</c:v>
                </c:pt>
                <c:pt idx="726">
                  <c:v>10.9</c:v>
                </c:pt>
                <c:pt idx="727">
                  <c:v>10.9</c:v>
                </c:pt>
                <c:pt idx="728">
                  <c:v>11</c:v>
                </c:pt>
                <c:pt idx="729">
                  <c:v>11.3</c:v>
                </c:pt>
                <c:pt idx="730">
                  <c:v>11.8</c:v>
                </c:pt>
                <c:pt idx="731">
                  <c:v>12.1</c:v>
                </c:pt>
                <c:pt idx="732">
                  <c:v>12.6</c:v>
                </c:pt>
                <c:pt idx="733">
                  <c:v>13.3</c:v>
                </c:pt>
                <c:pt idx="734">
                  <c:v>12.9</c:v>
                </c:pt>
                <c:pt idx="735">
                  <c:v>12.3</c:v>
                </c:pt>
                <c:pt idx="736">
                  <c:v>12.1</c:v>
                </c:pt>
                <c:pt idx="737">
                  <c:v>11.5</c:v>
                </c:pt>
                <c:pt idx="738">
                  <c:v>11</c:v>
                </c:pt>
                <c:pt idx="739">
                  <c:v>10.7</c:v>
                </c:pt>
                <c:pt idx="740">
                  <c:v>10.199999999999999</c:v>
                </c:pt>
                <c:pt idx="741">
                  <c:v>10.4</c:v>
                </c:pt>
                <c:pt idx="742">
                  <c:v>10.7</c:v>
                </c:pt>
                <c:pt idx="743">
                  <c:v>10.9</c:v>
                </c:pt>
                <c:pt idx="744">
                  <c:v>11</c:v>
                </c:pt>
                <c:pt idx="745">
                  <c:v>11.3</c:v>
                </c:pt>
                <c:pt idx="746">
                  <c:v>11.5</c:v>
                </c:pt>
                <c:pt idx="747">
                  <c:v>11.7</c:v>
                </c:pt>
                <c:pt idx="748">
                  <c:v>11.8</c:v>
                </c:pt>
                <c:pt idx="749">
                  <c:v>12.1</c:v>
                </c:pt>
                <c:pt idx="750">
                  <c:v>12.1</c:v>
                </c:pt>
                <c:pt idx="751">
                  <c:v>12.5</c:v>
                </c:pt>
                <c:pt idx="752">
                  <c:v>12.5</c:v>
                </c:pt>
                <c:pt idx="753">
                  <c:v>12.5</c:v>
                </c:pt>
                <c:pt idx="754">
                  <c:v>12.1</c:v>
                </c:pt>
                <c:pt idx="755">
                  <c:v>12.1</c:v>
                </c:pt>
                <c:pt idx="756">
                  <c:v>12.3</c:v>
                </c:pt>
                <c:pt idx="757">
                  <c:v>12.6</c:v>
                </c:pt>
                <c:pt idx="758">
                  <c:v>12.9</c:v>
                </c:pt>
                <c:pt idx="759">
                  <c:v>13.9</c:v>
                </c:pt>
                <c:pt idx="760">
                  <c:v>14.5</c:v>
                </c:pt>
                <c:pt idx="761">
                  <c:v>15.5</c:v>
                </c:pt>
                <c:pt idx="762">
                  <c:v>15.2</c:v>
                </c:pt>
                <c:pt idx="763">
                  <c:v>15.8</c:v>
                </c:pt>
                <c:pt idx="764">
                  <c:v>16</c:v>
                </c:pt>
                <c:pt idx="765">
                  <c:v>15.3</c:v>
                </c:pt>
                <c:pt idx="766">
                  <c:v>14.7</c:v>
                </c:pt>
                <c:pt idx="767">
                  <c:v>15</c:v>
                </c:pt>
                <c:pt idx="768">
                  <c:v>16.5</c:v>
                </c:pt>
                <c:pt idx="769">
                  <c:v>16.8</c:v>
                </c:pt>
                <c:pt idx="770">
                  <c:v>13.1</c:v>
                </c:pt>
                <c:pt idx="771">
                  <c:v>12.9</c:v>
                </c:pt>
                <c:pt idx="772">
                  <c:v>12.5</c:v>
                </c:pt>
                <c:pt idx="773">
                  <c:v>12.1</c:v>
                </c:pt>
                <c:pt idx="774">
                  <c:v>11.3</c:v>
                </c:pt>
                <c:pt idx="775">
                  <c:v>10.4</c:v>
                </c:pt>
                <c:pt idx="776">
                  <c:v>10.199999999999999</c:v>
                </c:pt>
                <c:pt idx="777">
                  <c:v>10.199999999999999</c:v>
                </c:pt>
                <c:pt idx="778">
                  <c:v>10.1</c:v>
                </c:pt>
                <c:pt idx="779">
                  <c:v>10.4</c:v>
                </c:pt>
                <c:pt idx="780">
                  <c:v>10.7</c:v>
                </c:pt>
                <c:pt idx="781">
                  <c:v>10.7</c:v>
                </c:pt>
                <c:pt idx="782">
                  <c:v>10.7</c:v>
                </c:pt>
                <c:pt idx="783">
                  <c:v>11</c:v>
                </c:pt>
                <c:pt idx="784">
                  <c:v>11.2</c:v>
                </c:pt>
                <c:pt idx="785">
                  <c:v>11.7</c:v>
                </c:pt>
                <c:pt idx="786">
                  <c:v>12.5</c:v>
                </c:pt>
                <c:pt idx="787">
                  <c:v>13.1</c:v>
                </c:pt>
                <c:pt idx="788">
                  <c:v>13.7</c:v>
                </c:pt>
                <c:pt idx="789">
                  <c:v>13.6</c:v>
                </c:pt>
                <c:pt idx="790">
                  <c:v>13.4</c:v>
                </c:pt>
                <c:pt idx="791">
                  <c:v>12.9</c:v>
                </c:pt>
                <c:pt idx="792">
                  <c:v>12.8</c:v>
                </c:pt>
                <c:pt idx="793">
                  <c:v>11.8</c:v>
                </c:pt>
                <c:pt idx="794">
                  <c:v>11.5</c:v>
                </c:pt>
                <c:pt idx="795">
                  <c:v>12.6</c:v>
                </c:pt>
                <c:pt idx="796">
                  <c:v>13.4</c:v>
                </c:pt>
                <c:pt idx="797">
                  <c:v>13.9</c:v>
                </c:pt>
                <c:pt idx="798">
                  <c:v>14.1</c:v>
                </c:pt>
                <c:pt idx="799">
                  <c:v>14.5</c:v>
                </c:pt>
                <c:pt idx="800">
                  <c:v>14.7</c:v>
                </c:pt>
                <c:pt idx="801">
                  <c:v>15</c:v>
                </c:pt>
                <c:pt idx="802">
                  <c:v>15.3</c:v>
                </c:pt>
                <c:pt idx="803">
                  <c:v>16</c:v>
                </c:pt>
                <c:pt idx="804">
                  <c:v>16.100000000000001</c:v>
                </c:pt>
                <c:pt idx="805">
                  <c:v>15.8</c:v>
                </c:pt>
                <c:pt idx="806">
                  <c:v>15.7</c:v>
                </c:pt>
                <c:pt idx="807">
                  <c:v>15.3</c:v>
                </c:pt>
                <c:pt idx="808">
                  <c:v>13.6</c:v>
                </c:pt>
                <c:pt idx="809">
                  <c:v>12.8</c:v>
                </c:pt>
                <c:pt idx="810">
                  <c:v>12.6</c:v>
                </c:pt>
                <c:pt idx="811">
                  <c:v>12.9</c:v>
                </c:pt>
                <c:pt idx="812">
                  <c:v>14.2</c:v>
                </c:pt>
                <c:pt idx="813">
                  <c:v>14.9</c:v>
                </c:pt>
                <c:pt idx="814">
                  <c:v>15</c:v>
                </c:pt>
                <c:pt idx="815">
                  <c:v>15.2</c:v>
                </c:pt>
                <c:pt idx="816">
                  <c:v>15.3</c:v>
                </c:pt>
                <c:pt idx="817">
                  <c:v>15.7</c:v>
                </c:pt>
                <c:pt idx="818">
                  <c:v>16</c:v>
                </c:pt>
                <c:pt idx="819">
                  <c:v>17.100000000000001</c:v>
                </c:pt>
                <c:pt idx="820">
                  <c:v>17.399999999999999</c:v>
                </c:pt>
                <c:pt idx="821">
                  <c:v>17.399999999999999</c:v>
                </c:pt>
                <c:pt idx="822">
                  <c:v>17.899999999999999</c:v>
                </c:pt>
                <c:pt idx="823">
                  <c:v>17.100000000000001</c:v>
                </c:pt>
                <c:pt idx="824">
                  <c:v>15.2</c:v>
                </c:pt>
                <c:pt idx="825">
                  <c:v>14.9</c:v>
                </c:pt>
                <c:pt idx="826">
                  <c:v>14.5</c:v>
                </c:pt>
                <c:pt idx="827">
                  <c:v>11.3</c:v>
                </c:pt>
                <c:pt idx="828">
                  <c:v>11.8</c:v>
                </c:pt>
                <c:pt idx="829">
                  <c:v>12.3</c:v>
                </c:pt>
                <c:pt idx="830">
                  <c:v>12.5</c:v>
                </c:pt>
                <c:pt idx="831">
                  <c:v>12.8</c:v>
                </c:pt>
                <c:pt idx="832">
                  <c:v>12.5</c:v>
                </c:pt>
                <c:pt idx="833">
                  <c:v>11.7</c:v>
                </c:pt>
                <c:pt idx="834">
                  <c:v>11.3</c:v>
                </c:pt>
                <c:pt idx="835">
                  <c:v>11.2</c:v>
                </c:pt>
                <c:pt idx="836">
                  <c:v>10.5</c:v>
                </c:pt>
                <c:pt idx="837">
                  <c:v>9.6999999999999993</c:v>
                </c:pt>
                <c:pt idx="838">
                  <c:v>8.9</c:v>
                </c:pt>
                <c:pt idx="839">
                  <c:v>8.6</c:v>
                </c:pt>
                <c:pt idx="840">
                  <c:v>8</c:v>
                </c:pt>
                <c:pt idx="841">
                  <c:v>7.2</c:v>
                </c:pt>
                <c:pt idx="842">
                  <c:v>7.3</c:v>
                </c:pt>
                <c:pt idx="843">
                  <c:v>7.5</c:v>
                </c:pt>
                <c:pt idx="844">
                  <c:v>7.7</c:v>
                </c:pt>
                <c:pt idx="845">
                  <c:v>8</c:v>
                </c:pt>
                <c:pt idx="846">
                  <c:v>8.3000000000000007</c:v>
                </c:pt>
                <c:pt idx="847">
                  <c:v>8.6</c:v>
                </c:pt>
                <c:pt idx="848">
                  <c:v>9.3000000000000007</c:v>
                </c:pt>
                <c:pt idx="849">
                  <c:v>9.6</c:v>
                </c:pt>
                <c:pt idx="850">
                  <c:v>9.6999999999999993</c:v>
                </c:pt>
                <c:pt idx="851">
                  <c:v>10.4</c:v>
                </c:pt>
                <c:pt idx="852">
                  <c:v>10.4</c:v>
                </c:pt>
                <c:pt idx="853">
                  <c:v>9.9</c:v>
                </c:pt>
                <c:pt idx="854">
                  <c:v>8.8000000000000007</c:v>
                </c:pt>
                <c:pt idx="855">
                  <c:v>8.6</c:v>
                </c:pt>
                <c:pt idx="856">
                  <c:v>8.6</c:v>
                </c:pt>
                <c:pt idx="857">
                  <c:v>8.5</c:v>
                </c:pt>
                <c:pt idx="858">
                  <c:v>8.5</c:v>
                </c:pt>
                <c:pt idx="859">
                  <c:v>7.8</c:v>
                </c:pt>
                <c:pt idx="860">
                  <c:v>7.8</c:v>
                </c:pt>
                <c:pt idx="861">
                  <c:v>7.5</c:v>
                </c:pt>
                <c:pt idx="862">
                  <c:v>7.2</c:v>
                </c:pt>
                <c:pt idx="863">
                  <c:v>6.9</c:v>
                </c:pt>
                <c:pt idx="864">
                  <c:v>6.4</c:v>
                </c:pt>
                <c:pt idx="865">
                  <c:v>6.4</c:v>
                </c:pt>
                <c:pt idx="866">
                  <c:v>6.5</c:v>
                </c:pt>
                <c:pt idx="867">
                  <c:v>6.7</c:v>
                </c:pt>
                <c:pt idx="868">
                  <c:v>6.7</c:v>
                </c:pt>
                <c:pt idx="869">
                  <c:v>7</c:v>
                </c:pt>
                <c:pt idx="870">
                  <c:v>7.2</c:v>
                </c:pt>
                <c:pt idx="871">
                  <c:v>7</c:v>
                </c:pt>
                <c:pt idx="872">
                  <c:v>6.9</c:v>
                </c:pt>
                <c:pt idx="873">
                  <c:v>6.4</c:v>
                </c:pt>
                <c:pt idx="874">
                  <c:v>7.2</c:v>
                </c:pt>
                <c:pt idx="875">
                  <c:v>7</c:v>
                </c:pt>
                <c:pt idx="876">
                  <c:v>6.7</c:v>
                </c:pt>
                <c:pt idx="877">
                  <c:v>6.5</c:v>
                </c:pt>
                <c:pt idx="878">
                  <c:v>6.1</c:v>
                </c:pt>
                <c:pt idx="879">
                  <c:v>6.5</c:v>
                </c:pt>
                <c:pt idx="880">
                  <c:v>6.7</c:v>
                </c:pt>
                <c:pt idx="881">
                  <c:v>6.9</c:v>
                </c:pt>
                <c:pt idx="882">
                  <c:v>7.5</c:v>
                </c:pt>
                <c:pt idx="883">
                  <c:v>7.8</c:v>
                </c:pt>
                <c:pt idx="884">
                  <c:v>8.1</c:v>
                </c:pt>
                <c:pt idx="885">
                  <c:v>8.5</c:v>
                </c:pt>
                <c:pt idx="886">
                  <c:v>8.9</c:v>
                </c:pt>
                <c:pt idx="887">
                  <c:v>9.3000000000000007</c:v>
                </c:pt>
                <c:pt idx="888">
                  <c:v>9.4</c:v>
                </c:pt>
                <c:pt idx="889">
                  <c:v>9.6999999999999993</c:v>
                </c:pt>
                <c:pt idx="890">
                  <c:v>9.9</c:v>
                </c:pt>
                <c:pt idx="891">
                  <c:v>10.5</c:v>
                </c:pt>
                <c:pt idx="892">
                  <c:v>10.5</c:v>
                </c:pt>
                <c:pt idx="893">
                  <c:v>10.4</c:v>
                </c:pt>
                <c:pt idx="894">
                  <c:v>10.4</c:v>
                </c:pt>
                <c:pt idx="895">
                  <c:v>10.4</c:v>
                </c:pt>
                <c:pt idx="896">
                  <c:v>10.4</c:v>
                </c:pt>
                <c:pt idx="897">
                  <c:v>10.9</c:v>
                </c:pt>
                <c:pt idx="898">
                  <c:v>11.5</c:v>
                </c:pt>
                <c:pt idx="899">
                  <c:v>11.5</c:v>
                </c:pt>
                <c:pt idx="900">
                  <c:v>11.8</c:v>
                </c:pt>
                <c:pt idx="901">
                  <c:v>12</c:v>
                </c:pt>
                <c:pt idx="902">
                  <c:v>12.3</c:v>
                </c:pt>
                <c:pt idx="903">
                  <c:v>12.5</c:v>
                </c:pt>
                <c:pt idx="904">
                  <c:v>12.8</c:v>
                </c:pt>
                <c:pt idx="905">
                  <c:v>12.8</c:v>
                </c:pt>
                <c:pt idx="906">
                  <c:v>12.8</c:v>
                </c:pt>
                <c:pt idx="907">
                  <c:v>12.5</c:v>
                </c:pt>
                <c:pt idx="908">
                  <c:v>13.7</c:v>
                </c:pt>
                <c:pt idx="909">
                  <c:v>13.6</c:v>
                </c:pt>
                <c:pt idx="910">
                  <c:v>15.7</c:v>
                </c:pt>
                <c:pt idx="911">
                  <c:v>17.399999999999999</c:v>
                </c:pt>
                <c:pt idx="912">
                  <c:v>17.899999999999999</c:v>
                </c:pt>
                <c:pt idx="913">
                  <c:v>17.7</c:v>
                </c:pt>
                <c:pt idx="914">
                  <c:v>10.5</c:v>
                </c:pt>
                <c:pt idx="915">
                  <c:v>10.199999999999999</c:v>
                </c:pt>
                <c:pt idx="916">
                  <c:v>10.199999999999999</c:v>
                </c:pt>
                <c:pt idx="917">
                  <c:v>10.199999999999999</c:v>
                </c:pt>
                <c:pt idx="918">
                  <c:v>10.7</c:v>
                </c:pt>
                <c:pt idx="919">
                  <c:v>10.7</c:v>
                </c:pt>
                <c:pt idx="920">
                  <c:v>10.5</c:v>
                </c:pt>
                <c:pt idx="921">
                  <c:v>10.4</c:v>
                </c:pt>
                <c:pt idx="922">
                  <c:v>10.4</c:v>
                </c:pt>
                <c:pt idx="923">
                  <c:v>10.4</c:v>
                </c:pt>
                <c:pt idx="924">
                  <c:v>10.4</c:v>
                </c:pt>
                <c:pt idx="925">
                  <c:v>9.9</c:v>
                </c:pt>
                <c:pt idx="926">
                  <c:v>8.6</c:v>
                </c:pt>
                <c:pt idx="927">
                  <c:v>8.3000000000000007</c:v>
                </c:pt>
                <c:pt idx="928">
                  <c:v>8.1</c:v>
                </c:pt>
                <c:pt idx="929">
                  <c:v>8.1</c:v>
                </c:pt>
                <c:pt idx="930">
                  <c:v>8.3000000000000007</c:v>
                </c:pt>
                <c:pt idx="931">
                  <c:v>8.1</c:v>
                </c:pt>
                <c:pt idx="932">
                  <c:v>8.5</c:v>
                </c:pt>
                <c:pt idx="933">
                  <c:v>8.6</c:v>
                </c:pt>
                <c:pt idx="934">
                  <c:v>9.1</c:v>
                </c:pt>
                <c:pt idx="935">
                  <c:v>9.6</c:v>
                </c:pt>
                <c:pt idx="936">
                  <c:v>10.1</c:v>
                </c:pt>
                <c:pt idx="937">
                  <c:v>11.2</c:v>
                </c:pt>
                <c:pt idx="938">
                  <c:v>20.5</c:v>
                </c:pt>
                <c:pt idx="939">
                  <c:v>21.6</c:v>
                </c:pt>
                <c:pt idx="940">
                  <c:v>20.3</c:v>
                </c:pt>
                <c:pt idx="941">
                  <c:v>18.899999999999999</c:v>
                </c:pt>
                <c:pt idx="942">
                  <c:v>17.7</c:v>
                </c:pt>
                <c:pt idx="943">
                  <c:v>16.899999999999999</c:v>
                </c:pt>
                <c:pt idx="944">
                  <c:v>17.100000000000001</c:v>
                </c:pt>
                <c:pt idx="945">
                  <c:v>17.100000000000001</c:v>
                </c:pt>
                <c:pt idx="946">
                  <c:v>17.399999999999999</c:v>
                </c:pt>
                <c:pt idx="947">
                  <c:v>17.7</c:v>
                </c:pt>
                <c:pt idx="948">
                  <c:v>18.100000000000001</c:v>
                </c:pt>
                <c:pt idx="949">
                  <c:v>19.2</c:v>
                </c:pt>
                <c:pt idx="950">
                  <c:v>19.8</c:v>
                </c:pt>
                <c:pt idx="951">
                  <c:v>20.5</c:v>
                </c:pt>
                <c:pt idx="952">
                  <c:v>21.1</c:v>
                </c:pt>
                <c:pt idx="953">
                  <c:v>21.4</c:v>
                </c:pt>
                <c:pt idx="954">
                  <c:v>21.3</c:v>
                </c:pt>
                <c:pt idx="955">
                  <c:v>21.1</c:v>
                </c:pt>
                <c:pt idx="956">
                  <c:v>20.8</c:v>
                </c:pt>
                <c:pt idx="957">
                  <c:v>20.5</c:v>
                </c:pt>
                <c:pt idx="958">
                  <c:v>20</c:v>
                </c:pt>
                <c:pt idx="959">
                  <c:v>18.7</c:v>
                </c:pt>
                <c:pt idx="960">
                  <c:v>17.899999999999999</c:v>
                </c:pt>
                <c:pt idx="961">
                  <c:v>16.100000000000001</c:v>
                </c:pt>
                <c:pt idx="962">
                  <c:v>15.3</c:v>
                </c:pt>
                <c:pt idx="963">
                  <c:v>15.3</c:v>
                </c:pt>
                <c:pt idx="964">
                  <c:v>16</c:v>
                </c:pt>
                <c:pt idx="965">
                  <c:v>16.3</c:v>
                </c:pt>
                <c:pt idx="966">
                  <c:v>17.3</c:v>
                </c:pt>
                <c:pt idx="967">
                  <c:v>17.600000000000001</c:v>
                </c:pt>
                <c:pt idx="968">
                  <c:v>18.2</c:v>
                </c:pt>
                <c:pt idx="969">
                  <c:v>18.7</c:v>
                </c:pt>
                <c:pt idx="970">
                  <c:v>18.899999999999999</c:v>
                </c:pt>
                <c:pt idx="971">
                  <c:v>19.3</c:v>
                </c:pt>
                <c:pt idx="972">
                  <c:v>19.5</c:v>
                </c:pt>
                <c:pt idx="973">
                  <c:v>18.7</c:v>
                </c:pt>
                <c:pt idx="974">
                  <c:v>18.2</c:v>
                </c:pt>
                <c:pt idx="975">
                  <c:v>17.399999999999999</c:v>
                </c:pt>
                <c:pt idx="976">
                  <c:v>16.600000000000001</c:v>
                </c:pt>
                <c:pt idx="977">
                  <c:v>15.8</c:v>
                </c:pt>
                <c:pt idx="978">
                  <c:v>15.8</c:v>
                </c:pt>
                <c:pt idx="979">
                  <c:v>15</c:v>
                </c:pt>
                <c:pt idx="980">
                  <c:v>14.5</c:v>
                </c:pt>
                <c:pt idx="981">
                  <c:v>14.2</c:v>
                </c:pt>
                <c:pt idx="982">
                  <c:v>14.4</c:v>
                </c:pt>
                <c:pt idx="983">
                  <c:v>14.9</c:v>
                </c:pt>
                <c:pt idx="984">
                  <c:v>15.2</c:v>
                </c:pt>
                <c:pt idx="985">
                  <c:v>15.5</c:v>
                </c:pt>
                <c:pt idx="986">
                  <c:v>15.8</c:v>
                </c:pt>
                <c:pt idx="987">
                  <c:v>16.100000000000001</c:v>
                </c:pt>
                <c:pt idx="988">
                  <c:v>16.5</c:v>
                </c:pt>
                <c:pt idx="989">
                  <c:v>16.600000000000001</c:v>
                </c:pt>
                <c:pt idx="990">
                  <c:v>16.899999999999999</c:v>
                </c:pt>
                <c:pt idx="991">
                  <c:v>17.399999999999999</c:v>
                </c:pt>
                <c:pt idx="992">
                  <c:v>17.7</c:v>
                </c:pt>
                <c:pt idx="993">
                  <c:v>18.2</c:v>
                </c:pt>
                <c:pt idx="994">
                  <c:v>18.399999999999999</c:v>
                </c:pt>
                <c:pt idx="995">
                  <c:v>18.5</c:v>
                </c:pt>
                <c:pt idx="996">
                  <c:v>18.5</c:v>
                </c:pt>
                <c:pt idx="997">
                  <c:v>18.399999999999999</c:v>
                </c:pt>
                <c:pt idx="998">
                  <c:v>18.100000000000001</c:v>
                </c:pt>
                <c:pt idx="999">
                  <c:v>17.399999999999999</c:v>
                </c:pt>
                <c:pt idx="1000">
                  <c:v>16.3</c:v>
                </c:pt>
                <c:pt idx="1001">
                  <c:v>16</c:v>
                </c:pt>
                <c:pt idx="1002">
                  <c:v>15</c:v>
                </c:pt>
                <c:pt idx="1003">
                  <c:v>12.8</c:v>
                </c:pt>
                <c:pt idx="1004">
                  <c:v>12.8</c:v>
                </c:pt>
                <c:pt idx="1005">
                  <c:v>12.8</c:v>
                </c:pt>
                <c:pt idx="1006">
                  <c:v>12.6</c:v>
                </c:pt>
                <c:pt idx="1007">
                  <c:v>12.1</c:v>
                </c:pt>
                <c:pt idx="1008">
                  <c:v>10.199999999999999</c:v>
                </c:pt>
                <c:pt idx="1009">
                  <c:v>9.9</c:v>
                </c:pt>
                <c:pt idx="1010">
                  <c:v>10.199999999999999</c:v>
                </c:pt>
                <c:pt idx="1011">
                  <c:v>10.4</c:v>
                </c:pt>
                <c:pt idx="1012">
                  <c:v>10.5</c:v>
                </c:pt>
                <c:pt idx="1013">
                  <c:v>10.7</c:v>
                </c:pt>
                <c:pt idx="1014">
                  <c:v>11</c:v>
                </c:pt>
                <c:pt idx="1015">
                  <c:v>11.2</c:v>
                </c:pt>
                <c:pt idx="1016">
                  <c:v>11.2</c:v>
                </c:pt>
                <c:pt idx="1017">
                  <c:v>11.2</c:v>
                </c:pt>
                <c:pt idx="1018">
                  <c:v>10.9</c:v>
                </c:pt>
                <c:pt idx="1019">
                  <c:v>10.4</c:v>
                </c:pt>
                <c:pt idx="1020">
                  <c:v>10.1</c:v>
                </c:pt>
                <c:pt idx="1021">
                  <c:v>9.1</c:v>
                </c:pt>
                <c:pt idx="1022">
                  <c:v>8.8000000000000007</c:v>
                </c:pt>
                <c:pt idx="1023">
                  <c:v>8.6</c:v>
                </c:pt>
                <c:pt idx="1024">
                  <c:v>7.8</c:v>
                </c:pt>
                <c:pt idx="1025">
                  <c:v>7.2</c:v>
                </c:pt>
                <c:pt idx="1026">
                  <c:v>7.5</c:v>
                </c:pt>
                <c:pt idx="1027">
                  <c:v>7.5</c:v>
                </c:pt>
                <c:pt idx="1028">
                  <c:v>7.7</c:v>
                </c:pt>
                <c:pt idx="1029">
                  <c:v>7.8</c:v>
                </c:pt>
                <c:pt idx="1030">
                  <c:v>8.3000000000000007</c:v>
                </c:pt>
                <c:pt idx="1031">
                  <c:v>8.6</c:v>
                </c:pt>
                <c:pt idx="1032">
                  <c:v>8.9</c:v>
                </c:pt>
                <c:pt idx="1033">
                  <c:v>9.4</c:v>
                </c:pt>
                <c:pt idx="1034">
                  <c:v>9.4</c:v>
                </c:pt>
                <c:pt idx="1035">
                  <c:v>9.6999999999999993</c:v>
                </c:pt>
                <c:pt idx="1036">
                  <c:v>9.9</c:v>
                </c:pt>
                <c:pt idx="1037">
                  <c:v>10.4</c:v>
                </c:pt>
                <c:pt idx="1038">
                  <c:v>10.7</c:v>
                </c:pt>
                <c:pt idx="1039">
                  <c:v>10.9</c:v>
                </c:pt>
                <c:pt idx="1040">
                  <c:v>11.3</c:v>
                </c:pt>
                <c:pt idx="1041">
                  <c:v>11.3</c:v>
                </c:pt>
                <c:pt idx="1042">
                  <c:v>11.2</c:v>
                </c:pt>
                <c:pt idx="1043">
                  <c:v>11</c:v>
                </c:pt>
                <c:pt idx="1044">
                  <c:v>10.9</c:v>
                </c:pt>
                <c:pt idx="1045">
                  <c:v>10.7</c:v>
                </c:pt>
                <c:pt idx="1046">
                  <c:v>10.9</c:v>
                </c:pt>
                <c:pt idx="1047">
                  <c:v>11.8</c:v>
                </c:pt>
                <c:pt idx="1048">
                  <c:v>11.3</c:v>
                </c:pt>
                <c:pt idx="1049">
                  <c:v>11.3</c:v>
                </c:pt>
                <c:pt idx="1050">
                  <c:v>11.2</c:v>
                </c:pt>
                <c:pt idx="1051">
                  <c:v>11.2</c:v>
                </c:pt>
                <c:pt idx="1052">
                  <c:v>12.3</c:v>
                </c:pt>
                <c:pt idx="1053">
                  <c:v>12.1</c:v>
                </c:pt>
                <c:pt idx="1054">
                  <c:v>12.1</c:v>
                </c:pt>
                <c:pt idx="1055">
                  <c:v>12.5</c:v>
                </c:pt>
                <c:pt idx="1056">
                  <c:v>14.4</c:v>
                </c:pt>
                <c:pt idx="1057">
                  <c:v>16</c:v>
                </c:pt>
                <c:pt idx="1058">
                  <c:v>16</c:v>
                </c:pt>
                <c:pt idx="1059">
                  <c:v>16.899999999999999</c:v>
                </c:pt>
                <c:pt idx="1060">
                  <c:v>17.3</c:v>
                </c:pt>
                <c:pt idx="1061">
                  <c:v>17.899999999999999</c:v>
                </c:pt>
                <c:pt idx="1062">
                  <c:v>18.5</c:v>
                </c:pt>
                <c:pt idx="1063">
                  <c:v>18.399999999999999</c:v>
                </c:pt>
                <c:pt idx="1064">
                  <c:v>17.899999999999999</c:v>
                </c:pt>
                <c:pt idx="1065">
                  <c:v>16.899999999999999</c:v>
                </c:pt>
                <c:pt idx="1066">
                  <c:v>15.8</c:v>
                </c:pt>
                <c:pt idx="1067">
                  <c:v>14.9</c:v>
                </c:pt>
                <c:pt idx="1068">
                  <c:v>14.1</c:v>
                </c:pt>
                <c:pt idx="1069">
                  <c:v>13.4</c:v>
                </c:pt>
                <c:pt idx="1070">
                  <c:v>13.4</c:v>
                </c:pt>
                <c:pt idx="1071">
                  <c:v>13.6</c:v>
                </c:pt>
                <c:pt idx="1072">
                  <c:v>13.9</c:v>
                </c:pt>
                <c:pt idx="1073">
                  <c:v>14.1</c:v>
                </c:pt>
                <c:pt idx="1074">
                  <c:v>14.2</c:v>
                </c:pt>
                <c:pt idx="1075">
                  <c:v>14.7</c:v>
                </c:pt>
                <c:pt idx="1076">
                  <c:v>15.2</c:v>
                </c:pt>
                <c:pt idx="1077">
                  <c:v>15.7</c:v>
                </c:pt>
                <c:pt idx="1078">
                  <c:v>16.3</c:v>
                </c:pt>
                <c:pt idx="1079">
                  <c:v>16.899999999999999</c:v>
                </c:pt>
                <c:pt idx="1080">
                  <c:v>17.399999999999999</c:v>
                </c:pt>
                <c:pt idx="1081">
                  <c:v>18.100000000000001</c:v>
                </c:pt>
                <c:pt idx="1082">
                  <c:v>18.5</c:v>
                </c:pt>
                <c:pt idx="1083">
                  <c:v>18.7</c:v>
                </c:pt>
                <c:pt idx="1084">
                  <c:v>18.7</c:v>
                </c:pt>
                <c:pt idx="1085">
                  <c:v>18.399999999999999</c:v>
                </c:pt>
                <c:pt idx="1086">
                  <c:v>18.100000000000001</c:v>
                </c:pt>
                <c:pt idx="1087">
                  <c:v>17.3</c:v>
                </c:pt>
                <c:pt idx="1088">
                  <c:v>16.100000000000001</c:v>
                </c:pt>
                <c:pt idx="1089">
                  <c:v>15.2</c:v>
                </c:pt>
                <c:pt idx="1090">
                  <c:v>14.4</c:v>
                </c:pt>
                <c:pt idx="1091">
                  <c:v>13.4</c:v>
                </c:pt>
                <c:pt idx="1092">
                  <c:v>13.1</c:v>
                </c:pt>
                <c:pt idx="1093">
                  <c:v>12.3</c:v>
                </c:pt>
                <c:pt idx="1094">
                  <c:v>12.3</c:v>
                </c:pt>
                <c:pt idx="1095">
                  <c:v>12.6</c:v>
                </c:pt>
                <c:pt idx="1096">
                  <c:v>12.9</c:v>
                </c:pt>
                <c:pt idx="1097">
                  <c:v>13.1</c:v>
                </c:pt>
                <c:pt idx="1098">
                  <c:v>13.7</c:v>
                </c:pt>
                <c:pt idx="1099">
                  <c:v>13.9</c:v>
                </c:pt>
                <c:pt idx="1100">
                  <c:v>14.4</c:v>
                </c:pt>
                <c:pt idx="1101">
                  <c:v>14.7</c:v>
                </c:pt>
                <c:pt idx="1102">
                  <c:v>15.2</c:v>
                </c:pt>
                <c:pt idx="1103">
                  <c:v>15.7</c:v>
                </c:pt>
                <c:pt idx="1104">
                  <c:v>16</c:v>
                </c:pt>
                <c:pt idx="1105">
                  <c:v>16.5</c:v>
                </c:pt>
                <c:pt idx="1106">
                  <c:v>17.3</c:v>
                </c:pt>
                <c:pt idx="1107">
                  <c:v>17.899999999999999</c:v>
                </c:pt>
                <c:pt idx="1108">
                  <c:v>18.2</c:v>
                </c:pt>
                <c:pt idx="1109">
                  <c:v>17.899999999999999</c:v>
                </c:pt>
                <c:pt idx="1110">
                  <c:v>17.3</c:v>
                </c:pt>
                <c:pt idx="1111">
                  <c:v>16.5</c:v>
                </c:pt>
                <c:pt idx="1112">
                  <c:v>15.2</c:v>
                </c:pt>
                <c:pt idx="1113">
                  <c:v>14.2</c:v>
                </c:pt>
                <c:pt idx="1114">
                  <c:v>12.6</c:v>
                </c:pt>
                <c:pt idx="1115">
                  <c:v>12.1</c:v>
                </c:pt>
                <c:pt idx="1116">
                  <c:v>12</c:v>
                </c:pt>
                <c:pt idx="1117">
                  <c:v>11</c:v>
                </c:pt>
                <c:pt idx="1118">
                  <c:v>11.2</c:v>
                </c:pt>
                <c:pt idx="1119">
                  <c:v>11.5</c:v>
                </c:pt>
                <c:pt idx="1120">
                  <c:v>11.8</c:v>
                </c:pt>
                <c:pt idx="1121">
                  <c:v>12.1</c:v>
                </c:pt>
                <c:pt idx="1122">
                  <c:v>12.8</c:v>
                </c:pt>
                <c:pt idx="1123">
                  <c:v>13.6</c:v>
                </c:pt>
                <c:pt idx="1124">
                  <c:v>13.9</c:v>
                </c:pt>
                <c:pt idx="1125">
                  <c:v>14.4</c:v>
                </c:pt>
                <c:pt idx="1126">
                  <c:v>14.9</c:v>
                </c:pt>
                <c:pt idx="1127">
                  <c:v>15.2</c:v>
                </c:pt>
                <c:pt idx="1128">
                  <c:v>15.7</c:v>
                </c:pt>
                <c:pt idx="1129">
                  <c:v>16</c:v>
                </c:pt>
                <c:pt idx="1130">
                  <c:v>16</c:v>
                </c:pt>
              </c:numCache>
            </c:numRef>
          </c:yVal>
          <c:smooth val="0"/>
          <c:extLst>
            <c:ext xmlns:c16="http://schemas.microsoft.com/office/drawing/2014/chart" uri="{C3380CC4-5D6E-409C-BE32-E72D297353CC}">
              <c16:uniqueId val="{00000000-A97B-4A5D-A22D-F275A00FA2D2}"/>
            </c:ext>
          </c:extLst>
        </c:ser>
        <c:ser>
          <c:idx val="1"/>
          <c:order val="1"/>
          <c:tx>
            <c:strRef>
              <c:f>グラフ!$I$2</c:f>
              <c:strCache>
                <c:ptCount val="1"/>
                <c:pt idx="0">
                  <c:v>変位/10mm</c:v>
                </c:pt>
              </c:strCache>
            </c:strRef>
          </c:tx>
          <c:marker>
            <c:symbol val="none"/>
          </c:marker>
          <c:trendline>
            <c:trendlineType val="linear"/>
            <c:dispRSqr val="0"/>
            <c:dispEq val="1"/>
            <c:trendlineLbl>
              <c:layout>
                <c:manualLayout>
                  <c:x val="-4.6247769028871392E-2"/>
                  <c:y val="-0.1267543110365642"/>
                </c:manualLayout>
              </c:layout>
              <c:numFmt formatCode="General" sourceLinked="0"/>
            </c:trendlineLbl>
          </c:trendline>
          <c:xVal>
            <c:numRef>
              <c:f>グラフ!$G$6:$G$1136</c:f>
              <c:numCache>
                <c:formatCode>yyyy/m/d\ h:mm;@</c:formatCode>
                <c:ptCount val="1131"/>
                <c:pt idx="0">
                  <c:v>43238.33011574074</c:v>
                </c:pt>
                <c:pt idx="1">
                  <c:v>43238.288518518515</c:v>
                </c:pt>
                <c:pt idx="2">
                  <c:v>43238.246886574074</c:v>
                </c:pt>
                <c:pt idx="3">
                  <c:v>43238.205370370371</c:v>
                </c:pt>
                <c:pt idx="4">
                  <c:v>43238.163819444446</c:v>
                </c:pt>
                <c:pt idx="5">
                  <c:v>43238.122233796297</c:v>
                </c:pt>
                <c:pt idx="6">
                  <c:v>43238.080578703702</c:v>
                </c:pt>
                <c:pt idx="7">
                  <c:v>43238.038993055554</c:v>
                </c:pt>
                <c:pt idx="8">
                  <c:v>43237.997349537036</c:v>
                </c:pt>
                <c:pt idx="9">
                  <c:v>43237.955775462964</c:v>
                </c:pt>
                <c:pt idx="10">
                  <c:v>43237.914155092592</c:v>
                </c:pt>
                <c:pt idx="11">
                  <c:v>43237.872557870367</c:v>
                </c:pt>
                <c:pt idx="12">
                  <c:v>43237.830960648149</c:v>
                </c:pt>
                <c:pt idx="13">
                  <c:v>43237.789340277777</c:v>
                </c:pt>
                <c:pt idx="14">
                  <c:v>43237.747696759259</c:v>
                </c:pt>
                <c:pt idx="15">
                  <c:v>43237.706064814818</c:v>
                </c:pt>
                <c:pt idx="16">
                  <c:v>43237.664490740739</c:v>
                </c:pt>
                <c:pt idx="17">
                  <c:v>43237.622928240744</c:v>
                </c:pt>
                <c:pt idx="18">
                  <c:v>43237.581296296295</c:v>
                </c:pt>
                <c:pt idx="19">
                  <c:v>43237.539699074077</c:v>
                </c:pt>
                <c:pt idx="20">
                  <c:v>43237.456469907411</c:v>
                </c:pt>
                <c:pt idx="21">
                  <c:v>43237.414930555555</c:v>
                </c:pt>
                <c:pt idx="22">
                  <c:v>43237.37332175926</c:v>
                </c:pt>
                <c:pt idx="23">
                  <c:v>43237.331712962965</c:v>
                </c:pt>
                <c:pt idx="24">
                  <c:v>43237.290127314816</c:v>
                </c:pt>
                <c:pt idx="25">
                  <c:v>43237.24858796296</c:v>
                </c:pt>
                <c:pt idx="26">
                  <c:v>43237.206956018519</c:v>
                </c:pt>
                <c:pt idx="27">
                  <c:v>43237.165405092594</c:v>
                </c:pt>
                <c:pt idx="28">
                  <c:v>43237.123807870368</c:v>
                </c:pt>
                <c:pt idx="29">
                  <c:v>43237.08221064815</c:v>
                </c:pt>
                <c:pt idx="30">
                  <c:v>43237.040636574071</c:v>
                </c:pt>
                <c:pt idx="31">
                  <c:v>43236.99900462963</c:v>
                </c:pt>
                <c:pt idx="32">
                  <c:v>43236.957395833335</c:v>
                </c:pt>
                <c:pt idx="33">
                  <c:v>43236.915844907409</c:v>
                </c:pt>
                <c:pt idx="34">
                  <c:v>43236.874212962961</c:v>
                </c:pt>
                <c:pt idx="35">
                  <c:v>43236.832731481481</c:v>
                </c:pt>
                <c:pt idx="36">
                  <c:v>43236.791168981479</c:v>
                </c:pt>
                <c:pt idx="37">
                  <c:v>43236.74962962963</c:v>
                </c:pt>
                <c:pt idx="38">
                  <c:v>43236.708009259259</c:v>
                </c:pt>
                <c:pt idx="39">
                  <c:v>43236.666435185187</c:v>
                </c:pt>
                <c:pt idx="40">
                  <c:v>43236.6249537037</c:v>
                </c:pt>
                <c:pt idx="41">
                  <c:v>43236.583368055559</c:v>
                </c:pt>
                <c:pt idx="42">
                  <c:v>43236.541828703703</c:v>
                </c:pt>
                <c:pt idx="43">
                  <c:v>43236.500277777777</c:v>
                </c:pt>
                <c:pt idx="44">
                  <c:v>43236.458622685182</c:v>
                </c:pt>
                <c:pt idx="45">
                  <c:v>43236.417013888888</c:v>
                </c:pt>
                <c:pt idx="46">
                  <c:v>43236.375393518516</c:v>
                </c:pt>
                <c:pt idx="47">
                  <c:v>43236.333854166667</c:v>
                </c:pt>
                <c:pt idx="48">
                  <c:v>43236.292245370372</c:v>
                </c:pt>
                <c:pt idx="49">
                  <c:v>43236.250671296293</c:v>
                </c:pt>
                <c:pt idx="50">
                  <c:v>43236.209074074075</c:v>
                </c:pt>
                <c:pt idx="51">
                  <c:v>43236.167430555557</c:v>
                </c:pt>
                <c:pt idx="52">
                  <c:v>43236.125833333332</c:v>
                </c:pt>
                <c:pt idx="53">
                  <c:v>43236.08425925926</c:v>
                </c:pt>
                <c:pt idx="54">
                  <c:v>43236.042615740742</c:v>
                </c:pt>
                <c:pt idx="55">
                  <c:v>43236.00105324074</c:v>
                </c:pt>
                <c:pt idx="56">
                  <c:v>43235.959490740737</c:v>
                </c:pt>
                <c:pt idx="57">
                  <c:v>43235.917986111112</c:v>
                </c:pt>
                <c:pt idx="58">
                  <c:v>43235.876388888886</c:v>
                </c:pt>
                <c:pt idx="59">
                  <c:v>43235.834803240738</c:v>
                </c:pt>
                <c:pt idx="60">
                  <c:v>43235.793229166666</c:v>
                </c:pt>
                <c:pt idx="61">
                  <c:v>43235.751631944448</c:v>
                </c:pt>
                <c:pt idx="62">
                  <c:v>43235.710011574076</c:v>
                </c:pt>
                <c:pt idx="63">
                  <c:v>43235.668402777781</c:v>
                </c:pt>
                <c:pt idx="64">
                  <c:v>43235.626759259256</c:v>
                </c:pt>
                <c:pt idx="65">
                  <c:v>43235.585173611114</c:v>
                </c:pt>
                <c:pt idx="66">
                  <c:v>43235.543506944443</c:v>
                </c:pt>
                <c:pt idx="67">
                  <c:v>43235.501886574071</c:v>
                </c:pt>
                <c:pt idx="68">
                  <c:v>43235.460347222222</c:v>
                </c:pt>
                <c:pt idx="69">
                  <c:v>43235.418773148151</c:v>
                </c:pt>
                <c:pt idx="70">
                  <c:v>43235.377141203702</c:v>
                </c:pt>
                <c:pt idx="71">
                  <c:v>43235.335497685184</c:v>
                </c:pt>
                <c:pt idx="72">
                  <c:v>43235.293877314813</c:v>
                </c:pt>
                <c:pt idx="73">
                  <c:v>43235.252256944441</c:v>
                </c:pt>
                <c:pt idx="74">
                  <c:v>43235.210636574076</c:v>
                </c:pt>
                <c:pt idx="75">
                  <c:v>43235.168993055559</c:v>
                </c:pt>
                <c:pt idx="76">
                  <c:v>43235.12736111111</c:v>
                </c:pt>
                <c:pt idx="77">
                  <c:v>43235.085729166669</c:v>
                </c:pt>
                <c:pt idx="78">
                  <c:v>43235.04414351852</c:v>
                </c:pt>
                <c:pt idx="79">
                  <c:v>43235.002511574072</c:v>
                </c:pt>
                <c:pt idx="80">
                  <c:v>43234.9608912037</c:v>
                </c:pt>
                <c:pt idx="81">
                  <c:v>43234.919259259259</c:v>
                </c:pt>
                <c:pt idx="82">
                  <c:v>43234.877638888887</c:v>
                </c:pt>
                <c:pt idx="83">
                  <c:v>43234.836006944446</c:v>
                </c:pt>
                <c:pt idx="84">
                  <c:v>43234.794363425928</c:v>
                </c:pt>
                <c:pt idx="85">
                  <c:v>43234.752812500003</c:v>
                </c:pt>
                <c:pt idx="86">
                  <c:v>43234.711192129631</c:v>
                </c:pt>
                <c:pt idx="87">
                  <c:v>43234.669641203705</c:v>
                </c:pt>
                <c:pt idx="88">
                  <c:v>43234.627997685187</c:v>
                </c:pt>
                <c:pt idx="89">
                  <c:v>43234.586458333331</c:v>
                </c:pt>
                <c:pt idx="90">
                  <c:v>43234.544895833336</c:v>
                </c:pt>
                <c:pt idx="91">
                  <c:v>43234.503263888888</c:v>
                </c:pt>
                <c:pt idx="92">
                  <c:v>43234.461643518516</c:v>
                </c:pt>
                <c:pt idx="93">
                  <c:v>43234.420023148145</c:v>
                </c:pt>
                <c:pt idx="94">
                  <c:v>43234.378379629627</c:v>
                </c:pt>
                <c:pt idx="95">
                  <c:v>43234.336736111109</c:v>
                </c:pt>
                <c:pt idx="96">
                  <c:v>43234.295092592591</c:v>
                </c:pt>
                <c:pt idx="97">
                  <c:v>43234.253472222219</c:v>
                </c:pt>
                <c:pt idx="98">
                  <c:v>43234.211840277778</c:v>
                </c:pt>
                <c:pt idx="99">
                  <c:v>43234.170231481483</c:v>
                </c:pt>
                <c:pt idx="100">
                  <c:v>43234.128599537034</c:v>
                </c:pt>
                <c:pt idx="101">
                  <c:v>43234.08699074074</c:v>
                </c:pt>
                <c:pt idx="102">
                  <c:v>43234.045358796298</c:v>
                </c:pt>
                <c:pt idx="103">
                  <c:v>43234.003750000003</c:v>
                </c:pt>
                <c:pt idx="104">
                  <c:v>43233.962141203701</c:v>
                </c:pt>
                <c:pt idx="105">
                  <c:v>43233.920532407406</c:v>
                </c:pt>
                <c:pt idx="106">
                  <c:v>43233.878900462965</c:v>
                </c:pt>
                <c:pt idx="107">
                  <c:v>43233.837268518517</c:v>
                </c:pt>
                <c:pt idx="108">
                  <c:v>43233.795636574076</c:v>
                </c:pt>
                <c:pt idx="109">
                  <c:v>43233.754004629627</c:v>
                </c:pt>
                <c:pt idx="110">
                  <c:v>43233.712395833332</c:v>
                </c:pt>
                <c:pt idx="111">
                  <c:v>43233.670798611114</c:v>
                </c:pt>
                <c:pt idx="112">
                  <c:v>43233.629166666666</c:v>
                </c:pt>
                <c:pt idx="113">
                  <c:v>43233.587534722225</c:v>
                </c:pt>
                <c:pt idx="114">
                  <c:v>43233.545937499999</c:v>
                </c:pt>
                <c:pt idx="115">
                  <c:v>43233.504282407404</c:v>
                </c:pt>
                <c:pt idx="116">
                  <c:v>43233.462638888886</c:v>
                </c:pt>
                <c:pt idx="117">
                  <c:v>43233.421087962961</c:v>
                </c:pt>
                <c:pt idx="118">
                  <c:v>43233.379502314812</c:v>
                </c:pt>
                <c:pt idx="119">
                  <c:v>43233.337847222225</c:v>
                </c:pt>
                <c:pt idx="120">
                  <c:v>43233.29619212963</c:v>
                </c:pt>
                <c:pt idx="121">
                  <c:v>43233.254664351851</c:v>
                </c:pt>
                <c:pt idx="122">
                  <c:v>43233.213078703702</c:v>
                </c:pt>
                <c:pt idx="123">
                  <c:v>43233.171458333331</c:v>
                </c:pt>
                <c:pt idx="124">
                  <c:v>43233.129814814813</c:v>
                </c:pt>
                <c:pt idx="125">
                  <c:v>43233.088263888887</c:v>
                </c:pt>
                <c:pt idx="126">
                  <c:v>43233.046840277777</c:v>
                </c:pt>
                <c:pt idx="127">
                  <c:v>43233.005219907405</c:v>
                </c:pt>
                <c:pt idx="128">
                  <c:v>43232.96361111111</c:v>
                </c:pt>
                <c:pt idx="129">
                  <c:v>43232.921990740739</c:v>
                </c:pt>
                <c:pt idx="130">
                  <c:v>43232.880335648151</c:v>
                </c:pt>
                <c:pt idx="131">
                  <c:v>43232.838854166665</c:v>
                </c:pt>
                <c:pt idx="132">
                  <c:v>43232.797222222223</c:v>
                </c:pt>
                <c:pt idx="133">
                  <c:v>43232.755659722221</c:v>
                </c:pt>
                <c:pt idx="134">
                  <c:v>43232.714050925926</c:v>
                </c:pt>
                <c:pt idx="135">
                  <c:v>43232.672418981485</c:v>
                </c:pt>
                <c:pt idx="136">
                  <c:v>43232.630798611113</c:v>
                </c:pt>
                <c:pt idx="137">
                  <c:v>43232.589155092595</c:v>
                </c:pt>
                <c:pt idx="138">
                  <c:v>43232.547523148147</c:v>
                </c:pt>
                <c:pt idx="139">
                  <c:v>43232.505949074075</c:v>
                </c:pt>
                <c:pt idx="140">
                  <c:v>43232.464363425926</c:v>
                </c:pt>
                <c:pt idx="141">
                  <c:v>43232.422881944447</c:v>
                </c:pt>
                <c:pt idx="142">
                  <c:v>43232.381284722222</c:v>
                </c:pt>
                <c:pt idx="143">
                  <c:v>43232.339756944442</c:v>
                </c:pt>
                <c:pt idx="144">
                  <c:v>43232.29824074074</c:v>
                </c:pt>
                <c:pt idx="145">
                  <c:v>43232.256678240738</c:v>
                </c:pt>
                <c:pt idx="146">
                  <c:v>43232.215057870373</c:v>
                </c:pt>
                <c:pt idx="147">
                  <c:v>43232.173483796294</c:v>
                </c:pt>
                <c:pt idx="148">
                  <c:v>43232.131886574076</c:v>
                </c:pt>
                <c:pt idx="149">
                  <c:v>43232.09034722222</c:v>
                </c:pt>
                <c:pt idx="150">
                  <c:v>43232.048738425925</c:v>
                </c:pt>
                <c:pt idx="151">
                  <c:v>43232.007164351853</c:v>
                </c:pt>
                <c:pt idx="152">
                  <c:v>43231.965567129628</c:v>
                </c:pt>
                <c:pt idx="153">
                  <c:v>43231.924062500002</c:v>
                </c:pt>
                <c:pt idx="154">
                  <c:v>43231.882430555554</c:v>
                </c:pt>
                <c:pt idx="155">
                  <c:v>43231.840787037036</c:v>
                </c:pt>
                <c:pt idx="156">
                  <c:v>43231.799143518518</c:v>
                </c:pt>
                <c:pt idx="157">
                  <c:v>43231.757557870369</c:v>
                </c:pt>
                <c:pt idx="158">
                  <c:v>43231.715925925928</c:v>
                </c:pt>
                <c:pt idx="159">
                  <c:v>43231.674328703702</c:v>
                </c:pt>
                <c:pt idx="160">
                  <c:v>43231.632870370369</c:v>
                </c:pt>
                <c:pt idx="161">
                  <c:v>43231.591226851851</c:v>
                </c:pt>
                <c:pt idx="162">
                  <c:v>43231.549629629626</c:v>
                </c:pt>
                <c:pt idx="163">
                  <c:v>43231.508113425924</c:v>
                </c:pt>
                <c:pt idx="164">
                  <c:v>43231.466469907406</c:v>
                </c:pt>
                <c:pt idx="165">
                  <c:v>43231.424861111111</c:v>
                </c:pt>
                <c:pt idx="166">
                  <c:v>43231.383229166669</c:v>
                </c:pt>
                <c:pt idx="167">
                  <c:v>43231.341631944444</c:v>
                </c:pt>
                <c:pt idx="168">
                  <c:v>43231.3</c:v>
                </c:pt>
                <c:pt idx="169">
                  <c:v>43231.258402777778</c:v>
                </c:pt>
                <c:pt idx="170">
                  <c:v>43231.216793981483</c:v>
                </c:pt>
                <c:pt idx="171">
                  <c:v>43231.175185185188</c:v>
                </c:pt>
                <c:pt idx="172">
                  <c:v>43231.13354166667</c:v>
                </c:pt>
                <c:pt idx="173">
                  <c:v>43231.091921296298</c:v>
                </c:pt>
                <c:pt idx="174">
                  <c:v>43231.050312500003</c:v>
                </c:pt>
                <c:pt idx="175">
                  <c:v>43231.008657407408</c:v>
                </c:pt>
                <c:pt idx="176">
                  <c:v>43230.96702546296</c:v>
                </c:pt>
                <c:pt idx="177">
                  <c:v>43230.925393518519</c:v>
                </c:pt>
                <c:pt idx="178">
                  <c:v>43230.883750000001</c:v>
                </c:pt>
                <c:pt idx="179">
                  <c:v>43230.842141203706</c:v>
                </c:pt>
                <c:pt idx="180">
                  <c:v>43230.800509259258</c:v>
                </c:pt>
                <c:pt idx="181">
                  <c:v>43230.758912037039</c:v>
                </c:pt>
                <c:pt idx="182">
                  <c:v>43230.717280092591</c:v>
                </c:pt>
                <c:pt idx="183">
                  <c:v>43230.675671296296</c:v>
                </c:pt>
                <c:pt idx="184">
                  <c:v>43230.634074074071</c:v>
                </c:pt>
                <c:pt idx="185">
                  <c:v>43230.592453703706</c:v>
                </c:pt>
                <c:pt idx="186">
                  <c:v>43230.550856481481</c:v>
                </c:pt>
                <c:pt idx="187">
                  <c:v>43230.509212962963</c:v>
                </c:pt>
                <c:pt idx="188">
                  <c:v>43230.467581018522</c:v>
                </c:pt>
                <c:pt idx="189">
                  <c:v>43230.425983796296</c:v>
                </c:pt>
                <c:pt idx="190">
                  <c:v>43230.384351851855</c:v>
                </c:pt>
                <c:pt idx="191">
                  <c:v>43230.342719907407</c:v>
                </c:pt>
                <c:pt idx="192">
                  <c:v>43230.301076388889</c:v>
                </c:pt>
                <c:pt idx="193">
                  <c:v>43230.259456018517</c:v>
                </c:pt>
                <c:pt idx="194">
                  <c:v>43230.217824074076</c:v>
                </c:pt>
                <c:pt idx="195">
                  <c:v>43230.176215277781</c:v>
                </c:pt>
                <c:pt idx="196">
                  <c:v>43230.134606481479</c:v>
                </c:pt>
                <c:pt idx="197">
                  <c:v>43230.093009259261</c:v>
                </c:pt>
                <c:pt idx="198">
                  <c:v>43230.051412037035</c:v>
                </c:pt>
                <c:pt idx="199">
                  <c:v>43230.009768518517</c:v>
                </c:pt>
                <c:pt idx="200">
                  <c:v>43229.968148148146</c:v>
                </c:pt>
                <c:pt idx="201">
                  <c:v>43229.926516203705</c:v>
                </c:pt>
                <c:pt idx="202">
                  <c:v>43229.884930555556</c:v>
                </c:pt>
                <c:pt idx="203">
                  <c:v>43229.843275462961</c:v>
                </c:pt>
                <c:pt idx="204">
                  <c:v>43229.80164351852</c:v>
                </c:pt>
                <c:pt idx="205">
                  <c:v>43229.760023148148</c:v>
                </c:pt>
                <c:pt idx="206">
                  <c:v>43229.71837962963</c:v>
                </c:pt>
                <c:pt idx="207">
                  <c:v>43229.676747685182</c:v>
                </c:pt>
                <c:pt idx="208">
                  <c:v>43229.635092592594</c:v>
                </c:pt>
                <c:pt idx="209">
                  <c:v>43229.593495370369</c:v>
                </c:pt>
                <c:pt idx="210">
                  <c:v>43229.551851851851</c:v>
                </c:pt>
                <c:pt idx="211">
                  <c:v>43229.510277777779</c:v>
                </c:pt>
                <c:pt idx="212">
                  <c:v>43229.468819444446</c:v>
                </c:pt>
                <c:pt idx="213">
                  <c:v>43229.468657407408</c:v>
                </c:pt>
                <c:pt idx="214">
                  <c:v>43229.42701388889</c:v>
                </c:pt>
                <c:pt idx="215">
                  <c:v>43229.385381944441</c:v>
                </c:pt>
                <c:pt idx="216">
                  <c:v>43229.343761574077</c:v>
                </c:pt>
                <c:pt idx="217">
                  <c:v>43229.302118055559</c:v>
                </c:pt>
                <c:pt idx="218">
                  <c:v>43229.260497685187</c:v>
                </c:pt>
                <c:pt idx="219">
                  <c:v>43229.218865740739</c:v>
                </c:pt>
                <c:pt idx="220">
                  <c:v>43229.177222222221</c:v>
                </c:pt>
                <c:pt idx="221">
                  <c:v>43229.135636574072</c:v>
                </c:pt>
                <c:pt idx="222">
                  <c:v>43229.0940162037</c:v>
                </c:pt>
                <c:pt idx="223">
                  <c:v>43229.052418981482</c:v>
                </c:pt>
                <c:pt idx="224">
                  <c:v>43229.010798611111</c:v>
                </c:pt>
                <c:pt idx="225">
                  <c:v>43228.969178240739</c:v>
                </c:pt>
                <c:pt idx="226">
                  <c:v>43228.927569444444</c:v>
                </c:pt>
                <c:pt idx="227">
                  <c:v>43228.885937500003</c:v>
                </c:pt>
                <c:pt idx="228">
                  <c:v>43228.844293981485</c:v>
                </c:pt>
                <c:pt idx="229">
                  <c:v>43228.802662037036</c:v>
                </c:pt>
                <c:pt idx="230">
                  <c:v>43228.761030092595</c:v>
                </c:pt>
                <c:pt idx="231">
                  <c:v>43228.719421296293</c:v>
                </c:pt>
                <c:pt idx="232">
                  <c:v>43228.677824074075</c:v>
                </c:pt>
                <c:pt idx="233">
                  <c:v>43228.636203703703</c:v>
                </c:pt>
                <c:pt idx="234">
                  <c:v>43228.594571759262</c:v>
                </c:pt>
                <c:pt idx="235">
                  <c:v>43228.552928240744</c:v>
                </c:pt>
                <c:pt idx="236">
                  <c:v>43228.511296296296</c:v>
                </c:pt>
                <c:pt idx="237">
                  <c:v>43228.469687500001</c:v>
                </c:pt>
                <c:pt idx="238">
                  <c:v>43228.428067129629</c:v>
                </c:pt>
                <c:pt idx="239">
                  <c:v>43228.386481481481</c:v>
                </c:pt>
                <c:pt idx="240">
                  <c:v>43228.344837962963</c:v>
                </c:pt>
                <c:pt idx="241">
                  <c:v>43228.303194444445</c:v>
                </c:pt>
                <c:pt idx="242">
                  <c:v>43228.261574074073</c:v>
                </c:pt>
                <c:pt idx="243">
                  <c:v>43228.219942129632</c:v>
                </c:pt>
                <c:pt idx="244">
                  <c:v>43228.17832175926</c:v>
                </c:pt>
                <c:pt idx="245">
                  <c:v>43228.136712962965</c:v>
                </c:pt>
                <c:pt idx="246">
                  <c:v>43228.095081018517</c:v>
                </c:pt>
                <c:pt idx="247">
                  <c:v>43228.053437499999</c:v>
                </c:pt>
                <c:pt idx="248">
                  <c:v>43228.011805555558</c:v>
                </c:pt>
                <c:pt idx="249">
                  <c:v>43227.970208333332</c:v>
                </c:pt>
                <c:pt idx="250">
                  <c:v>43227.928564814814</c:v>
                </c:pt>
                <c:pt idx="251">
                  <c:v>43227.886944444443</c:v>
                </c:pt>
                <c:pt idx="252">
                  <c:v>43227.845312500001</c:v>
                </c:pt>
                <c:pt idx="253">
                  <c:v>43227.80369212963</c:v>
                </c:pt>
                <c:pt idx="254">
                  <c:v>43227.762083333335</c:v>
                </c:pt>
                <c:pt idx="255">
                  <c:v>43227.720462962963</c:v>
                </c:pt>
                <c:pt idx="256">
                  <c:v>43227.678831018522</c:v>
                </c:pt>
                <c:pt idx="257">
                  <c:v>43227.63721064815</c:v>
                </c:pt>
                <c:pt idx="258">
                  <c:v>43227.595590277779</c:v>
                </c:pt>
                <c:pt idx="259">
                  <c:v>43227.553935185184</c:v>
                </c:pt>
                <c:pt idx="260">
                  <c:v>43227.512337962966</c:v>
                </c:pt>
                <c:pt idx="261">
                  <c:v>43227.470717592594</c:v>
                </c:pt>
                <c:pt idx="262">
                  <c:v>43227.429085648146</c:v>
                </c:pt>
                <c:pt idx="263">
                  <c:v>43227.387465277781</c:v>
                </c:pt>
                <c:pt idx="264">
                  <c:v>43227.345868055556</c:v>
                </c:pt>
                <c:pt idx="265">
                  <c:v>43227.304328703707</c:v>
                </c:pt>
                <c:pt idx="266">
                  <c:v>43227.262696759259</c:v>
                </c:pt>
                <c:pt idx="267">
                  <c:v>43227.221064814818</c:v>
                </c:pt>
                <c:pt idx="268">
                  <c:v>43227.179467592592</c:v>
                </c:pt>
                <c:pt idx="269">
                  <c:v>43227.137870370374</c:v>
                </c:pt>
                <c:pt idx="270">
                  <c:v>43227.096261574072</c:v>
                </c:pt>
                <c:pt idx="271">
                  <c:v>43227.054710648146</c:v>
                </c:pt>
                <c:pt idx="272">
                  <c:v>43227.013206018521</c:v>
                </c:pt>
                <c:pt idx="273">
                  <c:v>43226.971689814818</c:v>
                </c:pt>
                <c:pt idx="274">
                  <c:v>43226.930104166669</c:v>
                </c:pt>
                <c:pt idx="275">
                  <c:v>43226.888599537036</c:v>
                </c:pt>
                <c:pt idx="276">
                  <c:v>43226.847025462965</c:v>
                </c:pt>
                <c:pt idx="277">
                  <c:v>43226.805428240739</c:v>
                </c:pt>
                <c:pt idx="278">
                  <c:v>43226.763807870368</c:v>
                </c:pt>
                <c:pt idx="279">
                  <c:v>43226.72216435185</c:v>
                </c:pt>
                <c:pt idx="280">
                  <c:v>43226.680532407408</c:v>
                </c:pt>
                <c:pt idx="281">
                  <c:v>43226.638935185183</c:v>
                </c:pt>
                <c:pt idx="282">
                  <c:v>43226.597314814811</c:v>
                </c:pt>
                <c:pt idx="283">
                  <c:v>43226.55568287037</c:v>
                </c:pt>
                <c:pt idx="284">
                  <c:v>43226.514166666668</c:v>
                </c:pt>
                <c:pt idx="285">
                  <c:v>43226.472638888888</c:v>
                </c:pt>
                <c:pt idx="286">
                  <c:v>43226.431041666663</c:v>
                </c:pt>
                <c:pt idx="287">
                  <c:v>43226.389398148145</c:v>
                </c:pt>
                <c:pt idx="288">
                  <c:v>43226.34778935185</c:v>
                </c:pt>
                <c:pt idx="289">
                  <c:v>43226.306180555555</c:v>
                </c:pt>
                <c:pt idx="290">
                  <c:v>43226.264548611114</c:v>
                </c:pt>
                <c:pt idx="291">
                  <c:v>43226.222905092596</c:v>
                </c:pt>
                <c:pt idx="292">
                  <c:v>43226.181296296294</c:v>
                </c:pt>
                <c:pt idx="293">
                  <c:v>43226.139652777776</c:v>
                </c:pt>
                <c:pt idx="294">
                  <c:v>43226.098078703704</c:v>
                </c:pt>
                <c:pt idx="295">
                  <c:v>43226.056504629632</c:v>
                </c:pt>
                <c:pt idx="296">
                  <c:v>43226.01494212963</c:v>
                </c:pt>
                <c:pt idx="297">
                  <c:v>43225.973368055558</c:v>
                </c:pt>
                <c:pt idx="298">
                  <c:v>43225.93178240741</c:v>
                </c:pt>
                <c:pt idx="299">
                  <c:v>43225.890150462961</c:v>
                </c:pt>
                <c:pt idx="300">
                  <c:v>43225.848587962966</c:v>
                </c:pt>
                <c:pt idx="301">
                  <c:v>43225.806932870371</c:v>
                </c:pt>
                <c:pt idx="302">
                  <c:v>43225.765300925923</c:v>
                </c:pt>
                <c:pt idx="303">
                  <c:v>43225.723692129628</c:v>
                </c:pt>
                <c:pt idx="304">
                  <c:v>43225.682118055556</c:v>
                </c:pt>
                <c:pt idx="305">
                  <c:v>43225.640486111108</c:v>
                </c:pt>
                <c:pt idx="306">
                  <c:v>43225.59884259259</c:v>
                </c:pt>
                <c:pt idx="307">
                  <c:v>43225.557199074072</c:v>
                </c:pt>
                <c:pt idx="308">
                  <c:v>43225.515555555554</c:v>
                </c:pt>
                <c:pt idx="309">
                  <c:v>43225.473958333336</c:v>
                </c:pt>
                <c:pt idx="310">
                  <c:v>43225.432314814818</c:v>
                </c:pt>
                <c:pt idx="311">
                  <c:v>43225.390740740739</c:v>
                </c:pt>
                <c:pt idx="312">
                  <c:v>43225.349108796298</c:v>
                </c:pt>
                <c:pt idx="313">
                  <c:v>43225.307511574072</c:v>
                </c:pt>
                <c:pt idx="314">
                  <c:v>43225.265914351854</c:v>
                </c:pt>
                <c:pt idx="315">
                  <c:v>43225.224317129629</c:v>
                </c:pt>
                <c:pt idx="316">
                  <c:v>43225.18273148148</c:v>
                </c:pt>
                <c:pt idx="317">
                  <c:v>43225.141099537039</c:v>
                </c:pt>
                <c:pt idx="318">
                  <c:v>43225.09951388889</c:v>
                </c:pt>
                <c:pt idx="319">
                  <c:v>43225.057870370372</c:v>
                </c:pt>
                <c:pt idx="320">
                  <c:v>43225.016250000001</c:v>
                </c:pt>
                <c:pt idx="321">
                  <c:v>43224.974699074075</c:v>
                </c:pt>
                <c:pt idx="322">
                  <c:v>43224.933067129627</c:v>
                </c:pt>
                <c:pt idx="323">
                  <c:v>43224.891435185185</c:v>
                </c:pt>
                <c:pt idx="324">
                  <c:v>43224.849791666667</c:v>
                </c:pt>
                <c:pt idx="325">
                  <c:v>43224.808159722219</c:v>
                </c:pt>
                <c:pt idx="326">
                  <c:v>43224.766550925924</c:v>
                </c:pt>
                <c:pt idx="327">
                  <c:v>43224.724895833337</c:v>
                </c:pt>
                <c:pt idx="328">
                  <c:v>43224.683252314811</c:v>
                </c:pt>
                <c:pt idx="329">
                  <c:v>43224.641608796293</c:v>
                </c:pt>
                <c:pt idx="330">
                  <c:v>43224.599976851852</c:v>
                </c:pt>
                <c:pt idx="331">
                  <c:v>43224.558368055557</c:v>
                </c:pt>
                <c:pt idx="332">
                  <c:v>43224.516736111109</c:v>
                </c:pt>
                <c:pt idx="333">
                  <c:v>43224.475092592591</c:v>
                </c:pt>
                <c:pt idx="334">
                  <c:v>43224.43346064815</c:v>
                </c:pt>
                <c:pt idx="335">
                  <c:v>43224.391793981478</c:v>
                </c:pt>
                <c:pt idx="336">
                  <c:v>43224.35015046296</c:v>
                </c:pt>
                <c:pt idx="337">
                  <c:v>43224.308541666665</c:v>
                </c:pt>
                <c:pt idx="338">
                  <c:v>43224.266909722224</c:v>
                </c:pt>
                <c:pt idx="339">
                  <c:v>43224.225277777776</c:v>
                </c:pt>
                <c:pt idx="340">
                  <c:v>43224.183645833335</c:v>
                </c:pt>
                <c:pt idx="341">
                  <c:v>43224.142002314817</c:v>
                </c:pt>
                <c:pt idx="342">
                  <c:v>43224.100439814814</c:v>
                </c:pt>
                <c:pt idx="343">
                  <c:v>43224.058865740742</c:v>
                </c:pt>
                <c:pt idx="344">
                  <c:v>43224.017256944448</c:v>
                </c:pt>
                <c:pt idx="345">
                  <c:v>43223.975648148145</c:v>
                </c:pt>
                <c:pt idx="346">
                  <c:v>43223.934120370373</c:v>
                </c:pt>
                <c:pt idx="347">
                  <c:v>43223.892500000002</c:v>
                </c:pt>
                <c:pt idx="348">
                  <c:v>43223.850914351853</c:v>
                </c:pt>
                <c:pt idx="349">
                  <c:v>43223.809317129628</c:v>
                </c:pt>
                <c:pt idx="350">
                  <c:v>43223.76767361111</c:v>
                </c:pt>
                <c:pt idx="351">
                  <c:v>43223.726064814815</c:v>
                </c:pt>
                <c:pt idx="352">
                  <c:v>43223.684444444443</c:v>
                </c:pt>
                <c:pt idx="353">
                  <c:v>43223.642835648148</c:v>
                </c:pt>
                <c:pt idx="354">
                  <c:v>43223.60119212963</c:v>
                </c:pt>
                <c:pt idx="355">
                  <c:v>43223.559583333335</c:v>
                </c:pt>
                <c:pt idx="356">
                  <c:v>43223.517951388887</c:v>
                </c:pt>
                <c:pt idx="357">
                  <c:v>43223.476342592592</c:v>
                </c:pt>
                <c:pt idx="358">
                  <c:v>43223.434733796297</c:v>
                </c:pt>
                <c:pt idx="359">
                  <c:v>43223.393090277779</c:v>
                </c:pt>
                <c:pt idx="360">
                  <c:v>43223.351469907408</c:v>
                </c:pt>
                <c:pt idx="361">
                  <c:v>43223.309861111113</c:v>
                </c:pt>
                <c:pt idx="362">
                  <c:v>43223.268206018518</c:v>
                </c:pt>
                <c:pt idx="363">
                  <c:v>43223.226585648146</c:v>
                </c:pt>
                <c:pt idx="364">
                  <c:v>43223.184953703705</c:v>
                </c:pt>
                <c:pt idx="365">
                  <c:v>43223.143333333333</c:v>
                </c:pt>
                <c:pt idx="366">
                  <c:v>43223.101724537039</c:v>
                </c:pt>
                <c:pt idx="367">
                  <c:v>43223.060104166667</c:v>
                </c:pt>
                <c:pt idx="368">
                  <c:v>43223.018460648149</c:v>
                </c:pt>
                <c:pt idx="369">
                  <c:v>43222.9768287037</c:v>
                </c:pt>
                <c:pt idx="370">
                  <c:v>43222.935208333336</c:v>
                </c:pt>
                <c:pt idx="371">
                  <c:v>43222.893553240741</c:v>
                </c:pt>
                <c:pt idx="372">
                  <c:v>43222.851979166669</c:v>
                </c:pt>
                <c:pt idx="373">
                  <c:v>43222.810416666667</c:v>
                </c:pt>
                <c:pt idx="374">
                  <c:v>43222.768784722219</c:v>
                </c:pt>
                <c:pt idx="375">
                  <c:v>43222.727152777778</c:v>
                </c:pt>
                <c:pt idx="376">
                  <c:v>43222.685532407406</c:v>
                </c:pt>
                <c:pt idx="377">
                  <c:v>43222.643923611111</c:v>
                </c:pt>
                <c:pt idx="378">
                  <c:v>43222.602337962962</c:v>
                </c:pt>
                <c:pt idx="379">
                  <c:v>43222.560729166667</c:v>
                </c:pt>
                <c:pt idx="380">
                  <c:v>43222.519120370373</c:v>
                </c:pt>
                <c:pt idx="381">
                  <c:v>43222.477488425924</c:v>
                </c:pt>
                <c:pt idx="382">
                  <c:v>43222.435902777775</c:v>
                </c:pt>
                <c:pt idx="383">
                  <c:v>43222.394270833334</c:v>
                </c:pt>
                <c:pt idx="384">
                  <c:v>43222.352743055555</c:v>
                </c:pt>
                <c:pt idx="385">
                  <c:v>43222.311122685183</c:v>
                </c:pt>
                <c:pt idx="386">
                  <c:v>43222.269606481481</c:v>
                </c:pt>
                <c:pt idx="387">
                  <c:v>43222.228009259263</c:v>
                </c:pt>
                <c:pt idx="388">
                  <c:v>43222.186377314814</c:v>
                </c:pt>
                <c:pt idx="389">
                  <c:v>43222.144837962966</c:v>
                </c:pt>
                <c:pt idx="390">
                  <c:v>43222.103217592594</c:v>
                </c:pt>
                <c:pt idx="391">
                  <c:v>43222.061597222222</c:v>
                </c:pt>
                <c:pt idx="392">
                  <c:v>43222.019988425927</c:v>
                </c:pt>
                <c:pt idx="393">
                  <c:v>43221.978472222225</c:v>
                </c:pt>
                <c:pt idx="394">
                  <c:v>43221.936840277776</c:v>
                </c:pt>
                <c:pt idx="395">
                  <c:v>43221.895243055558</c:v>
                </c:pt>
                <c:pt idx="396">
                  <c:v>43221.853680555556</c:v>
                </c:pt>
                <c:pt idx="397">
                  <c:v>43221.812060185184</c:v>
                </c:pt>
                <c:pt idx="398">
                  <c:v>43221.770497685182</c:v>
                </c:pt>
                <c:pt idx="399">
                  <c:v>43221.728854166664</c:v>
                </c:pt>
                <c:pt idx="400">
                  <c:v>43221.687222222223</c:v>
                </c:pt>
                <c:pt idx="401">
                  <c:v>43221.645590277774</c:v>
                </c:pt>
                <c:pt idx="402">
                  <c:v>43221.603935185187</c:v>
                </c:pt>
                <c:pt idx="403">
                  <c:v>43221.562291666669</c:v>
                </c:pt>
                <c:pt idx="404">
                  <c:v>43221.52065972222</c:v>
                </c:pt>
                <c:pt idx="405">
                  <c:v>43221.479050925926</c:v>
                </c:pt>
                <c:pt idx="406">
                  <c:v>43221.437476851854</c:v>
                </c:pt>
                <c:pt idx="407">
                  <c:v>43221.395833333336</c:v>
                </c:pt>
                <c:pt idx="408">
                  <c:v>43221.354224537034</c:v>
                </c:pt>
                <c:pt idx="409">
                  <c:v>43221.312604166669</c:v>
                </c:pt>
                <c:pt idx="410">
                  <c:v>43221.271018518521</c:v>
                </c:pt>
                <c:pt idx="411">
                  <c:v>43221.229467592595</c:v>
                </c:pt>
                <c:pt idx="412">
                  <c:v>43221.187939814816</c:v>
                </c:pt>
                <c:pt idx="413">
                  <c:v>43221.146365740744</c:v>
                </c:pt>
                <c:pt idx="414">
                  <c:v>43221.104837962965</c:v>
                </c:pt>
                <c:pt idx="415">
                  <c:v>43221.063217592593</c:v>
                </c:pt>
                <c:pt idx="416">
                  <c:v>43221.021608796298</c:v>
                </c:pt>
                <c:pt idx="417">
                  <c:v>43220.98</c:v>
                </c:pt>
                <c:pt idx="418">
                  <c:v>43220.938506944447</c:v>
                </c:pt>
                <c:pt idx="419">
                  <c:v>43220.896886574075</c:v>
                </c:pt>
                <c:pt idx="420">
                  <c:v>43220.855266203704</c:v>
                </c:pt>
                <c:pt idx="421">
                  <c:v>43220.813715277778</c:v>
                </c:pt>
                <c:pt idx="422">
                  <c:v>43220.772106481483</c:v>
                </c:pt>
                <c:pt idx="423">
                  <c:v>43220.730543981481</c:v>
                </c:pt>
                <c:pt idx="424">
                  <c:v>43220.688935185186</c:v>
                </c:pt>
                <c:pt idx="425">
                  <c:v>43220.647314814814</c:v>
                </c:pt>
                <c:pt idx="426">
                  <c:v>43220.605821759258</c:v>
                </c:pt>
                <c:pt idx="427">
                  <c:v>43220.564201388886</c:v>
                </c:pt>
                <c:pt idx="428">
                  <c:v>43220.522581018522</c:v>
                </c:pt>
                <c:pt idx="429">
                  <c:v>43220.48101851852</c:v>
                </c:pt>
                <c:pt idx="430">
                  <c:v>43220.439386574071</c:v>
                </c:pt>
                <c:pt idx="431">
                  <c:v>43220.397743055553</c:v>
                </c:pt>
                <c:pt idx="432">
                  <c:v>43220.356111111112</c:v>
                </c:pt>
                <c:pt idx="433">
                  <c:v>43220.314502314817</c:v>
                </c:pt>
                <c:pt idx="434">
                  <c:v>43220.272858796299</c:v>
                </c:pt>
                <c:pt idx="435">
                  <c:v>43220.231273148151</c:v>
                </c:pt>
                <c:pt idx="436">
                  <c:v>43220.189652777779</c:v>
                </c:pt>
                <c:pt idx="437">
                  <c:v>43220.148159722223</c:v>
                </c:pt>
                <c:pt idx="438">
                  <c:v>43220.106562499997</c:v>
                </c:pt>
                <c:pt idx="439">
                  <c:v>43220.065023148149</c:v>
                </c:pt>
                <c:pt idx="440">
                  <c:v>43220.0234375</c:v>
                </c:pt>
                <c:pt idx="441">
                  <c:v>43219.981909722221</c:v>
                </c:pt>
                <c:pt idx="442">
                  <c:v>43219.940358796295</c:v>
                </c:pt>
                <c:pt idx="443">
                  <c:v>43219.898726851854</c:v>
                </c:pt>
                <c:pt idx="444">
                  <c:v>43219.857094907406</c:v>
                </c:pt>
                <c:pt idx="445">
                  <c:v>43219.815532407411</c:v>
                </c:pt>
                <c:pt idx="446">
                  <c:v>43219.773969907408</c:v>
                </c:pt>
                <c:pt idx="447">
                  <c:v>43219.73238425926</c:v>
                </c:pt>
                <c:pt idx="448">
                  <c:v>43219.690798611111</c:v>
                </c:pt>
                <c:pt idx="449">
                  <c:v>43219.649224537039</c:v>
                </c:pt>
                <c:pt idx="450">
                  <c:v>43219.607604166667</c:v>
                </c:pt>
                <c:pt idx="451">
                  <c:v>43219.566041666665</c:v>
                </c:pt>
                <c:pt idx="452">
                  <c:v>43219.524398148147</c:v>
                </c:pt>
                <c:pt idx="453">
                  <c:v>43219.482870370368</c:v>
                </c:pt>
                <c:pt idx="454">
                  <c:v>43219.441238425927</c:v>
                </c:pt>
                <c:pt idx="455">
                  <c:v>43219.399606481478</c:v>
                </c:pt>
                <c:pt idx="456">
                  <c:v>43219.357974537037</c:v>
                </c:pt>
                <c:pt idx="457">
                  <c:v>43219.316365740742</c:v>
                </c:pt>
                <c:pt idx="458">
                  <c:v>43219.274756944447</c:v>
                </c:pt>
                <c:pt idx="459">
                  <c:v>43219.233148148145</c:v>
                </c:pt>
                <c:pt idx="460">
                  <c:v>43219.191550925927</c:v>
                </c:pt>
                <c:pt idx="461">
                  <c:v>43219.149988425925</c:v>
                </c:pt>
                <c:pt idx="462">
                  <c:v>43219.108449074076</c:v>
                </c:pt>
                <c:pt idx="463">
                  <c:v>43219.066817129627</c:v>
                </c:pt>
                <c:pt idx="464">
                  <c:v>43219.025254629632</c:v>
                </c:pt>
                <c:pt idx="465">
                  <c:v>43218.983680555553</c:v>
                </c:pt>
                <c:pt idx="466">
                  <c:v>43218.942129629628</c:v>
                </c:pt>
                <c:pt idx="467">
                  <c:v>43218.900567129633</c:v>
                </c:pt>
                <c:pt idx="468">
                  <c:v>43218.858993055554</c:v>
                </c:pt>
                <c:pt idx="469">
                  <c:v>43218.817361111112</c:v>
                </c:pt>
                <c:pt idx="470">
                  <c:v>43218.775729166664</c:v>
                </c:pt>
                <c:pt idx="471">
                  <c:v>43218.734166666669</c:v>
                </c:pt>
                <c:pt idx="472">
                  <c:v>43218.69253472222</c:v>
                </c:pt>
                <c:pt idx="473">
                  <c:v>43218.650995370372</c:v>
                </c:pt>
                <c:pt idx="474">
                  <c:v>43218.609432870369</c:v>
                </c:pt>
                <c:pt idx="475">
                  <c:v>43218.567858796298</c:v>
                </c:pt>
                <c:pt idx="476">
                  <c:v>43218.526250000003</c:v>
                </c:pt>
                <c:pt idx="477">
                  <c:v>43218.484618055554</c:v>
                </c:pt>
                <c:pt idx="478">
                  <c:v>43218.443090277775</c:v>
                </c:pt>
                <c:pt idx="479">
                  <c:v>43218.401469907411</c:v>
                </c:pt>
                <c:pt idx="480">
                  <c:v>43218.359826388885</c:v>
                </c:pt>
                <c:pt idx="481">
                  <c:v>43218.318182870367</c:v>
                </c:pt>
                <c:pt idx="482">
                  <c:v>43218.276550925926</c:v>
                </c:pt>
                <c:pt idx="483">
                  <c:v>43218.234930555554</c:v>
                </c:pt>
                <c:pt idx="484">
                  <c:v>43218.193310185183</c:v>
                </c:pt>
                <c:pt idx="485">
                  <c:v>43218.151678240742</c:v>
                </c:pt>
                <c:pt idx="486">
                  <c:v>43218.110115740739</c:v>
                </c:pt>
                <c:pt idx="487">
                  <c:v>43218.068564814814</c:v>
                </c:pt>
                <c:pt idx="488">
                  <c:v>43218.027002314811</c:v>
                </c:pt>
                <c:pt idx="489">
                  <c:v>43217.98542824074</c:v>
                </c:pt>
                <c:pt idx="490">
                  <c:v>43217.943842592591</c:v>
                </c:pt>
                <c:pt idx="491">
                  <c:v>43217.902222222219</c:v>
                </c:pt>
                <c:pt idx="492">
                  <c:v>43217.860590277778</c:v>
                </c:pt>
                <c:pt idx="493">
                  <c:v>43217.818969907406</c:v>
                </c:pt>
                <c:pt idx="494">
                  <c:v>43217.777361111112</c:v>
                </c:pt>
                <c:pt idx="495">
                  <c:v>43217.735729166663</c:v>
                </c:pt>
                <c:pt idx="496">
                  <c:v>43217.694085648145</c:v>
                </c:pt>
                <c:pt idx="497">
                  <c:v>43217.652511574073</c:v>
                </c:pt>
                <c:pt idx="498">
                  <c:v>43217.610983796294</c:v>
                </c:pt>
                <c:pt idx="499">
                  <c:v>43217.569386574076</c:v>
                </c:pt>
                <c:pt idx="500">
                  <c:v>43217.527824074074</c:v>
                </c:pt>
                <c:pt idx="501">
                  <c:v>43217.486296296294</c:v>
                </c:pt>
                <c:pt idx="502">
                  <c:v>43217.444791666669</c:v>
                </c:pt>
                <c:pt idx="503">
                  <c:v>43217.403194444443</c:v>
                </c:pt>
                <c:pt idx="504">
                  <c:v>43217.361562500002</c:v>
                </c:pt>
                <c:pt idx="505">
                  <c:v>43217.319918981484</c:v>
                </c:pt>
                <c:pt idx="506">
                  <c:v>43217.278368055559</c:v>
                </c:pt>
                <c:pt idx="507">
                  <c:v>43217.236770833333</c:v>
                </c:pt>
                <c:pt idx="508">
                  <c:v>43217.195115740738</c:v>
                </c:pt>
                <c:pt idx="509">
                  <c:v>43217.15351851852</c:v>
                </c:pt>
                <c:pt idx="510">
                  <c:v>43217.111944444441</c:v>
                </c:pt>
                <c:pt idx="511">
                  <c:v>43217.0703125</c:v>
                </c:pt>
                <c:pt idx="512">
                  <c:v>43217.028749999998</c:v>
                </c:pt>
                <c:pt idx="513">
                  <c:v>43216.987326388888</c:v>
                </c:pt>
                <c:pt idx="514">
                  <c:v>43216.945740740739</c:v>
                </c:pt>
                <c:pt idx="515">
                  <c:v>43216.904131944444</c:v>
                </c:pt>
                <c:pt idx="516">
                  <c:v>43216.862476851849</c:v>
                </c:pt>
                <c:pt idx="517">
                  <c:v>43216.820844907408</c:v>
                </c:pt>
                <c:pt idx="518">
                  <c:v>43216.779247685183</c:v>
                </c:pt>
                <c:pt idx="519">
                  <c:v>43216.737615740742</c:v>
                </c:pt>
                <c:pt idx="520">
                  <c:v>43216.695983796293</c:v>
                </c:pt>
                <c:pt idx="521">
                  <c:v>43216.654386574075</c:v>
                </c:pt>
                <c:pt idx="522">
                  <c:v>43216.612766203703</c:v>
                </c:pt>
                <c:pt idx="523">
                  <c:v>43216.571134259262</c:v>
                </c:pt>
                <c:pt idx="524">
                  <c:v>43216.529490740744</c:v>
                </c:pt>
                <c:pt idx="525">
                  <c:v>43216.495578703703</c:v>
                </c:pt>
                <c:pt idx="526">
                  <c:v>43216.487916666665</c:v>
                </c:pt>
                <c:pt idx="527">
                  <c:v>43216.446296296293</c:v>
                </c:pt>
                <c:pt idx="528">
                  <c:v>43216.404699074075</c:v>
                </c:pt>
                <c:pt idx="529">
                  <c:v>43216.363078703704</c:v>
                </c:pt>
                <c:pt idx="530">
                  <c:v>43216.321458333332</c:v>
                </c:pt>
                <c:pt idx="531">
                  <c:v>43216.279861111114</c:v>
                </c:pt>
                <c:pt idx="532">
                  <c:v>43216.238252314812</c:v>
                </c:pt>
                <c:pt idx="533">
                  <c:v>43216.196608796294</c:v>
                </c:pt>
                <c:pt idx="534">
                  <c:v>43216.154976851853</c:v>
                </c:pt>
                <c:pt idx="535">
                  <c:v>43216.113344907404</c:v>
                </c:pt>
                <c:pt idx="536">
                  <c:v>43216.071701388886</c:v>
                </c:pt>
                <c:pt idx="537">
                  <c:v>43216.030104166668</c:v>
                </c:pt>
                <c:pt idx="538">
                  <c:v>43215.988506944443</c:v>
                </c:pt>
                <c:pt idx="539">
                  <c:v>43215.946909722225</c:v>
                </c:pt>
                <c:pt idx="540">
                  <c:v>43215.905324074076</c:v>
                </c:pt>
                <c:pt idx="541">
                  <c:v>43215.863738425927</c:v>
                </c:pt>
                <c:pt idx="542">
                  <c:v>43215.822118055556</c:v>
                </c:pt>
                <c:pt idx="543">
                  <c:v>43215.780509259261</c:v>
                </c:pt>
                <c:pt idx="544">
                  <c:v>43215.738888888889</c:v>
                </c:pt>
                <c:pt idx="545">
                  <c:v>43215.69730324074</c:v>
                </c:pt>
                <c:pt idx="546">
                  <c:v>43215.655671296299</c:v>
                </c:pt>
                <c:pt idx="547">
                  <c:v>43215.614039351851</c:v>
                </c:pt>
                <c:pt idx="548">
                  <c:v>43215.572418981479</c:v>
                </c:pt>
                <c:pt idx="549">
                  <c:v>43215.530775462961</c:v>
                </c:pt>
                <c:pt idx="550">
                  <c:v>43215.489155092589</c:v>
                </c:pt>
                <c:pt idx="551">
                  <c:v>43215.447534722225</c:v>
                </c:pt>
                <c:pt idx="552">
                  <c:v>43215.405902777777</c:v>
                </c:pt>
                <c:pt idx="553">
                  <c:v>43215.364282407405</c:v>
                </c:pt>
                <c:pt idx="554">
                  <c:v>43215.322638888887</c:v>
                </c:pt>
                <c:pt idx="555">
                  <c:v>43215.281030092592</c:v>
                </c:pt>
                <c:pt idx="556">
                  <c:v>43215.239421296297</c:v>
                </c:pt>
                <c:pt idx="557">
                  <c:v>43215.197777777779</c:v>
                </c:pt>
                <c:pt idx="558">
                  <c:v>43215.156134259261</c:v>
                </c:pt>
                <c:pt idx="559">
                  <c:v>43215.114502314813</c:v>
                </c:pt>
                <c:pt idx="560">
                  <c:v>43215.072870370372</c:v>
                </c:pt>
                <c:pt idx="561">
                  <c:v>43215.031238425923</c:v>
                </c:pt>
                <c:pt idx="562">
                  <c:v>43214.989583333336</c:v>
                </c:pt>
                <c:pt idx="563">
                  <c:v>43214.94798611111</c:v>
                </c:pt>
                <c:pt idx="564">
                  <c:v>43214.906365740739</c:v>
                </c:pt>
                <c:pt idx="565">
                  <c:v>43214.86478009259</c:v>
                </c:pt>
                <c:pt idx="566">
                  <c:v>43214.823159722226</c:v>
                </c:pt>
                <c:pt idx="567">
                  <c:v>43214.781597222223</c:v>
                </c:pt>
                <c:pt idx="568">
                  <c:v>43214.739976851852</c:v>
                </c:pt>
                <c:pt idx="569">
                  <c:v>43214.698379629626</c:v>
                </c:pt>
                <c:pt idx="570">
                  <c:v>43214.656770833331</c:v>
                </c:pt>
                <c:pt idx="571">
                  <c:v>43214.61515046296</c:v>
                </c:pt>
                <c:pt idx="572">
                  <c:v>43214.573553240742</c:v>
                </c:pt>
                <c:pt idx="573">
                  <c:v>43214.531956018516</c:v>
                </c:pt>
                <c:pt idx="574">
                  <c:v>43214.490324074075</c:v>
                </c:pt>
                <c:pt idx="575">
                  <c:v>43214.448680555557</c:v>
                </c:pt>
                <c:pt idx="576">
                  <c:v>43214.407071759262</c:v>
                </c:pt>
                <c:pt idx="577">
                  <c:v>43214.365428240744</c:v>
                </c:pt>
                <c:pt idx="578">
                  <c:v>43214.323807870373</c:v>
                </c:pt>
                <c:pt idx="579">
                  <c:v>43214.282175925924</c:v>
                </c:pt>
                <c:pt idx="580">
                  <c:v>43214.240567129629</c:v>
                </c:pt>
                <c:pt idx="581">
                  <c:v>43214.198935185188</c:v>
                </c:pt>
                <c:pt idx="582">
                  <c:v>43214.15729166667</c:v>
                </c:pt>
                <c:pt idx="583">
                  <c:v>43214.115648148145</c:v>
                </c:pt>
                <c:pt idx="584">
                  <c:v>43214.07402777778</c:v>
                </c:pt>
                <c:pt idx="585">
                  <c:v>43214.032442129632</c:v>
                </c:pt>
                <c:pt idx="586">
                  <c:v>43213.990810185183</c:v>
                </c:pt>
                <c:pt idx="587">
                  <c:v>43213.949201388888</c:v>
                </c:pt>
                <c:pt idx="588">
                  <c:v>43213.907581018517</c:v>
                </c:pt>
                <c:pt idx="589">
                  <c:v>43213.865960648145</c:v>
                </c:pt>
                <c:pt idx="590">
                  <c:v>43213.824340277781</c:v>
                </c:pt>
                <c:pt idx="591">
                  <c:v>43213.782696759263</c:v>
                </c:pt>
                <c:pt idx="592">
                  <c:v>43213.741053240738</c:v>
                </c:pt>
                <c:pt idx="593">
                  <c:v>43213.524756944447</c:v>
                </c:pt>
                <c:pt idx="594">
                  <c:v>43213.483113425929</c:v>
                </c:pt>
                <c:pt idx="595">
                  <c:v>43213.441493055558</c:v>
                </c:pt>
                <c:pt idx="596">
                  <c:v>43213.399872685186</c:v>
                </c:pt>
                <c:pt idx="597">
                  <c:v>43213.358229166668</c:v>
                </c:pt>
                <c:pt idx="598">
                  <c:v>43213.31659722222</c:v>
                </c:pt>
                <c:pt idx="599">
                  <c:v>43213.274942129632</c:v>
                </c:pt>
                <c:pt idx="600">
                  <c:v>43213.233298611114</c:v>
                </c:pt>
                <c:pt idx="601">
                  <c:v>43213.191689814812</c:v>
                </c:pt>
                <c:pt idx="602">
                  <c:v>43213.150185185186</c:v>
                </c:pt>
                <c:pt idx="603">
                  <c:v>43213.108541666668</c:v>
                </c:pt>
                <c:pt idx="604">
                  <c:v>43213.066979166666</c:v>
                </c:pt>
                <c:pt idx="605">
                  <c:v>43213.025381944448</c:v>
                </c:pt>
                <c:pt idx="606">
                  <c:v>43212.983831018515</c:v>
                </c:pt>
                <c:pt idx="607">
                  <c:v>43212.942245370374</c:v>
                </c:pt>
                <c:pt idx="608">
                  <c:v>43212.900717592594</c:v>
                </c:pt>
                <c:pt idx="609">
                  <c:v>43212.859143518515</c:v>
                </c:pt>
                <c:pt idx="610">
                  <c:v>43212.81753472222</c:v>
                </c:pt>
                <c:pt idx="611">
                  <c:v>43212.775902777779</c:v>
                </c:pt>
                <c:pt idx="612">
                  <c:v>43212.734259259261</c:v>
                </c:pt>
                <c:pt idx="613">
                  <c:v>43212.692673611113</c:v>
                </c:pt>
                <c:pt idx="614">
                  <c:v>43212.65111111111</c:v>
                </c:pt>
                <c:pt idx="615">
                  <c:v>43212.609606481485</c:v>
                </c:pt>
                <c:pt idx="616">
                  <c:v>43212.568078703705</c:v>
                </c:pt>
                <c:pt idx="617">
                  <c:v>43212.526423611111</c:v>
                </c:pt>
                <c:pt idx="618">
                  <c:v>43212.484803240739</c:v>
                </c:pt>
                <c:pt idx="619">
                  <c:v>43212.44321759259</c:v>
                </c:pt>
                <c:pt idx="620">
                  <c:v>43212.401689814818</c:v>
                </c:pt>
                <c:pt idx="621">
                  <c:v>43212.36005787037</c:v>
                </c:pt>
                <c:pt idx="622">
                  <c:v>43212.318472222221</c:v>
                </c:pt>
                <c:pt idx="623">
                  <c:v>43212.276828703703</c:v>
                </c:pt>
                <c:pt idx="624">
                  <c:v>43212.235208333332</c:v>
                </c:pt>
                <c:pt idx="625">
                  <c:v>43212.19358796296</c:v>
                </c:pt>
                <c:pt idx="626">
                  <c:v>43212.152002314811</c:v>
                </c:pt>
                <c:pt idx="627">
                  <c:v>43212.110405092593</c:v>
                </c:pt>
                <c:pt idx="628">
                  <c:v>43212.068877314814</c:v>
                </c:pt>
                <c:pt idx="629">
                  <c:v>43212.027256944442</c:v>
                </c:pt>
                <c:pt idx="630">
                  <c:v>43211.985659722224</c:v>
                </c:pt>
                <c:pt idx="631">
                  <c:v>43211.944062499999</c:v>
                </c:pt>
                <c:pt idx="632">
                  <c:v>43211.902511574073</c:v>
                </c:pt>
                <c:pt idx="633">
                  <c:v>43211.860902777778</c:v>
                </c:pt>
                <c:pt idx="634">
                  <c:v>43211.81931712963</c:v>
                </c:pt>
                <c:pt idx="635">
                  <c:v>43211.777719907404</c:v>
                </c:pt>
                <c:pt idx="636">
                  <c:v>43211.736122685186</c:v>
                </c:pt>
                <c:pt idx="637">
                  <c:v>43211.694490740738</c:v>
                </c:pt>
                <c:pt idx="638">
                  <c:v>43211.652881944443</c:v>
                </c:pt>
                <c:pt idx="639">
                  <c:v>43211.611250000002</c:v>
                </c:pt>
                <c:pt idx="640">
                  <c:v>43211.569675925923</c:v>
                </c:pt>
                <c:pt idx="641">
                  <c:v>43211.528124999997</c:v>
                </c:pt>
                <c:pt idx="642">
                  <c:v>43211.486516203702</c:v>
                </c:pt>
                <c:pt idx="643">
                  <c:v>43211.44494212963</c:v>
                </c:pt>
                <c:pt idx="644">
                  <c:v>43211.403321759259</c:v>
                </c:pt>
                <c:pt idx="645">
                  <c:v>43211.361712962964</c:v>
                </c:pt>
                <c:pt idx="646">
                  <c:v>43211.320115740738</c:v>
                </c:pt>
                <c:pt idx="647">
                  <c:v>43211.278506944444</c:v>
                </c:pt>
                <c:pt idx="648">
                  <c:v>43211.236851851849</c:v>
                </c:pt>
                <c:pt idx="649">
                  <c:v>43211.1952662037</c:v>
                </c:pt>
                <c:pt idx="650">
                  <c:v>43211.153645833336</c:v>
                </c:pt>
                <c:pt idx="651">
                  <c:v>43211.112164351849</c:v>
                </c:pt>
                <c:pt idx="652">
                  <c:v>43211.070567129631</c:v>
                </c:pt>
                <c:pt idx="653">
                  <c:v>43211.028981481482</c:v>
                </c:pt>
                <c:pt idx="654">
                  <c:v>43210.987442129626</c:v>
                </c:pt>
                <c:pt idx="655">
                  <c:v>43210.945798611108</c:v>
                </c:pt>
                <c:pt idx="656">
                  <c:v>43210.90425925926</c:v>
                </c:pt>
                <c:pt idx="657">
                  <c:v>43210.862627314818</c:v>
                </c:pt>
                <c:pt idx="658">
                  <c:v>43210.820983796293</c:v>
                </c:pt>
                <c:pt idx="659">
                  <c:v>43210.779351851852</c:v>
                </c:pt>
                <c:pt idx="660">
                  <c:v>43210.737743055557</c:v>
                </c:pt>
                <c:pt idx="661">
                  <c:v>43210.696087962962</c:v>
                </c:pt>
                <c:pt idx="662">
                  <c:v>43210.654502314814</c:v>
                </c:pt>
                <c:pt idx="663">
                  <c:v>43210.612905092596</c:v>
                </c:pt>
                <c:pt idx="664">
                  <c:v>43210.571319444447</c:v>
                </c:pt>
                <c:pt idx="665">
                  <c:v>43210.529687499999</c:v>
                </c:pt>
                <c:pt idx="666">
                  <c:v>43210.488125000003</c:v>
                </c:pt>
                <c:pt idx="667">
                  <c:v>43210.446527777778</c:v>
                </c:pt>
                <c:pt idx="668">
                  <c:v>43210.40488425926</c:v>
                </c:pt>
                <c:pt idx="669">
                  <c:v>43210.363263888888</c:v>
                </c:pt>
                <c:pt idx="670">
                  <c:v>43210.321712962963</c:v>
                </c:pt>
                <c:pt idx="671">
                  <c:v>43210.280104166668</c:v>
                </c:pt>
                <c:pt idx="672">
                  <c:v>43210.238483796296</c:v>
                </c:pt>
                <c:pt idx="673">
                  <c:v>43210.196863425925</c:v>
                </c:pt>
                <c:pt idx="674">
                  <c:v>43210.155347222222</c:v>
                </c:pt>
                <c:pt idx="675">
                  <c:v>43210.11383101852</c:v>
                </c:pt>
                <c:pt idx="676">
                  <c:v>43210.072222222225</c:v>
                </c:pt>
                <c:pt idx="677">
                  <c:v>43210.030671296299</c:v>
                </c:pt>
                <c:pt idx="678">
                  <c:v>43209.989062499997</c:v>
                </c:pt>
                <c:pt idx="679">
                  <c:v>43209.947488425925</c:v>
                </c:pt>
                <c:pt idx="680">
                  <c:v>43209.905914351853</c:v>
                </c:pt>
                <c:pt idx="681">
                  <c:v>43209.864340277774</c:v>
                </c:pt>
                <c:pt idx="682">
                  <c:v>43209.822731481479</c:v>
                </c:pt>
                <c:pt idx="683">
                  <c:v>43209.781087962961</c:v>
                </c:pt>
                <c:pt idx="684">
                  <c:v>43209.73945601852</c:v>
                </c:pt>
                <c:pt idx="685">
                  <c:v>43209.697824074072</c:v>
                </c:pt>
                <c:pt idx="686">
                  <c:v>43209.656192129631</c:v>
                </c:pt>
                <c:pt idx="687">
                  <c:v>43209.406736111108</c:v>
                </c:pt>
                <c:pt idx="688">
                  <c:v>43209.281828703701</c:v>
                </c:pt>
                <c:pt idx="689">
                  <c:v>43209.240231481483</c:v>
                </c:pt>
                <c:pt idx="690">
                  <c:v>43209.198599537034</c:v>
                </c:pt>
                <c:pt idx="691">
                  <c:v>43209.15697916667</c:v>
                </c:pt>
                <c:pt idx="692">
                  <c:v>43209.115381944444</c:v>
                </c:pt>
                <c:pt idx="693">
                  <c:v>43209.032175925924</c:v>
                </c:pt>
                <c:pt idx="694">
                  <c:v>43208.990532407406</c:v>
                </c:pt>
                <c:pt idx="695">
                  <c:v>43208.907268518517</c:v>
                </c:pt>
                <c:pt idx="696">
                  <c:v>43208.740752314814</c:v>
                </c:pt>
                <c:pt idx="697">
                  <c:v>43208.699143518519</c:v>
                </c:pt>
                <c:pt idx="698">
                  <c:v>43208.657557870371</c:v>
                </c:pt>
                <c:pt idx="699">
                  <c:v>43208.615937499999</c:v>
                </c:pt>
                <c:pt idx="700">
                  <c:v>43208.574317129627</c:v>
                </c:pt>
                <c:pt idx="701">
                  <c:v>43208.53266203704</c:v>
                </c:pt>
                <c:pt idx="702">
                  <c:v>43208.491041666668</c:v>
                </c:pt>
                <c:pt idx="703">
                  <c:v>43208.44940972222</c:v>
                </c:pt>
                <c:pt idx="704">
                  <c:v>43208.407754629632</c:v>
                </c:pt>
                <c:pt idx="705">
                  <c:v>43208.366157407407</c:v>
                </c:pt>
                <c:pt idx="706">
                  <c:v>43208.324537037035</c:v>
                </c:pt>
                <c:pt idx="707">
                  <c:v>43208.282916666663</c:v>
                </c:pt>
                <c:pt idx="708">
                  <c:v>43208.241284722222</c:v>
                </c:pt>
                <c:pt idx="709">
                  <c:v>43208.199664351851</c:v>
                </c:pt>
                <c:pt idx="710">
                  <c:v>43208.158032407409</c:v>
                </c:pt>
                <c:pt idx="711">
                  <c:v>43208.033125000002</c:v>
                </c:pt>
                <c:pt idx="712">
                  <c:v>43207.991516203707</c:v>
                </c:pt>
                <c:pt idx="713">
                  <c:v>43207.949930555558</c:v>
                </c:pt>
                <c:pt idx="714">
                  <c:v>43207.825023148151</c:v>
                </c:pt>
                <c:pt idx="715">
                  <c:v>43207.783391203702</c:v>
                </c:pt>
                <c:pt idx="716">
                  <c:v>43207.741759259261</c:v>
                </c:pt>
                <c:pt idx="717">
                  <c:v>43207.616886574076</c:v>
                </c:pt>
                <c:pt idx="718">
                  <c:v>43207.575277777774</c:v>
                </c:pt>
                <c:pt idx="719">
                  <c:v>43207.533645833333</c:v>
                </c:pt>
                <c:pt idx="720">
                  <c:v>43207.492025462961</c:v>
                </c:pt>
                <c:pt idx="721">
                  <c:v>43207.408784722225</c:v>
                </c:pt>
                <c:pt idx="722">
                  <c:v>43207.367152777777</c:v>
                </c:pt>
                <c:pt idx="723">
                  <c:v>43207.325532407405</c:v>
                </c:pt>
                <c:pt idx="724">
                  <c:v>43207.242256944446</c:v>
                </c:pt>
                <c:pt idx="725">
                  <c:v>43207.15896990741</c:v>
                </c:pt>
                <c:pt idx="726">
                  <c:v>43207.117326388892</c:v>
                </c:pt>
                <c:pt idx="727">
                  <c:v>43207.075729166667</c:v>
                </c:pt>
                <c:pt idx="728">
                  <c:v>43207.034074074072</c:v>
                </c:pt>
                <c:pt idx="729">
                  <c:v>43206.992476851854</c:v>
                </c:pt>
                <c:pt idx="730">
                  <c:v>43206.825960648152</c:v>
                </c:pt>
                <c:pt idx="731">
                  <c:v>43206.784328703703</c:v>
                </c:pt>
                <c:pt idx="732">
                  <c:v>43206.742685185185</c:v>
                </c:pt>
                <c:pt idx="733">
                  <c:v>43206.576226851852</c:v>
                </c:pt>
                <c:pt idx="734">
                  <c:v>43206.53460648148</c:v>
                </c:pt>
                <c:pt idx="735">
                  <c:v>43206.451377314814</c:v>
                </c:pt>
                <c:pt idx="736">
                  <c:v>43206.409756944442</c:v>
                </c:pt>
                <c:pt idx="737">
                  <c:v>43206.368136574078</c:v>
                </c:pt>
                <c:pt idx="738">
                  <c:v>43206.326527777775</c:v>
                </c:pt>
                <c:pt idx="739">
                  <c:v>43206.284907407404</c:v>
                </c:pt>
                <c:pt idx="740">
                  <c:v>43206.243287037039</c:v>
                </c:pt>
                <c:pt idx="741">
                  <c:v>43206.201643518521</c:v>
                </c:pt>
                <c:pt idx="742">
                  <c:v>43206.160011574073</c:v>
                </c:pt>
                <c:pt idx="743">
                  <c:v>43206.076770833337</c:v>
                </c:pt>
                <c:pt idx="744">
                  <c:v>43206.035138888888</c:v>
                </c:pt>
                <c:pt idx="745">
                  <c:v>43205.99355324074</c:v>
                </c:pt>
                <c:pt idx="746">
                  <c:v>43205.951944444445</c:v>
                </c:pt>
                <c:pt idx="747">
                  <c:v>43205.868703703702</c:v>
                </c:pt>
                <c:pt idx="748">
                  <c:v>43205.827094907407</c:v>
                </c:pt>
                <c:pt idx="749">
                  <c:v>43205.785486111112</c:v>
                </c:pt>
                <c:pt idx="750">
                  <c:v>43205.743854166663</c:v>
                </c:pt>
                <c:pt idx="751">
                  <c:v>43205.702222222222</c:v>
                </c:pt>
                <c:pt idx="752">
                  <c:v>43205.660590277781</c:v>
                </c:pt>
                <c:pt idx="753">
                  <c:v>43205.618946759256</c:v>
                </c:pt>
                <c:pt idx="754">
                  <c:v>43205.535821759258</c:v>
                </c:pt>
                <c:pt idx="755">
                  <c:v>43205.494155092594</c:v>
                </c:pt>
                <c:pt idx="756">
                  <c:v>43205.452523148146</c:v>
                </c:pt>
                <c:pt idx="757">
                  <c:v>43205.410879629628</c:v>
                </c:pt>
                <c:pt idx="758">
                  <c:v>43205.369247685187</c:v>
                </c:pt>
                <c:pt idx="759">
                  <c:v>43205.286030092589</c:v>
                </c:pt>
                <c:pt idx="760">
                  <c:v>43205.244375000002</c:v>
                </c:pt>
                <c:pt idx="761">
                  <c:v>43205.202800925923</c:v>
                </c:pt>
                <c:pt idx="762">
                  <c:v>43205.161145833335</c:v>
                </c:pt>
                <c:pt idx="763">
                  <c:v>43205.119525462964</c:v>
                </c:pt>
                <c:pt idx="764">
                  <c:v>43205.077939814815</c:v>
                </c:pt>
                <c:pt idx="765">
                  <c:v>43205.036435185182</c:v>
                </c:pt>
                <c:pt idx="766">
                  <c:v>43204.995011574072</c:v>
                </c:pt>
                <c:pt idx="767">
                  <c:v>43204.911840277775</c:v>
                </c:pt>
                <c:pt idx="768">
                  <c:v>43204.828611111108</c:v>
                </c:pt>
                <c:pt idx="769">
                  <c:v>43204.745358796295</c:v>
                </c:pt>
                <c:pt idx="770">
                  <c:v>43204.620451388888</c:v>
                </c:pt>
                <c:pt idx="771">
                  <c:v>43204.537199074075</c:v>
                </c:pt>
                <c:pt idx="772">
                  <c:v>43204.453981481478</c:v>
                </c:pt>
                <c:pt idx="773">
                  <c:v>43204.41233796296</c:v>
                </c:pt>
                <c:pt idx="774">
                  <c:v>43204.370752314811</c:v>
                </c:pt>
                <c:pt idx="775">
                  <c:v>43204.287627314814</c:v>
                </c:pt>
                <c:pt idx="776">
                  <c:v>43204.204386574071</c:v>
                </c:pt>
                <c:pt idx="777">
                  <c:v>43204.162835648145</c:v>
                </c:pt>
                <c:pt idx="778">
                  <c:v>43204.121180555558</c:v>
                </c:pt>
                <c:pt idx="779">
                  <c:v>43204.03806712963</c:v>
                </c:pt>
                <c:pt idx="780">
                  <c:v>43203.996423611112</c:v>
                </c:pt>
                <c:pt idx="781">
                  <c:v>43203.954918981479</c:v>
                </c:pt>
                <c:pt idx="782">
                  <c:v>43203.913310185184</c:v>
                </c:pt>
                <c:pt idx="783">
                  <c:v>43203.871701388889</c:v>
                </c:pt>
                <c:pt idx="784">
                  <c:v>43203.830069444448</c:v>
                </c:pt>
                <c:pt idx="785">
                  <c:v>43203.788460648146</c:v>
                </c:pt>
                <c:pt idx="786">
                  <c:v>43203.746828703705</c:v>
                </c:pt>
                <c:pt idx="787">
                  <c:v>43203.705196759256</c:v>
                </c:pt>
                <c:pt idx="788">
                  <c:v>43203.62195601852</c:v>
                </c:pt>
                <c:pt idx="789">
                  <c:v>43203.580324074072</c:v>
                </c:pt>
                <c:pt idx="790">
                  <c:v>43203.497129629628</c:v>
                </c:pt>
                <c:pt idx="791">
                  <c:v>43203.413854166669</c:v>
                </c:pt>
                <c:pt idx="792">
                  <c:v>43203.37222222222</c:v>
                </c:pt>
                <c:pt idx="793">
                  <c:v>43203.288981481484</c:v>
                </c:pt>
                <c:pt idx="794">
                  <c:v>43203.247361111113</c:v>
                </c:pt>
                <c:pt idx="795">
                  <c:v>43203.080891203703</c:v>
                </c:pt>
                <c:pt idx="796">
                  <c:v>43203.039340277777</c:v>
                </c:pt>
                <c:pt idx="797">
                  <c:v>43202.997685185182</c:v>
                </c:pt>
                <c:pt idx="798">
                  <c:v>43202.956076388888</c:v>
                </c:pt>
                <c:pt idx="799">
                  <c:v>43202.914467592593</c:v>
                </c:pt>
                <c:pt idx="800">
                  <c:v>43202.872881944444</c:v>
                </c:pt>
                <c:pt idx="801">
                  <c:v>43202.831273148149</c:v>
                </c:pt>
                <c:pt idx="802">
                  <c:v>43202.789629629631</c:v>
                </c:pt>
                <c:pt idx="803">
                  <c:v>43202.747997685183</c:v>
                </c:pt>
                <c:pt idx="804">
                  <c:v>43202.664733796293</c:v>
                </c:pt>
                <c:pt idx="805">
                  <c:v>43202.623124999998</c:v>
                </c:pt>
                <c:pt idx="806">
                  <c:v>43202.581504629627</c:v>
                </c:pt>
                <c:pt idx="807">
                  <c:v>43202.581504629627</c:v>
                </c:pt>
                <c:pt idx="808">
                  <c:v>43202.539884259262</c:v>
                </c:pt>
                <c:pt idx="809">
                  <c:v>43202.456712962965</c:v>
                </c:pt>
                <c:pt idx="810">
                  <c:v>43202.331828703704</c:v>
                </c:pt>
                <c:pt idx="811">
                  <c:v>43202.248622685183</c:v>
                </c:pt>
                <c:pt idx="812">
                  <c:v>43202.206967592596</c:v>
                </c:pt>
                <c:pt idx="813">
                  <c:v>43202.04047453704</c:v>
                </c:pt>
                <c:pt idx="814">
                  <c:v>43201.957256944443</c:v>
                </c:pt>
                <c:pt idx="815">
                  <c:v>43201.915613425925</c:v>
                </c:pt>
                <c:pt idx="816">
                  <c:v>43201.874062499999</c:v>
                </c:pt>
                <c:pt idx="817">
                  <c:v>43201.832453703704</c:v>
                </c:pt>
                <c:pt idx="818">
                  <c:v>43201.790810185186</c:v>
                </c:pt>
                <c:pt idx="819">
                  <c:v>43201.750358796293</c:v>
                </c:pt>
                <c:pt idx="820">
                  <c:v>43201.541076388887</c:v>
                </c:pt>
                <c:pt idx="821">
                  <c:v>43201.499537037038</c:v>
                </c:pt>
                <c:pt idx="822">
                  <c:v>43201.416319444441</c:v>
                </c:pt>
                <c:pt idx="823">
                  <c:v>43201.374745370369</c:v>
                </c:pt>
                <c:pt idx="824">
                  <c:v>43201.208437499998</c:v>
                </c:pt>
                <c:pt idx="825">
                  <c:v>43201.166898148149</c:v>
                </c:pt>
                <c:pt idx="826">
                  <c:v>43201.083703703705</c:v>
                </c:pt>
                <c:pt idx="827">
                  <c:v>43200.875821759262</c:v>
                </c:pt>
                <c:pt idx="828">
                  <c:v>43200.792569444442</c:v>
                </c:pt>
                <c:pt idx="829">
                  <c:v>43200.750937500001</c:v>
                </c:pt>
                <c:pt idx="830">
                  <c:v>43200.709317129629</c:v>
                </c:pt>
                <c:pt idx="831">
                  <c:v>43200.667673611111</c:v>
                </c:pt>
                <c:pt idx="832">
                  <c:v>43200.62604166667</c:v>
                </c:pt>
                <c:pt idx="833">
                  <c:v>43200.584421296298</c:v>
                </c:pt>
                <c:pt idx="834">
                  <c:v>43200.54278935185</c:v>
                </c:pt>
                <c:pt idx="835">
                  <c:v>43200.501168981478</c:v>
                </c:pt>
                <c:pt idx="836">
                  <c:v>43200.459537037037</c:v>
                </c:pt>
                <c:pt idx="837">
                  <c:v>43200.417893518519</c:v>
                </c:pt>
                <c:pt idx="838">
                  <c:v>43200.376273148147</c:v>
                </c:pt>
                <c:pt idx="839">
                  <c:v>43200.334664351853</c:v>
                </c:pt>
                <c:pt idx="840">
                  <c:v>43200.293032407404</c:v>
                </c:pt>
                <c:pt idx="841">
                  <c:v>43200.251400462963</c:v>
                </c:pt>
                <c:pt idx="842">
                  <c:v>43200.209814814814</c:v>
                </c:pt>
                <c:pt idx="843">
                  <c:v>43200.168171296296</c:v>
                </c:pt>
                <c:pt idx="844">
                  <c:v>43200.126574074071</c:v>
                </c:pt>
                <c:pt idx="845">
                  <c:v>43200.043333333335</c:v>
                </c:pt>
                <c:pt idx="846">
                  <c:v>43200.001689814817</c:v>
                </c:pt>
                <c:pt idx="847">
                  <c:v>43199.960081018522</c:v>
                </c:pt>
                <c:pt idx="848">
                  <c:v>43199.876840277779</c:v>
                </c:pt>
                <c:pt idx="849">
                  <c:v>43199.835347222222</c:v>
                </c:pt>
                <c:pt idx="850">
                  <c:v>43199.793738425928</c:v>
                </c:pt>
                <c:pt idx="851">
                  <c:v>43199.710486111115</c:v>
                </c:pt>
                <c:pt idx="852">
                  <c:v>43199.668842592589</c:v>
                </c:pt>
                <c:pt idx="853">
                  <c:v>43199.627199074072</c:v>
                </c:pt>
                <c:pt idx="854">
                  <c:v>43199.460694444446</c:v>
                </c:pt>
                <c:pt idx="855">
                  <c:v>43199.419131944444</c:v>
                </c:pt>
                <c:pt idx="856">
                  <c:v>43199.377534722225</c:v>
                </c:pt>
                <c:pt idx="857">
                  <c:v>43199.3359837963</c:v>
                </c:pt>
                <c:pt idx="858">
                  <c:v>43199.294374999998</c:v>
                </c:pt>
                <c:pt idx="859">
                  <c:v>43199.252789351849</c:v>
                </c:pt>
                <c:pt idx="860">
                  <c:v>43199.211180555554</c:v>
                </c:pt>
                <c:pt idx="861">
                  <c:v>43199.169594907406</c:v>
                </c:pt>
                <c:pt idx="862">
                  <c:v>43199.127951388888</c:v>
                </c:pt>
                <c:pt idx="863">
                  <c:v>43199.086331018516</c:v>
                </c:pt>
                <c:pt idx="864">
                  <c:v>43199.003148148149</c:v>
                </c:pt>
                <c:pt idx="865">
                  <c:v>43198.961504629631</c:v>
                </c:pt>
                <c:pt idx="866">
                  <c:v>43198.91988425926</c:v>
                </c:pt>
                <c:pt idx="867">
                  <c:v>43198.878263888888</c:v>
                </c:pt>
                <c:pt idx="868">
                  <c:v>43198.836678240739</c:v>
                </c:pt>
                <c:pt idx="869">
                  <c:v>43198.795046296298</c:v>
                </c:pt>
                <c:pt idx="870">
                  <c:v>43198.753391203703</c:v>
                </c:pt>
                <c:pt idx="871">
                  <c:v>43198.711782407408</c:v>
                </c:pt>
                <c:pt idx="872">
                  <c:v>43198.628530092596</c:v>
                </c:pt>
                <c:pt idx="873">
                  <c:v>43198.586898148147</c:v>
                </c:pt>
                <c:pt idx="874">
                  <c:v>43198.545289351852</c:v>
                </c:pt>
                <c:pt idx="875">
                  <c:v>43198.503668981481</c:v>
                </c:pt>
                <c:pt idx="876">
                  <c:v>43198.462037037039</c:v>
                </c:pt>
                <c:pt idx="877">
                  <c:v>43198.378796296296</c:v>
                </c:pt>
                <c:pt idx="878">
                  <c:v>43198.253946759258</c:v>
                </c:pt>
                <c:pt idx="879">
                  <c:v>43198.21230324074</c:v>
                </c:pt>
                <c:pt idx="880">
                  <c:v>43198.170659722222</c:v>
                </c:pt>
                <c:pt idx="881">
                  <c:v>43198.12908564815</c:v>
                </c:pt>
                <c:pt idx="882">
                  <c:v>43198.087453703702</c:v>
                </c:pt>
                <c:pt idx="883">
                  <c:v>43198.04583333333</c:v>
                </c:pt>
                <c:pt idx="884">
                  <c:v>43197.962581018517</c:v>
                </c:pt>
                <c:pt idx="885">
                  <c:v>43197.920949074076</c:v>
                </c:pt>
                <c:pt idx="886">
                  <c:v>43197.879317129627</c:v>
                </c:pt>
                <c:pt idx="887">
                  <c:v>43197.837685185186</c:v>
                </c:pt>
                <c:pt idx="888">
                  <c:v>43197.796053240738</c:v>
                </c:pt>
                <c:pt idx="889">
                  <c:v>43197.75440972222</c:v>
                </c:pt>
                <c:pt idx="890">
                  <c:v>43197.712777777779</c:v>
                </c:pt>
                <c:pt idx="891">
                  <c:v>43197.67114583333</c:v>
                </c:pt>
                <c:pt idx="892">
                  <c:v>43197.629502314812</c:v>
                </c:pt>
                <c:pt idx="893">
                  <c:v>43197.587905092594</c:v>
                </c:pt>
                <c:pt idx="894">
                  <c:v>43197.546273148146</c:v>
                </c:pt>
                <c:pt idx="895">
                  <c:v>43197.421412037038</c:v>
                </c:pt>
                <c:pt idx="896">
                  <c:v>43197.379837962966</c:v>
                </c:pt>
                <c:pt idx="897">
                  <c:v>43197.2966087963</c:v>
                </c:pt>
                <c:pt idx="898">
                  <c:v>43197.254976851851</c:v>
                </c:pt>
                <c:pt idx="899">
                  <c:v>43197.213356481479</c:v>
                </c:pt>
                <c:pt idx="900">
                  <c:v>43197.13009259259</c:v>
                </c:pt>
                <c:pt idx="901">
                  <c:v>43197.088460648149</c:v>
                </c:pt>
                <c:pt idx="902">
                  <c:v>43197.0468287037</c:v>
                </c:pt>
                <c:pt idx="903">
                  <c:v>43197.005185185182</c:v>
                </c:pt>
                <c:pt idx="904">
                  <c:v>43196.963599537034</c:v>
                </c:pt>
                <c:pt idx="905">
                  <c:v>43196.921979166669</c:v>
                </c:pt>
                <c:pt idx="906">
                  <c:v>43196.880358796298</c:v>
                </c:pt>
                <c:pt idx="907">
                  <c:v>43196.838761574072</c:v>
                </c:pt>
                <c:pt idx="908">
                  <c:v>43196.755474537036</c:v>
                </c:pt>
                <c:pt idx="909">
                  <c:v>43196.713842592595</c:v>
                </c:pt>
                <c:pt idx="910">
                  <c:v>43196.672222222223</c:v>
                </c:pt>
                <c:pt idx="911">
                  <c:v>43196.630578703705</c:v>
                </c:pt>
                <c:pt idx="912">
                  <c:v>43196.50582175926</c:v>
                </c:pt>
                <c:pt idx="913">
                  <c:v>43196.464178240742</c:v>
                </c:pt>
                <c:pt idx="914">
                  <c:v>43196.297766203701</c:v>
                </c:pt>
                <c:pt idx="915">
                  <c:v>43196.25613425926</c:v>
                </c:pt>
                <c:pt idx="916">
                  <c:v>43196.172905092593</c:v>
                </c:pt>
                <c:pt idx="917">
                  <c:v>43196.131273148145</c:v>
                </c:pt>
                <c:pt idx="918">
                  <c:v>43196.048043981478</c:v>
                </c:pt>
                <c:pt idx="919">
                  <c:v>43196.00644675926</c:v>
                </c:pt>
                <c:pt idx="920">
                  <c:v>43195.964849537035</c:v>
                </c:pt>
                <c:pt idx="921">
                  <c:v>43195.756712962961</c:v>
                </c:pt>
                <c:pt idx="922">
                  <c:v>43195.715092592596</c:v>
                </c:pt>
                <c:pt idx="923">
                  <c:v>43195.673449074071</c:v>
                </c:pt>
                <c:pt idx="924">
                  <c:v>43195.631840277776</c:v>
                </c:pt>
                <c:pt idx="925">
                  <c:v>43195.46533564815</c:v>
                </c:pt>
                <c:pt idx="926">
                  <c:v>43195.340439814812</c:v>
                </c:pt>
                <c:pt idx="927">
                  <c:v>43195.298819444448</c:v>
                </c:pt>
                <c:pt idx="928">
                  <c:v>43195.257210648146</c:v>
                </c:pt>
                <c:pt idx="929">
                  <c:v>43195.215590277781</c:v>
                </c:pt>
                <c:pt idx="930">
                  <c:v>43195.173946759256</c:v>
                </c:pt>
                <c:pt idx="931">
                  <c:v>43195.09065972222</c:v>
                </c:pt>
                <c:pt idx="932">
                  <c:v>43195.049027777779</c:v>
                </c:pt>
                <c:pt idx="933">
                  <c:v>43195.007418981484</c:v>
                </c:pt>
                <c:pt idx="934">
                  <c:v>43194.924178240741</c:v>
                </c:pt>
                <c:pt idx="935">
                  <c:v>43194.757673611108</c:v>
                </c:pt>
                <c:pt idx="936">
                  <c:v>43194.716041666667</c:v>
                </c:pt>
                <c:pt idx="937">
                  <c:v>43194.674398148149</c:v>
                </c:pt>
                <c:pt idx="938">
                  <c:v>43194.591157407405</c:v>
                </c:pt>
                <c:pt idx="939">
                  <c:v>43194.549571759257</c:v>
                </c:pt>
                <c:pt idx="940">
                  <c:v>43194.466400462959</c:v>
                </c:pt>
                <c:pt idx="941">
                  <c:v>43194.424756944441</c:v>
                </c:pt>
                <c:pt idx="942">
                  <c:v>43194.383206018516</c:v>
                </c:pt>
                <c:pt idx="943">
                  <c:v>43194.217094907406</c:v>
                </c:pt>
                <c:pt idx="944">
                  <c:v>43194.17560185185</c:v>
                </c:pt>
                <c:pt idx="945">
                  <c:v>43194.134062500001</c:v>
                </c:pt>
                <c:pt idx="946">
                  <c:v>43194.092488425929</c:v>
                </c:pt>
                <c:pt idx="947">
                  <c:v>43194.009386574071</c:v>
                </c:pt>
                <c:pt idx="948">
                  <c:v>43193.967812499999</c:v>
                </c:pt>
                <c:pt idx="949">
                  <c:v>43193.843032407407</c:v>
                </c:pt>
                <c:pt idx="950">
                  <c:v>43193.801458333335</c:v>
                </c:pt>
                <c:pt idx="951">
                  <c:v>43193.759837962964</c:v>
                </c:pt>
                <c:pt idx="952">
                  <c:v>43193.718206018515</c:v>
                </c:pt>
                <c:pt idx="953">
                  <c:v>43193.676550925928</c:v>
                </c:pt>
                <c:pt idx="954">
                  <c:v>43193.635115740741</c:v>
                </c:pt>
                <c:pt idx="955">
                  <c:v>43193.593530092592</c:v>
                </c:pt>
                <c:pt idx="956">
                  <c:v>43193.551932870374</c:v>
                </c:pt>
                <c:pt idx="957">
                  <c:v>43193.510335648149</c:v>
                </c:pt>
                <c:pt idx="958">
                  <c:v>43193.4687962963</c:v>
                </c:pt>
                <c:pt idx="959">
                  <c:v>43193.427245370367</c:v>
                </c:pt>
                <c:pt idx="960">
                  <c:v>43193.385706018518</c:v>
                </c:pt>
                <c:pt idx="961">
                  <c:v>43193.30259259259</c:v>
                </c:pt>
                <c:pt idx="962">
                  <c:v>43193.260949074072</c:v>
                </c:pt>
                <c:pt idx="963">
                  <c:v>43193.219444444447</c:v>
                </c:pt>
                <c:pt idx="964">
                  <c:v>43193.094571759262</c:v>
                </c:pt>
                <c:pt idx="965">
                  <c:v>43193.052986111114</c:v>
                </c:pt>
                <c:pt idx="966">
                  <c:v>43192.928159722222</c:v>
                </c:pt>
                <c:pt idx="967">
                  <c:v>43192.886574074073</c:v>
                </c:pt>
                <c:pt idx="968">
                  <c:v>43192.803391203706</c:v>
                </c:pt>
                <c:pt idx="969">
                  <c:v>43192.720138888886</c:v>
                </c:pt>
                <c:pt idx="970">
                  <c:v>43192.678530092591</c:v>
                </c:pt>
                <c:pt idx="971">
                  <c:v>43192.637048611112</c:v>
                </c:pt>
                <c:pt idx="972">
                  <c:v>43192.595243055555</c:v>
                </c:pt>
                <c:pt idx="973">
                  <c:v>43192.553703703707</c:v>
                </c:pt>
                <c:pt idx="974">
                  <c:v>43192.51222222222</c:v>
                </c:pt>
                <c:pt idx="975">
                  <c:v>43192.470578703702</c:v>
                </c:pt>
                <c:pt idx="976">
                  <c:v>43192.42895833333</c:v>
                </c:pt>
                <c:pt idx="977">
                  <c:v>43192.387326388889</c:v>
                </c:pt>
                <c:pt idx="978">
                  <c:v>43192.387326388889</c:v>
                </c:pt>
                <c:pt idx="979">
                  <c:v>43192.345706018517</c:v>
                </c:pt>
                <c:pt idx="980">
                  <c:v>43192.304166666669</c:v>
                </c:pt>
                <c:pt idx="981">
                  <c:v>43192.262627314813</c:v>
                </c:pt>
                <c:pt idx="982">
                  <c:v>43192.220983796295</c:v>
                </c:pt>
                <c:pt idx="983">
                  <c:v>43192.179456018515</c:v>
                </c:pt>
                <c:pt idx="984">
                  <c:v>43192.13784722222</c:v>
                </c:pt>
                <c:pt idx="985">
                  <c:v>43192.096203703702</c:v>
                </c:pt>
                <c:pt idx="986">
                  <c:v>43192.054583333331</c:v>
                </c:pt>
                <c:pt idx="987">
                  <c:v>43192.012986111113</c:v>
                </c:pt>
                <c:pt idx="988">
                  <c:v>43191.971365740741</c:v>
                </c:pt>
                <c:pt idx="989">
                  <c:v>43191.929826388892</c:v>
                </c:pt>
                <c:pt idx="990">
                  <c:v>43191.888240740744</c:v>
                </c:pt>
                <c:pt idx="991">
                  <c:v>43191.846608796295</c:v>
                </c:pt>
                <c:pt idx="992">
                  <c:v>43191.805</c:v>
                </c:pt>
                <c:pt idx="993">
                  <c:v>43191.763402777775</c:v>
                </c:pt>
                <c:pt idx="994">
                  <c:v>43191.721782407411</c:v>
                </c:pt>
                <c:pt idx="995">
                  <c:v>43191.680173611108</c:v>
                </c:pt>
                <c:pt idx="996">
                  <c:v>43191.63853009259</c:v>
                </c:pt>
                <c:pt idx="997">
                  <c:v>43191.596909722219</c:v>
                </c:pt>
                <c:pt idx="998">
                  <c:v>43191.555289351854</c:v>
                </c:pt>
                <c:pt idx="999">
                  <c:v>43191.513645833336</c:v>
                </c:pt>
                <c:pt idx="1000">
                  <c:v>43191.472013888888</c:v>
                </c:pt>
                <c:pt idx="1001">
                  <c:v>43191.430405092593</c:v>
                </c:pt>
                <c:pt idx="1002">
                  <c:v>43191.388784722221</c:v>
                </c:pt>
                <c:pt idx="1003">
                  <c:v>43191.263958333337</c:v>
                </c:pt>
                <c:pt idx="1004">
                  <c:v>43191.222372685188</c:v>
                </c:pt>
                <c:pt idx="1005">
                  <c:v>43191.18072916667</c:v>
                </c:pt>
                <c:pt idx="1006">
                  <c:v>43191.097638888888</c:v>
                </c:pt>
                <c:pt idx="1007">
                  <c:v>43191.056203703702</c:v>
                </c:pt>
                <c:pt idx="1008">
                  <c:v>43191.014652777776</c:v>
                </c:pt>
                <c:pt idx="1009">
                  <c:v>43190.973032407404</c:v>
                </c:pt>
                <c:pt idx="1010">
                  <c:v>43190.931435185186</c:v>
                </c:pt>
                <c:pt idx="1011">
                  <c:v>43190.889780092592</c:v>
                </c:pt>
                <c:pt idx="1012">
                  <c:v>43190.848171296297</c:v>
                </c:pt>
                <c:pt idx="1013">
                  <c:v>43190.806550925925</c:v>
                </c:pt>
                <c:pt idx="1014">
                  <c:v>43190.764907407407</c:v>
                </c:pt>
                <c:pt idx="1015">
                  <c:v>43190.723298611112</c:v>
                </c:pt>
                <c:pt idx="1016">
                  <c:v>43190.681701388887</c:v>
                </c:pt>
                <c:pt idx="1017">
                  <c:v>43190.640069444446</c:v>
                </c:pt>
                <c:pt idx="1018">
                  <c:v>43190.598449074074</c:v>
                </c:pt>
                <c:pt idx="1019">
                  <c:v>43190.556817129633</c:v>
                </c:pt>
                <c:pt idx="1020">
                  <c:v>43190.515196759261</c:v>
                </c:pt>
                <c:pt idx="1021">
                  <c:v>43190.473553240743</c:v>
                </c:pt>
                <c:pt idx="1022">
                  <c:v>43190.431921296295</c:v>
                </c:pt>
                <c:pt idx="1023">
                  <c:v>43190.390266203707</c:v>
                </c:pt>
                <c:pt idx="1024">
                  <c:v>43190.307013888887</c:v>
                </c:pt>
                <c:pt idx="1025">
                  <c:v>43190.265381944446</c:v>
                </c:pt>
                <c:pt idx="1026">
                  <c:v>43190.223761574074</c:v>
                </c:pt>
                <c:pt idx="1027">
                  <c:v>43190.182129629633</c:v>
                </c:pt>
                <c:pt idx="1028">
                  <c:v>43190.140497685185</c:v>
                </c:pt>
                <c:pt idx="1029">
                  <c:v>43190.098865740743</c:v>
                </c:pt>
                <c:pt idx="1030">
                  <c:v>43190.015613425923</c:v>
                </c:pt>
                <c:pt idx="1031">
                  <c:v>43189.973981481482</c:v>
                </c:pt>
                <c:pt idx="1032">
                  <c:v>43189.932372685187</c:v>
                </c:pt>
                <c:pt idx="1033">
                  <c:v>43189.890729166669</c:v>
                </c:pt>
                <c:pt idx="1034">
                  <c:v>43189.849085648151</c:v>
                </c:pt>
                <c:pt idx="1035">
                  <c:v>43189.807453703703</c:v>
                </c:pt>
                <c:pt idx="1036">
                  <c:v>43189.765821759262</c:v>
                </c:pt>
                <c:pt idx="1037">
                  <c:v>43189.72420138889</c:v>
                </c:pt>
                <c:pt idx="1038">
                  <c:v>43189.682569444441</c:v>
                </c:pt>
                <c:pt idx="1039">
                  <c:v>43189.640925925924</c:v>
                </c:pt>
                <c:pt idx="1040">
                  <c:v>43189.599293981482</c:v>
                </c:pt>
                <c:pt idx="1041">
                  <c:v>43189.557650462964</c:v>
                </c:pt>
                <c:pt idx="1042">
                  <c:v>43189.516018518516</c:v>
                </c:pt>
                <c:pt idx="1043">
                  <c:v>43189.474398148152</c:v>
                </c:pt>
                <c:pt idx="1044">
                  <c:v>43189.43277777778</c:v>
                </c:pt>
                <c:pt idx="1045">
                  <c:v>43189.391168981485</c:v>
                </c:pt>
                <c:pt idx="1046">
                  <c:v>43189.349548611113</c:v>
                </c:pt>
                <c:pt idx="1047">
                  <c:v>43189.307905092595</c:v>
                </c:pt>
                <c:pt idx="1048">
                  <c:v>43189.224664351852</c:v>
                </c:pt>
                <c:pt idx="1049">
                  <c:v>43189.183113425926</c:v>
                </c:pt>
                <c:pt idx="1050">
                  <c:v>43189.141504629632</c:v>
                </c:pt>
                <c:pt idx="1051">
                  <c:v>43189.099872685183</c:v>
                </c:pt>
                <c:pt idx="1052">
                  <c:v>43189.058229166665</c:v>
                </c:pt>
                <c:pt idx="1053">
                  <c:v>43189.016712962963</c:v>
                </c:pt>
                <c:pt idx="1054">
                  <c:v>43188.975092592591</c:v>
                </c:pt>
                <c:pt idx="1055">
                  <c:v>43188.933483796296</c:v>
                </c:pt>
                <c:pt idx="1056">
                  <c:v>43188.850300925929</c:v>
                </c:pt>
                <c:pt idx="1057">
                  <c:v>43188.808715277781</c:v>
                </c:pt>
                <c:pt idx="1058">
                  <c:v>43188.767152777778</c:v>
                </c:pt>
                <c:pt idx="1059">
                  <c:v>43188.72552083333</c:v>
                </c:pt>
                <c:pt idx="1060">
                  <c:v>43188.683877314812</c:v>
                </c:pt>
                <c:pt idx="1061">
                  <c:v>43188.642268518517</c:v>
                </c:pt>
                <c:pt idx="1062">
                  <c:v>43188.600636574076</c:v>
                </c:pt>
                <c:pt idx="1063">
                  <c:v>43188.517442129632</c:v>
                </c:pt>
                <c:pt idx="1064">
                  <c:v>43188.475810185184</c:v>
                </c:pt>
                <c:pt idx="1065">
                  <c:v>43188.434212962966</c:v>
                </c:pt>
                <c:pt idx="1066">
                  <c:v>43188.392604166664</c:v>
                </c:pt>
                <c:pt idx="1067">
                  <c:v>43188.350960648146</c:v>
                </c:pt>
                <c:pt idx="1068">
                  <c:v>43188.309317129628</c:v>
                </c:pt>
                <c:pt idx="1069">
                  <c:v>43188.267743055556</c:v>
                </c:pt>
                <c:pt idx="1070">
                  <c:v>43188.226111111115</c:v>
                </c:pt>
                <c:pt idx="1071">
                  <c:v>43188.184687499997</c:v>
                </c:pt>
                <c:pt idx="1072">
                  <c:v>43188.143171296295</c:v>
                </c:pt>
                <c:pt idx="1073">
                  <c:v>43188.101574074077</c:v>
                </c:pt>
                <c:pt idx="1074">
                  <c:v>43188.059942129628</c:v>
                </c:pt>
                <c:pt idx="1075">
                  <c:v>43188.018333333333</c:v>
                </c:pt>
                <c:pt idx="1076">
                  <c:v>43187.976689814815</c:v>
                </c:pt>
                <c:pt idx="1077">
                  <c:v>43187.935057870367</c:v>
                </c:pt>
                <c:pt idx="1078">
                  <c:v>43187.893414351849</c:v>
                </c:pt>
                <c:pt idx="1079">
                  <c:v>43187.851805555554</c:v>
                </c:pt>
                <c:pt idx="1080">
                  <c:v>43187.810173611113</c:v>
                </c:pt>
                <c:pt idx="1081">
                  <c:v>43187.768553240741</c:v>
                </c:pt>
                <c:pt idx="1082">
                  <c:v>43187.72693287037</c:v>
                </c:pt>
                <c:pt idx="1083">
                  <c:v>43187.685324074075</c:v>
                </c:pt>
                <c:pt idx="1084">
                  <c:v>43187.643761574072</c:v>
                </c:pt>
                <c:pt idx="1085">
                  <c:v>43187.602129629631</c:v>
                </c:pt>
                <c:pt idx="1086">
                  <c:v>43187.560578703706</c:v>
                </c:pt>
                <c:pt idx="1087">
                  <c:v>43187.518935185188</c:v>
                </c:pt>
                <c:pt idx="1088">
                  <c:v>43187.477303240739</c:v>
                </c:pt>
                <c:pt idx="1089">
                  <c:v>43187.435671296298</c:v>
                </c:pt>
                <c:pt idx="1090">
                  <c:v>43187.39403935185</c:v>
                </c:pt>
                <c:pt idx="1091">
                  <c:v>43187.352395833332</c:v>
                </c:pt>
                <c:pt idx="1092">
                  <c:v>43187.310810185183</c:v>
                </c:pt>
                <c:pt idx="1093">
                  <c:v>43187.269259259258</c:v>
                </c:pt>
                <c:pt idx="1094">
                  <c:v>43187.22760416667</c:v>
                </c:pt>
                <c:pt idx="1095">
                  <c:v>43187.185972222222</c:v>
                </c:pt>
                <c:pt idx="1096">
                  <c:v>43187.14435185185</c:v>
                </c:pt>
                <c:pt idx="1097">
                  <c:v>43187.102731481478</c:v>
                </c:pt>
                <c:pt idx="1098">
                  <c:v>43187.061099537037</c:v>
                </c:pt>
                <c:pt idx="1099">
                  <c:v>43187.019479166665</c:v>
                </c:pt>
                <c:pt idx="1100">
                  <c:v>43186.977847222224</c:v>
                </c:pt>
                <c:pt idx="1101">
                  <c:v>43186.936226851853</c:v>
                </c:pt>
                <c:pt idx="1102">
                  <c:v>43186.894606481481</c:v>
                </c:pt>
                <c:pt idx="1103">
                  <c:v>43186.853009259263</c:v>
                </c:pt>
                <c:pt idx="1104">
                  <c:v>43186.811400462961</c:v>
                </c:pt>
                <c:pt idx="1105">
                  <c:v>43186.769768518519</c:v>
                </c:pt>
                <c:pt idx="1106">
                  <c:v>43186.728125000001</c:v>
                </c:pt>
                <c:pt idx="1107">
                  <c:v>43186.686516203707</c:v>
                </c:pt>
                <c:pt idx="1108">
                  <c:v>43186.644884259258</c:v>
                </c:pt>
                <c:pt idx="1109">
                  <c:v>43186.603263888886</c:v>
                </c:pt>
                <c:pt idx="1110">
                  <c:v>43186.561620370368</c:v>
                </c:pt>
                <c:pt idx="1111">
                  <c:v>43186.519988425927</c:v>
                </c:pt>
                <c:pt idx="1112">
                  <c:v>43186.478344907409</c:v>
                </c:pt>
                <c:pt idx="1113">
                  <c:v>43186.436724537038</c:v>
                </c:pt>
                <c:pt idx="1114">
                  <c:v>43186.395092592589</c:v>
                </c:pt>
                <c:pt idx="1115">
                  <c:v>43186.353460648148</c:v>
                </c:pt>
                <c:pt idx="1116">
                  <c:v>43186.311840277776</c:v>
                </c:pt>
                <c:pt idx="1117">
                  <c:v>43186.270208333335</c:v>
                </c:pt>
                <c:pt idx="1118">
                  <c:v>43186.228587962964</c:v>
                </c:pt>
                <c:pt idx="1119">
                  <c:v>43186.186990740738</c:v>
                </c:pt>
                <c:pt idx="1120">
                  <c:v>43186.145370370374</c:v>
                </c:pt>
                <c:pt idx="1121">
                  <c:v>43186.103750000002</c:v>
                </c:pt>
                <c:pt idx="1122">
                  <c:v>43186.020497685182</c:v>
                </c:pt>
                <c:pt idx="1123">
                  <c:v>43185.9372337963</c:v>
                </c:pt>
                <c:pt idx="1124">
                  <c:v>43185.895624999997</c:v>
                </c:pt>
                <c:pt idx="1125">
                  <c:v>43185.853993055556</c:v>
                </c:pt>
                <c:pt idx="1126">
                  <c:v>43185.812361111108</c:v>
                </c:pt>
                <c:pt idx="1127">
                  <c:v>43185.77071759259</c:v>
                </c:pt>
                <c:pt idx="1128">
                  <c:v>43185.729120370372</c:v>
                </c:pt>
                <c:pt idx="1129">
                  <c:v>43185.687511574077</c:v>
                </c:pt>
                <c:pt idx="1130">
                  <c:v>43185.645902777775</c:v>
                </c:pt>
              </c:numCache>
            </c:numRef>
          </c:xVal>
          <c:yVal>
            <c:numRef>
              <c:f>グラフ!$I$6:$I$1136</c:f>
              <c:numCache>
                <c:formatCode>0.0</c:formatCode>
                <c:ptCount val="1131"/>
                <c:pt idx="0">
                  <c:v>56.2</c:v>
                </c:pt>
                <c:pt idx="1">
                  <c:v>55.2</c:v>
                </c:pt>
                <c:pt idx="2">
                  <c:v>55.2</c:v>
                </c:pt>
                <c:pt idx="3">
                  <c:v>55.2</c:v>
                </c:pt>
                <c:pt idx="4">
                  <c:v>54.7</c:v>
                </c:pt>
                <c:pt idx="5">
                  <c:v>54.7</c:v>
                </c:pt>
                <c:pt idx="6">
                  <c:v>54.7</c:v>
                </c:pt>
                <c:pt idx="7">
                  <c:v>54.2</c:v>
                </c:pt>
                <c:pt idx="8">
                  <c:v>53.8</c:v>
                </c:pt>
                <c:pt idx="9">
                  <c:v>53.3</c:v>
                </c:pt>
                <c:pt idx="10">
                  <c:v>51.3</c:v>
                </c:pt>
                <c:pt idx="11">
                  <c:v>50.8</c:v>
                </c:pt>
                <c:pt idx="12">
                  <c:v>50.8</c:v>
                </c:pt>
                <c:pt idx="13">
                  <c:v>50.3</c:v>
                </c:pt>
                <c:pt idx="14">
                  <c:v>49.9</c:v>
                </c:pt>
                <c:pt idx="15">
                  <c:v>49.9</c:v>
                </c:pt>
                <c:pt idx="16">
                  <c:v>49.4</c:v>
                </c:pt>
                <c:pt idx="17">
                  <c:v>48.9</c:v>
                </c:pt>
                <c:pt idx="18">
                  <c:v>46.9</c:v>
                </c:pt>
                <c:pt idx="19">
                  <c:v>46.4</c:v>
                </c:pt>
                <c:pt idx="20">
                  <c:v>43</c:v>
                </c:pt>
                <c:pt idx="21">
                  <c:v>42.5</c:v>
                </c:pt>
                <c:pt idx="22">
                  <c:v>41.6</c:v>
                </c:pt>
                <c:pt idx="23">
                  <c:v>39.6</c:v>
                </c:pt>
                <c:pt idx="24">
                  <c:v>33.700000000000003</c:v>
                </c:pt>
                <c:pt idx="25">
                  <c:v>33.700000000000003</c:v>
                </c:pt>
                <c:pt idx="26">
                  <c:v>33.700000000000003</c:v>
                </c:pt>
                <c:pt idx="27">
                  <c:v>33.700000000000003</c:v>
                </c:pt>
                <c:pt idx="28">
                  <c:v>33.700000000000003</c:v>
                </c:pt>
                <c:pt idx="29">
                  <c:v>33.700000000000003</c:v>
                </c:pt>
                <c:pt idx="30">
                  <c:v>33.299999999999997</c:v>
                </c:pt>
                <c:pt idx="31">
                  <c:v>33.299999999999997</c:v>
                </c:pt>
                <c:pt idx="32">
                  <c:v>33.299999999999997</c:v>
                </c:pt>
                <c:pt idx="33">
                  <c:v>32.799999999999997</c:v>
                </c:pt>
                <c:pt idx="34">
                  <c:v>30.3</c:v>
                </c:pt>
                <c:pt idx="35">
                  <c:v>30.3</c:v>
                </c:pt>
                <c:pt idx="36">
                  <c:v>29.8</c:v>
                </c:pt>
                <c:pt idx="37">
                  <c:v>29.3</c:v>
                </c:pt>
                <c:pt idx="38">
                  <c:v>27.4</c:v>
                </c:pt>
                <c:pt idx="39">
                  <c:v>25</c:v>
                </c:pt>
                <c:pt idx="40">
                  <c:v>23</c:v>
                </c:pt>
                <c:pt idx="41">
                  <c:v>18.100000000000001</c:v>
                </c:pt>
                <c:pt idx="42">
                  <c:v>16.2</c:v>
                </c:pt>
                <c:pt idx="43">
                  <c:v>15.2</c:v>
                </c:pt>
                <c:pt idx="44">
                  <c:v>14.2</c:v>
                </c:pt>
                <c:pt idx="45">
                  <c:v>14.2</c:v>
                </c:pt>
                <c:pt idx="46">
                  <c:v>13.7</c:v>
                </c:pt>
                <c:pt idx="47">
                  <c:v>13.7</c:v>
                </c:pt>
                <c:pt idx="48">
                  <c:v>13.2</c:v>
                </c:pt>
                <c:pt idx="49">
                  <c:v>13.2</c:v>
                </c:pt>
                <c:pt idx="50">
                  <c:v>13.2</c:v>
                </c:pt>
                <c:pt idx="51">
                  <c:v>13.2</c:v>
                </c:pt>
                <c:pt idx="52">
                  <c:v>13.2</c:v>
                </c:pt>
                <c:pt idx="53">
                  <c:v>13.2</c:v>
                </c:pt>
                <c:pt idx="54">
                  <c:v>13.2</c:v>
                </c:pt>
                <c:pt idx="55">
                  <c:v>13.2</c:v>
                </c:pt>
                <c:pt idx="56">
                  <c:v>12.7</c:v>
                </c:pt>
                <c:pt idx="57">
                  <c:v>12.7</c:v>
                </c:pt>
                <c:pt idx="58">
                  <c:v>12.7</c:v>
                </c:pt>
                <c:pt idx="59">
                  <c:v>12.3</c:v>
                </c:pt>
                <c:pt idx="60">
                  <c:v>12.3</c:v>
                </c:pt>
                <c:pt idx="61">
                  <c:v>12.3</c:v>
                </c:pt>
                <c:pt idx="62">
                  <c:v>11.8</c:v>
                </c:pt>
                <c:pt idx="63">
                  <c:v>11.8</c:v>
                </c:pt>
                <c:pt idx="64">
                  <c:v>11.3</c:v>
                </c:pt>
                <c:pt idx="65">
                  <c:v>11.3</c:v>
                </c:pt>
                <c:pt idx="66">
                  <c:v>10.8</c:v>
                </c:pt>
                <c:pt idx="67">
                  <c:v>10.8</c:v>
                </c:pt>
                <c:pt idx="68">
                  <c:v>10.8</c:v>
                </c:pt>
                <c:pt idx="69">
                  <c:v>10.8</c:v>
                </c:pt>
                <c:pt idx="70">
                  <c:v>10.8</c:v>
                </c:pt>
                <c:pt idx="71">
                  <c:v>10.8</c:v>
                </c:pt>
                <c:pt idx="72">
                  <c:v>10.8</c:v>
                </c:pt>
                <c:pt idx="73">
                  <c:v>10.8</c:v>
                </c:pt>
                <c:pt idx="74">
                  <c:v>10.8</c:v>
                </c:pt>
                <c:pt idx="75">
                  <c:v>10.8</c:v>
                </c:pt>
                <c:pt idx="76">
                  <c:v>10.8</c:v>
                </c:pt>
                <c:pt idx="77">
                  <c:v>10.8</c:v>
                </c:pt>
                <c:pt idx="78">
                  <c:v>10.8</c:v>
                </c:pt>
                <c:pt idx="79">
                  <c:v>10.8</c:v>
                </c:pt>
                <c:pt idx="80">
                  <c:v>10.8</c:v>
                </c:pt>
                <c:pt idx="81">
                  <c:v>10.8</c:v>
                </c:pt>
                <c:pt idx="82">
                  <c:v>10.8</c:v>
                </c:pt>
                <c:pt idx="83">
                  <c:v>10.8</c:v>
                </c:pt>
                <c:pt idx="84">
                  <c:v>10.8</c:v>
                </c:pt>
                <c:pt idx="85">
                  <c:v>10.8</c:v>
                </c:pt>
                <c:pt idx="86">
                  <c:v>10.8</c:v>
                </c:pt>
                <c:pt idx="87">
                  <c:v>10.8</c:v>
                </c:pt>
                <c:pt idx="88">
                  <c:v>10.8</c:v>
                </c:pt>
                <c:pt idx="89">
                  <c:v>10.8</c:v>
                </c:pt>
                <c:pt idx="90">
                  <c:v>10.8</c:v>
                </c:pt>
                <c:pt idx="91">
                  <c:v>10.8</c:v>
                </c:pt>
                <c:pt idx="92">
                  <c:v>10.8</c:v>
                </c:pt>
                <c:pt idx="93">
                  <c:v>10.3</c:v>
                </c:pt>
                <c:pt idx="94">
                  <c:v>10.3</c:v>
                </c:pt>
                <c:pt idx="95">
                  <c:v>10.8</c:v>
                </c:pt>
                <c:pt idx="96">
                  <c:v>10.8</c:v>
                </c:pt>
                <c:pt idx="97">
                  <c:v>10.8</c:v>
                </c:pt>
                <c:pt idx="98">
                  <c:v>10.8</c:v>
                </c:pt>
                <c:pt idx="99">
                  <c:v>10.8</c:v>
                </c:pt>
                <c:pt idx="100">
                  <c:v>10.8</c:v>
                </c:pt>
                <c:pt idx="101">
                  <c:v>10.8</c:v>
                </c:pt>
                <c:pt idx="102">
                  <c:v>10.8</c:v>
                </c:pt>
                <c:pt idx="103">
                  <c:v>10.8</c:v>
                </c:pt>
                <c:pt idx="104">
                  <c:v>10.8</c:v>
                </c:pt>
                <c:pt idx="105">
                  <c:v>10.8</c:v>
                </c:pt>
                <c:pt idx="106">
                  <c:v>11.3</c:v>
                </c:pt>
                <c:pt idx="107">
                  <c:v>11.3</c:v>
                </c:pt>
                <c:pt idx="108">
                  <c:v>11.3</c:v>
                </c:pt>
                <c:pt idx="109">
                  <c:v>11.3</c:v>
                </c:pt>
                <c:pt idx="110">
                  <c:v>11.3</c:v>
                </c:pt>
                <c:pt idx="111">
                  <c:v>11.3</c:v>
                </c:pt>
                <c:pt idx="112">
                  <c:v>11.3</c:v>
                </c:pt>
                <c:pt idx="113">
                  <c:v>11.3</c:v>
                </c:pt>
                <c:pt idx="114">
                  <c:v>11.3</c:v>
                </c:pt>
                <c:pt idx="115">
                  <c:v>11.3</c:v>
                </c:pt>
                <c:pt idx="116">
                  <c:v>11.3</c:v>
                </c:pt>
                <c:pt idx="117">
                  <c:v>11.3</c:v>
                </c:pt>
                <c:pt idx="118">
                  <c:v>11.3</c:v>
                </c:pt>
                <c:pt idx="119">
                  <c:v>11.3</c:v>
                </c:pt>
                <c:pt idx="120">
                  <c:v>11.3</c:v>
                </c:pt>
                <c:pt idx="121">
                  <c:v>11.3</c:v>
                </c:pt>
                <c:pt idx="122">
                  <c:v>11.3</c:v>
                </c:pt>
                <c:pt idx="123">
                  <c:v>11.3</c:v>
                </c:pt>
                <c:pt idx="124">
                  <c:v>11.3</c:v>
                </c:pt>
                <c:pt idx="125">
                  <c:v>11.3</c:v>
                </c:pt>
                <c:pt idx="126">
                  <c:v>11.3</c:v>
                </c:pt>
                <c:pt idx="127">
                  <c:v>11.3</c:v>
                </c:pt>
                <c:pt idx="128">
                  <c:v>11.3</c:v>
                </c:pt>
                <c:pt idx="129">
                  <c:v>11.3</c:v>
                </c:pt>
                <c:pt idx="130">
                  <c:v>11.3</c:v>
                </c:pt>
                <c:pt idx="131">
                  <c:v>11.3</c:v>
                </c:pt>
                <c:pt idx="132">
                  <c:v>11.3</c:v>
                </c:pt>
                <c:pt idx="133">
                  <c:v>11.3</c:v>
                </c:pt>
                <c:pt idx="134">
                  <c:v>11.3</c:v>
                </c:pt>
                <c:pt idx="135">
                  <c:v>11.3</c:v>
                </c:pt>
                <c:pt idx="136">
                  <c:v>11.3</c:v>
                </c:pt>
                <c:pt idx="137">
                  <c:v>11.3</c:v>
                </c:pt>
                <c:pt idx="138">
                  <c:v>11.3</c:v>
                </c:pt>
                <c:pt idx="139">
                  <c:v>11.3</c:v>
                </c:pt>
                <c:pt idx="140">
                  <c:v>10.8</c:v>
                </c:pt>
                <c:pt idx="141">
                  <c:v>10.8</c:v>
                </c:pt>
                <c:pt idx="142">
                  <c:v>10.8</c:v>
                </c:pt>
                <c:pt idx="143">
                  <c:v>10.8</c:v>
                </c:pt>
                <c:pt idx="144">
                  <c:v>10.8</c:v>
                </c:pt>
                <c:pt idx="145">
                  <c:v>10.8</c:v>
                </c:pt>
                <c:pt idx="146">
                  <c:v>10.8</c:v>
                </c:pt>
                <c:pt idx="147">
                  <c:v>10.8</c:v>
                </c:pt>
                <c:pt idx="148">
                  <c:v>10.8</c:v>
                </c:pt>
                <c:pt idx="149">
                  <c:v>10.8</c:v>
                </c:pt>
                <c:pt idx="150">
                  <c:v>10.8</c:v>
                </c:pt>
                <c:pt idx="151">
                  <c:v>10.8</c:v>
                </c:pt>
                <c:pt idx="152">
                  <c:v>10.8</c:v>
                </c:pt>
                <c:pt idx="153">
                  <c:v>10.8</c:v>
                </c:pt>
                <c:pt idx="154">
                  <c:v>10.8</c:v>
                </c:pt>
                <c:pt idx="155">
                  <c:v>10.8</c:v>
                </c:pt>
                <c:pt idx="156">
                  <c:v>10.8</c:v>
                </c:pt>
                <c:pt idx="157">
                  <c:v>10.8</c:v>
                </c:pt>
                <c:pt idx="158">
                  <c:v>10.8</c:v>
                </c:pt>
                <c:pt idx="159">
                  <c:v>10.8</c:v>
                </c:pt>
                <c:pt idx="160">
                  <c:v>10.8</c:v>
                </c:pt>
                <c:pt idx="161">
                  <c:v>10.8</c:v>
                </c:pt>
                <c:pt idx="162">
                  <c:v>10.8</c:v>
                </c:pt>
                <c:pt idx="163">
                  <c:v>10.8</c:v>
                </c:pt>
                <c:pt idx="164">
                  <c:v>10.3</c:v>
                </c:pt>
                <c:pt idx="165">
                  <c:v>10.8</c:v>
                </c:pt>
                <c:pt idx="166">
                  <c:v>10.8</c:v>
                </c:pt>
                <c:pt idx="167">
                  <c:v>10.8</c:v>
                </c:pt>
                <c:pt idx="168">
                  <c:v>10.8</c:v>
                </c:pt>
                <c:pt idx="169">
                  <c:v>11.3</c:v>
                </c:pt>
                <c:pt idx="170">
                  <c:v>11.3</c:v>
                </c:pt>
                <c:pt idx="171">
                  <c:v>11.3</c:v>
                </c:pt>
                <c:pt idx="172">
                  <c:v>10.8</c:v>
                </c:pt>
                <c:pt idx="173">
                  <c:v>10.8</c:v>
                </c:pt>
                <c:pt idx="174">
                  <c:v>10.8</c:v>
                </c:pt>
                <c:pt idx="175">
                  <c:v>10.8</c:v>
                </c:pt>
                <c:pt idx="176">
                  <c:v>10.8</c:v>
                </c:pt>
                <c:pt idx="177">
                  <c:v>10.3</c:v>
                </c:pt>
                <c:pt idx="178">
                  <c:v>10.3</c:v>
                </c:pt>
                <c:pt idx="179">
                  <c:v>10.3</c:v>
                </c:pt>
                <c:pt idx="180">
                  <c:v>10.3</c:v>
                </c:pt>
                <c:pt idx="181">
                  <c:v>10.3</c:v>
                </c:pt>
                <c:pt idx="182">
                  <c:v>10.3</c:v>
                </c:pt>
                <c:pt idx="183">
                  <c:v>10.3</c:v>
                </c:pt>
                <c:pt idx="184">
                  <c:v>10.3</c:v>
                </c:pt>
                <c:pt idx="185">
                  <c:v>10.3</c:v>
                </c:pt>
                <c:pt idx="186">
                  <c:v>10.3</c:v>
                </c:pt>
                <c:pt idx="187">
                  <c:v>10.3</c:v>
                </c:pt>
                <c:pt idx="188">
                  <c:v>10.3</c:v>
                </c:pt>
                <c:pt idx="189">
                  <c:v>10.3</c:v>
                </c:pt>
                <c:pt idx="190">
                  <c:v>10.3</c:v>
                </c:pt>
                <c:pt idx="191">
                  <c:v>10.3</c:v>
                </c:pt>
                <c:pt idx="192">
                  <c:v>10.3</c:v>
                </c:pt>
                <c:pt idx="193">
                  <c:v>10.3</c:v>
                </c:pt>
                <c:pt idx="194">
                  <c:v>10.3</c:v>
                </c:pt>
                <c:pt idx="195">
                  <c:v>10.3</c:v>
                </c:pt>
                <c:pt idx="196">
                  <c:v>10.3</c:v>
                </c:pt>
                <c:pt idx="197">
                  <c:v>10.3</c:v>
                </c:pt>
                <c:pt idx="198">
                  <c:v>10.3</c:v>
                </c:pt>
                <c:pt idx="199">
                  <c:v>9.8000000000000007</c:v>
                </c:pt>
                <c:pt idx="200">
                  <c:v>9.8000000000000007</c:v>
                </c:pt>
                <c:pt idx="201">
                  <c:v>9.8000000000000007</c:v>
                </c:pt>
                <c:pt idx="202">
                  <c:v>9.8000000000000007</c:v>
                </c:pt>
                <c:pt idx="203">
                  <c:v>9.8000000000000007</c:v>
                </c:pt>
                <c:pt idx="204">
                  <c:v>9.8000000000000007</c:v>
                </c:pt>
                <c:pt idx="205">
                  <c:v>9.8000000000000007</c:v>
                </c:pt>
                <c:pt idx="206">
                  <c:v>9.8000000000000007</c:v>
                </c:pt>
                <c:pt idx="207">
                  <c:v>9.8000000000000007</c:v>
                </c:pt>
                <c:pt idx="208">
                  <c:v>9.8000000000000007</c:v>
                </c:pt>
                <c:pt idx="209">
                  <c:v>10.3</c:v>
                </c:pt>
                <c:pt idx="210">
                  <c:v>10.3</c:v>
                </c:pt>
                <c:pt idx="211">
                  <c:v>10.3</c:v>
                </c:pt>
                <c:pt idx="212">
                  <c:v>10.3</c:v>
                </c:pt>
                <c:pt idx="213">
                  <c:v>10.3</c:v>
                </c:pt>
                <c:pt idx="214">
                  <c:v>10.3</c:v>
                </c:pt>
                <c:pt idx="215">
                  <c:v>10.3</c:v>
                </c:pt>
                <c:pt idx="216">
                  <c:v>10.3</c:v>
                </c:pt>
                <c:pt idx="217">
                  <c:v>10.3</c:v>
                </c:pt>
                <c:pt idx="218">
                  <c:v>10.3</c:v>
                </c:pt>
                <c:pt idx="219">
                  <c:v>10.3</c:v>
                </c:pt>
                <c:pt idx="220">
                  <c:v>10.3</c:v>
                </c:pt>
                <c:pt idx="221">
                  <c:v>10.3</c:v>
                </c:pt>
                <c:pt idx="222">
                  <c:v>10.3</c:v>
                </c:pt>
                <c:pt idx="223">
                  <c:v>10.3</c:v>
                </c:pt>
                <c:pt idx="224">
                  <c:v>10.3</c:v>
                </c:pt>
                <c:pt idx="225">
                  <c:v>10.3</c:v>
                </c:pt>
                <c:pt idx="226">
                  <c:v>10.3</c:v>
                </c:pt>
                <c:pt idx="227">
                  <c:v>10.3</c:v>
                </c:pt>
                <c:pt idx="228">
                  <c:v>10.3</c:v>
                </c:pt>
                <c:pt idx="229">
                  <c:v>10.3</c:v>
                </c:pt>
                <c:pt idx="230">
                  <c:v>10.3</c:v>
                </c:pt>
                <c:pt idx="231">
                  <c:v>10.3</c:v>
                </c:pt>
                <c:pt idx="232">
                  <c:v>10.3</c:v>
                </c:pt>
                <c:pt idx="233">
                  <c:v>10.3</c:v>
                </c:pt>
                <c:pt idx="234">
                  <c:v>10.3</c:v>
                </c:pt>
                <c:pt idx="235">
                  <c:v>10.3</c:v>
                </c:pt>
                <c:pt idx="236">
                  <c:v>10.3</c:v>
                </c:pt>
                <c:pt idx="237">
                  <c:v>10.3</c:v>
                </c:pt>
                <c:pt idx="238">
                  <c:v>10.3</c:v>
                </c:pt>
                <c:pt idx="239">
                  <c:v>10.3</c:v>
                </c:pt>
                <c:pt idx="240">
                  <c:v>10.3</c:v>
                </c:pt>
                <c:pt idx="241">
                  <c:v>10.8</c:v>
                </c:pt>
                <c:pt idx="242">
                  <c:v>10.8</c:v>
                </c:pt>
                <c:pt idx="243">
                  <c:v>10.8</c:v>
                </c:pt>
                <c:pt idx="244">
                  <c:v>10.8</c:v>
                </c:pt>
                <c:pt idx="245">
                  <c:v>10.8</c:v>
                </c:pt>
                <c:pt idx="246">
                  <c:v>10.8</c:v>
                </c:pt>
                <c:pt idx="247">
                  <c:v>10.8</c:v>
                </c:pt>
                <c:pt idx="248">
                  <c:v>10.8</c:v>
                </c:pt>
                <c:pt idx="249">
                  <c:v>10.8</c:v>
                </c:pt>
                <c:pt idx="250">
                  <c:v>10.8</c:v>
                </c:pt>
                <c:pt idx="251">
                  <c:v>10.8</c:v>
                </c:pt>
                <c:pt idx="252">
                  <c:v>10.8</c:v>
                </c:pt>
                <c:pt idx="253">
                  <c:v>10.8</c:v>
                </c:pt>
                <c:pt idx="254">
                  <c:v>10.8</c:v>
                </c:pt>
                <c:pt idx="255">
                  <c:v>10.8</c:v>
                </c:pt>
                <c:pt idx="256">
                  <c:v>10.8</c:v>
                </c:pt>
                <c:pt idx="257">
                  <c:v>10.8</c:v>
                </c:pt>
                <c:pt idx="258">
                  <c:v>10.8</c:v>
                </c:pt>
                <c:pt idx="259">
                  <c:v>10.8</c:v>
                </c:pt>
                <c:pt idx="260">
                  <c:v>10.8</c:v>
                </c:pt>
                <c:pt idx="261">
                  <c:v>10.8</c:v>
                </c:pt>
                <c:pt idx="262">
                  <c:v>10.8</c:v>
                </c:pt>
                <c:pt idx="263">
                  <c:v>10.8</c:v>
                </c:pt>
                <c:pt idx="264">
                  <c:v>11.3</c:v>
                </c:pt>
                <c:pt idx="265">
                  <c:v>11.3</c:v>
                </c:pt>
                <c:pt idx="266">
                  <c:v>11.3</c:v>
                </c:pt>
                <c:pt idx="267">
                  <c:v>11.3</c:v>
                </c:pt>
                <c:pt idx="268">
                  <c:v>11.3</c:v>
                </c:pt>
                <c:pt idx="269">
                  <c:v>11.3</c:v>
                </c:pt>
                <c:pt idx="270">
                  <c:v>11.3</c:v>
                </c:pt>
                <c:pt idx="271">
                  <c:v>11.8</c:v>
                </c:pt>
                <c:pt idx="272">
                  <c:v>11.8</c:v>
                </c:pt>
                <c:pt idx="273">
                  <c:v>11.8</c:v>
                </c:pt>
                <c:pt idx="274">
                  <c:v>11.3</c:v>
                </c:pt>
                <c:pt idx="275">
                  <c:v>11.3</c:v>
                </c:pt>
                <c:pt idx="276">
                  <c:v>11.3</c:v>
                </c:pt>
                <c:pt idx="277">
                  <c:v>11.3</c:v>
                </c:pt>
                <c:pt idx="278">
                  <c:v>11.3</c:v>
                </c:pt>
                <c:pt idx="279">
                  <c:v>11.8</c:v>
                </c:pt>
                <c:pt idx="280">
                  <c:v>11.8</c:v>
                </c:pt>
                <c:pt idx="281">
                  <c:v>11.8</c:v>
                </c:pt>
                <c:pt idx="282">
                  <c:v>11.3</c:v>
                </c:pt>
                <c:pt idx="283">
                  <c:v>11.3</c:v>
                </c:pt>
                <c:pt idx="284">
                  <c:v>11.3</c:v>
                </c:pt>
                <c:pt idx="285">
                  <c:v>11.3</c:v>
                </c:pt>
                <c:pt idx="286">
                  <c:v>10.8</c:v>
                </c:pt>
                <c:pt idx="287">
                  <c:v>10.8</c:v>
                </c:pt>
                <c:pt idx="288">
                  <c:v>10.8</c:v>
                </c:pt>
                <c:pt idx="289">
                  <c:v>10.8</c:v>
                </c:pt>
                <c:pt idx="290">
                  <c:v>10.8</c:v>
                </c:pt>
                <c:pt idx="291">
                  <c:v>10.8</c:v>
                </c:pt>
                <c:pt idx="292">
                  <c:v>10.8</c:v>
                </c:pt>
                <c:pt idx="293">
                  <c:v>10.8</c:v>
                </c:pt>
                <c:pt idx="294">
                  <c:v>10.8</c:v>
                </c:pt>
                <c:pt idx="295">
                  <c:v>10.8</c:v>
                </c:pt>
                <c:pt idx="296">
                  <c:v>10.8</c:v>
                </c:pt>
                <c:pt idx="297">
                  <c:v>10.8</c:v>
                </c:pt>
                <c:pt idx="298">
                  <c:v>10.8</c:v>
                </c:pt>
                <c:pt idx="299">
                  <c:v>10.8</c:v>
                </c:pt>
                <c:pt idx="300">
                  <c:v>10.8</c:v>
                </c:pt>
                <c:pt idx="301">
                  <c:v>10.8</c:v>
                </c:pt>
                <c:pt idx="302">
                  <c:v>10.8</c:v>
                </c:pt>
                <c:pt idx="303">
                  <c:v>10.8</c:v>
                </c:pt>
                <c:pt idx="304">
                  <c:v>11.3</c:v>
                </c:pt>
                <c:pt idx="305">
                  <c:v>10.8</c:v>
                </c:pt>
                <c:pt idx="306">
                  <c:v>10.8</c:v>
                </c:pt>
                <c:pt idx="307">
                  <c:v>10.8</c:v>
                </c:pt>
                <c:pt idx="308">
                  <c:v>10.8</c:v>
                </c:pt>
                <c:pt idx="309">
                  <c:v>10.3</c:v>
                </c:pt>
                <c:pt idx="310">
                  <c:v>10.3</c:v>
                </c:pt>
                <c:pt idx="311">
                  <c:v>10.3</c:v>
                </c:pt>
                <c:pt idx="312">
                  <c:v>10.3</c:v>
                </c:pt>
                <c:pt idx="313">
                  <c:v>10.3</c:v>
                </c:pt>
                <c:pt idx="314">
                  <c:v>10.8</c:v>
                </c:pt>
                <c:pt idx="315">
                  <c:v>10.8</c:v>
                </c:pt>
                <c:pt idx="316">
                  <c:v>10.8</c:v>
                </c:pt>
                <c:pt idx="317">
                  <c:v>10.3</c:v>
                </c:pt>
                <c:pt idx="318">
                  <c:v>10.3</c:v>
                </c:pt>
                <c:pt idx="319">
                  <c:v>10.3</c:v>
                </c:pt>
                <c:pt idx="320">
                  <c:v>10.3</c:v>
                </c:pt>
                <c:pt idx="321">
                  <c:v>10.3</c:v>
                </c:pt>
                <c:pt idx="322">
                  <c:v>10.3</c:v>
                </c:pt>
                <c:pt idx="323">
                  <c:v>10.3</c:v>
                </c:pt>
                <c:pt idx="324">
                  <c:v>10.3</c:v>
                </c:pt>
                <c:pt idx="325">
                  <c:v>10.3</c:v>
                </c:pt>
                <c:pt idx="326">
                  <c:v>10.3</c:v>
                </c:pt>
                <c:pt idx="327">
                  <c:v>10.3</c:v>
                </c:pt>
                <c:pt idx="328">
                  <c:v>10.3</c:v>
                </c:pt>
                <c:pt idx="329">
                  <c:v>10.8</c:v>
                </c:pt>
                <c:pt idx="330">
                  <c:v>10.8</c:v>
                </c:pt>
                <c:pt idx="331">
                  <c:v>10.8</c:v>
                </c:pt>
                <c:pt idx="332">
                  <c:v>10.8</c:v>
                </c:pt>
                <c:pt idx="333">
                  <c:v>10.8</c:v>
                </c:pt>
                <c:pt idx="334">
                  <c:v>10.8</c:v>
                </c:pt>
                <c:pt idx="335">
                  <c:v>10.8</c:v>
                </c:pt>
                <c:pt idx="336">
                  <c:v>10.8</c:v>
                </c:pt>
                <c:pt idx="337">
                  <c:v>10.8</c:v>
                </c:pt>
                <c:pt idx="338">
                  <c:v>10.8</c:v>
                </c:pt>
                <c:pt idx="339">
                  <c:v>10.8</c:v>
                </c:pt>
                <c:pt idx="340">
                  <c:v>10.8</c:v>
                </c:pt>
                <c:pt idx="341">
                  <c:v>10.8</c:v>
                </c:pt>
                <c:pt idx="342">
                  <c:v>10.3</c:v>
                </c:pt>
                <c:pt idx="343">
                  <c:v>10.3</c:v>
                </c:pt>
                <c:pt idx="344">
                  <c:v>10.3</c:v>
                </c:pt>
                <c:pt idx="345">
                  <c:v>10.3</c:v>
                </c:pt>
                <c:pt idx="346">
                  <c:v>10.3</c:v>
                </c:pt>
                <c:pt idx="347">
                  <c:v>10.3</c:v>
                </c:pt>
                <c:pt idx="348">
                  <c:v>10.3</c:v>
                </c:pt>
                <c:pt idx="349">
                  <c:v>10.3</c:v>
                </c:pt>
                <c:pt idx="350">
                  <c:v>10.3</c:v>
                </c:pt>
                <c:pt idx="351">
                  <c:v>10.3</c:v>
                </c:pt>
                <c:pt idx="352">
                  <c:v>10.3</c:v>
                </c:pt>
                <c:pt idx="353">
                  <c:v>10.3</c:v>
                </c:pt>
                <c:pt idx="354">
                  <c:v>10.3</c:v>
                </c:pt>
                <c:pt idx="355">
                  <c:v>10.3</c:v>
                </c:pt>
                <c:pt idx="356">
                  <c:v>10.3</c:v>
                </c:pt>
                <c:pt idx="357">
                  <c:v>10.3</c:v>
                </c:pt>
                <c:pt idx="358">
                  <c:v>10.3</c:v>
                </c:pt>
                <c:pt idx="359">
                  <c:v>10.3</c:v>
                </c:pt>
                <c:pt idx="360">
                  <c:v>10.3</c:v>
                </c:pt>
                <c:pt idx="361">
                  <c:v>10.8</c:v>
                </c:pt>
                <c:pt idx="362">
                  <c:v>10.8</c:v>
                </c:pt>
                <c:pt idx="363">
                  <c:v>10.8</c:v>
                </c:pt>
                <c:pt idx="364">
                  <c:v>10.8</c:v>
                </c:pt>
                <c:pt idx="365">
                  <c:v>10.8</c:v>
                </c:pt>
                <c:pt idx="366">
                  <c:v>11.3</c:v>
                </c:pt>
                <c:pt idx="367">
                  <c:v>11.3</c:v>
                </c:pt>
                <c:pt idx="368">
                  <c:v>11.3</c:v>
                </c:pt>
                <c:pt idx="369">
                  <c:v>11.3</c:v>
                </c:pt>
                <c:pt idx="370">
                  <c:v>11.3</c:v>
                </c:pt>
                <c:pt idx="371">
                  <c:v>11.3</c:v>
                </c:pt>
                <c:pt idx="372">
                  <c:v>11.3</c:v>
                </c:pt>
                <c:pt idx="373">
                  <c:v>11.3</c:v>
                </c:pt>
                <c:pt idx="374">
                  <c:v>11.3</c:v>
                </c:pt>
                <c:pt idx="375">
                  <c:v>11.3</c:v>
                </c:pt>
                <c:pt idx="376">
                  <c:v>11.3</c:v>
                </c:pt>
                <c:pt idx="377">
                  <c:v>11.3</c:v>
                </c:pt>
                <c:pt idx="378">
                  <c:v>10.8</c:v>
                </c:pt>
                <c:pt idx="379">
                  <c:v>10.8</c:v>
                </c:pt>
                <c:pt idx="380">
                  <c:v>10.8</c:v>
                </c:pt>
                <c:pt idx="381">
                  <c:v>10.3</c:v>
                </c:pt>
                <c:pt idx="382">
                  <c:v>10.3</c:v>
                </c:pt>
                <c:pt idx="383">
                  <c:v>10.3</c:v>
                </c:pt>
                <c:pt idx="384">
                  <c:v>10.3</c:v>
                </c:pt>
                <c:pt idx="385">
                  <c:v>10.3</c:v>
                </c:pt>
                <c:pt idx="386">
                  <c:v>10.8</c:v>
                </c:pt>
                <c:pt idx="387">
                  <c:v>10.8</c:v>
                </c:pt>
                <c:pt idx="388">
                  <c:v>10.8</c:v>
                </c:pt>
                <c:pt idx="389">
                  <c:v>10.8</c:v>
                </c:pt>
                <c:pt idx="390">
                  <c:v>10.8</c:v>
                </c:pt>
                <c:pt idx="391">
                  <c:v>10.8</c:v>
                </c:pt>
                <c:pt idx="392">
                  <c:v>10.8</c:v>
                </c:pt>
                <c:pt idx="393">
                  <c:v>10.8</c:v>
                </c:pt>
                <c:pt idx="394">
                  <c:v>10.8</c:v>
                </c:pt>
                <c:pt idx="395">
                  <c:v>10.8</c:v>
                </c:pt>
                <c:pt idx="396">
                  <c:v>11.3</c:v>
                </c:pt>
                <c:pt idx="397">
                  <c:v>11.3</c:v>
                </c:pt>
                <c:pt idx="398">
                  <c:v>11.3</c:v>
                </c:pt>
                <c:pt idx="399">
                  <c:v>11.3</c:v>
                </c:pt>
                <c:pt idx="400">
                  <c:v>11.3</c:v>
                </c:pt>
                <c:pt idx="401">
                  <c:v>11.3</c:v>
                </c:pt>
                <c:pt idx="402">
                  <c:v>10.8</c:v>
                </c:pt>
                <c:pt idx="403">
                  <c:v>10.8</c:v>
                </c:pt>
                <c:pt idx="404">
                  <c:v>11.3</c:v>
                </c:pt>
                <c:pt idx="405">
                  <c:v>10.8</c:v>
                </c:pt>
                <c:pt idx="406">
                  <c:v>10.8</c:v>
                </c:pt>
                <c:pt idx="407">
                  <c:v>10.8</c:v>
                </c:pt>
                <c:pt idx="408">
                  <c:v>10.3</c:v>
                </c:pt>
                <c:pt idx="409">
                  <c:v>10.8</c:v>
                </c:pt>
                <c:pt idx="410">
                  <c:v>10.8</c:v>
                </c:pt>
                <c:pt idx="411">
                  <c:v>10.8</c:v>
                </c:pt>
                <c:pt idx="412">
                  <c:v>10.8</c:v>
                </c:pt>
                <c:pt idx="413">
                  <c:v>10.8</c:v>
                </c:pt>
                <c:pt idx="414">
                  <c:v>10.8</c:v>
                </c:pt>
                <c:pt idx="415">
                  <c:v>10.8</c:v>
                </c:pt>
                <c:pt idx="416">
                  <c:v>10.8</c:v>
                </c:pt>
                <c:pt idx="417">
                  <c:v>11.3</c:v>
                </c:pt>
                <c:pt idx="418">
                  <c:v>11.3</c:v>
                </c:pt>
                <c:pt idx="419">
                  <c:v>11.3</c:v>
                </c:pt>
                <c:pt idx="420">
                  <c:v>11.3</c:v>
                </c:pt>
                <c:pt idx="421">
                  <c:v>11.3</c:v>
                </c:pt>
                <c:pt idx="422">
                  <c:v>11.3</c:v>
                </c:pt>
                <c:pt idx="423">
                  <c:v>11.3</c:v>
                </c:pt>
                <c:pt idx="424">
                  <c:v>10.8</c:v>
                </c:pt>
                <c:pt idx="425">
                  <c:v>10.8</c:v>
                </c:pt>
                <c:pt idx="426">
                  <c:v>10.8</c:v>
                </c:pt>
                <c:pt idx="427">
                  <c:v>10.3</c:v>
                </c:pt>
                <c:pt idx="428">
                  <c:v>10.3</c:v>
                </c:pt>
                <c:pt idx="429">
                  <c:v>9.8000000000000007</c:v>
                </c:pt>
                <c:pt idx="430">
                  <c:v>9.8000000000000007</c:v>
                </c:pt>
                <c:pt idx="431">
                  <c:v>9.8000000000000007</c:v>
                </c:pt>
                <c:pt idx="432">
                  <c:v>9.3000000000000007</c:v>
                </c:pt>
                <c:pt idx="433">
                  <c:v>8.8000000000000007</c:v>
                </c:pt>
                <c:pt idx="434">
                  <c:v>8.8000000000000007</c:v>
                </c:pt>
                <c:pt idx="435">
                  <c:v>8.8000000000000007</c:v>
                </c:pt>
                <c:pt idx="436">
                  <c:v>8.8000000000000007</c:v>
                </c:pt>
                <c:pt idx="437">
                  <c:v>8.8000000000000007</c:v>
                </c:pt>
                <c:pt idx="438">
                  <c:v>8.8000000000000007</c:v>
                </c:pt>
                <c:pt idx="439">
                  <c:v>8.8000000000000007</c:v>
                </c:pt>
                <c:pt idx="440">
                  <c:v>9.3000000000000007</c:v>
                </c:pt>
                <c:pt idx="441">
                  <c:v>9.3000000000000007</c:v>
                </c:pt>
                <c:pt idx="442">
                  <c:v>9.3000000000000007</c:v>
                </c:pt>
                <c:pt idx="443">
                  <c:v>9.3000000000000007</c:v>
                </c:pt>
                <c:pt idx="444">
                  <c:v>9.3000000000000007</c:v>
                </c:pt>
                <c:pt idx="445">
                  <c:v>9.3000000000000007</c:v>
                </c:pt>
                <c:pt idx="446">
                  <c:v>9.3000000000000007</c:v>
                </c:pt>
                <c:pt idx="447">
                  <c:v>9.3000000000000007</c:v>
                </c:pt>
                <c:pt idx="448">
                  <c:v>9.3000000000000007</c:v>
                </c:pt>
                <c:pt idx="449">
                  <c:v>9.3000000000000007</c:v>
                </c:pt>
                <c:pt idx="450">
                  <c:v>8.8000000000000007</c:v>
                </c:pt>
                <c:pt idx="451">
                  <c:v>8.3000000000000007</c:v>
                </c:pt>
                <c:pt idx="452">
                  <c:v>8.3000000000000007</c:v>
                </c:pt>
                <c:pt idx="453">
                  <c:v>7.9</c:v>
                </c:pt>
                <c:pt idx="454">
                  <c:v>7.9</c:v>
                </c:pt>
                <c:pt idx="455">
                  <c:v>7.9</c:v>
                </c:pt>
                <c:pt idx="456">
                  <c:v>7.4</c:v>
                </c:pt>
                <c:pt idx="457">
                  <c:v>7.9</c:v>
                </c:pt>
                <c:pt idx="458">
                  <c:v>7.9</c:v>
                </c:pt>
                <c:pt idx="459">
                  <c:v>7.9</c:v>
                </c:pt>
                <c:pt idx="460">
                  <c:v>7.9</c:v>
                </c:pt>
                <c:pt idx="461">
                  <c:v>7.9</c:v>
                </c:pt>
                <c:pt idx="462">
                  <c:v>7.9</c:v>
                </c:pt>
                <c:pt idx="463">
                  <c:v>7.9</c:v>
                </c:pt>
                <c:pt idx="464">
                  <c:v>7.9</c:v>
                </c:pt>
                <c:pt idx="465">
                  <c:v>7.9</c:v>
                </c:pt>
                <c:pt idx="466">
                  <c:v>7.9</c:v>
                </c:pt>
                <c:pt idx="467">
                  <c:v>7.9</c:v>
                </c:pt>
                <c:pt idx="468">
                  <c:v>7.9</c:v>
                </c:pt>
                <c:pt idx="469">
                  <c:v>7.9</c:v>
                </c:pt>
                <c:pt idx="470">
                  <c:v>7.9</c:v>
                </c:pt>
                <c:pt idx="471">
                  <c:v>7.9</c:v>
                </c:pt>
                <c:pt idx="472">
                  <c:v>7.9</c:v>
                </c:pt>
                <c:pt idx="473">
                  <c:v>7.9</c:v>
                </c:pt>
                <c:pt idx="474">
                  <c:v>7.9</c:v>
                </c:pt>
                <c:pt idx="475">
                  <c:v>7.9</c:v>
                </c:pt>
                <c:pt idx="476">
                  <c:v>7.9</c:v>
                </c:pt>
                <c:pt idx="477">
                  <c:v>7.4</c:v>
                </c:pt>
                <c:pt idx="478">
                  <c:v>7.4</c:v>
                </c:pt>
                <c:pt idx="479">
                  <c:v>7.4</c:v>
                </c:pt>
                <c:pt idx="480">
                  <c:v>7.4</c:v>
                </c:pt>
                <c:pt idx="481">
                  <c:v>7.4</c:v>
                </c:pt>
                <c:pt idx="482">
                  <c:v>7.4</c:v>
                </c:pt>
                <c:pt idx="483">
                  <c:v>7.4</c:v>
                </c:pt>
                <c:pt idx="484">
                  <c:v>7.4</c:v>
                </c:pt>
                <c:pt idx="485">
                  <c:v>6.9</c:v>
                </c:pt>
                <c:pt idx="486">
                  <c:v>6.9</c:v>
                </c:pt>
                <c:pt idx="487">
                  <c:v>7.4</c:v>
                </c:pt>
                <c:pt idx="488">
                  <c:v>6.9</c:v>
                </c:pt>
                <c:pt idx="489">
                  <c:v>6.9</c:v>
                </c:pt>
                <c:pt idx="490">
                  <c:v>6.9</c:v>
                </c:pt>
                <c:pt idx="491">
                  <c:v>6.9</c:v>
                </c:pt>
                <c:pt idx="492">
                  <c:v>6.9</c:v>
                </c:pt>
                <c:pt idx="493">
                  <c:v>6.9</c:v>
                </c:pt>
                <c:pt idx="494">
                  <c:v>6.9</c:v>
                </c:pt>
                <c:pt idx="495">
                  <c:v>6.9</c:v>
                </c:pt>
                <c:pt idx="496">
                  <c:v>6.9</c:v>
                </c:pt>
                <c:pt idx="497">
                  <c:v>6.4</c:v>
                </c:pt>
                <c:pt idx="498">
                  <c:v>6.9</c:v>
                </c:pt>
                <c:pt idx="499">
                  <c:v>6.9</c:v>
                </c:pt>
                <c:pt idx="500">
                  <c:v>6.9</c:v>
                </c:pt>
                <c:pt idx="501">
                  <c:v>6.9</c:v>
                </c:pt>
                <c:pt idx="502">
                  <c:v>6.9</c:v>
                </c:pt>
                <c:pt idx="503">
                  <c:v>6.9</c:v>
                </c:pt>
                <c:pt idx="504">
                  <c:v>7.4</c:v>
                </c:pt>
                <c:pt idx="505">
                  <c:v>7.4</c:v>
                </c:pt>
                <c:pt idx="506">
                  <c:v>7.4</c:v>
                </c:pt>
                <c:pt idx="507">
                  <c:v>7.4</c:v>
                </c:pt>
                <c:pt idx="508">
                  <c:v>7.4</c:v>
                </c:pt>
                <c:pt idx="509">
                  <c:v>7.4</c:v>
                </c:pt>
                <c:pt idx="510">
                  <c:v>7.4</c:v>
                </c:pt>
                <c:pt idx="511">
                  <c:v>7.4</c:v>
                </c:pt>
                <c:pt idx="512">
                  <c:v>7.4</c:v>
                </c:pt>
                <c:pt idx="513">
                  <c:v>7.4</c:v>
                </c:pt>
                <c:pt idx="514">
                  <c:v>7.4</c:v>
                </c:pt>
                <c:pt idx="515">
                  <c:v>7.4</c:v>
                </c:pt>
                <c:pt idx="516">
                  <c:v>7.4</c:v>
                </c:pt>
                <c:pt idx="517">
                  <c:v>7.4</c:v>
                </c:pt>
                <c:pt idx="518">
                  <c:v>7.4</c:v>
                </c:pt>
                <c:pt idx="519">
                  <c:v>7.4</c:v>
                </c:pt>
                <c:pt idx="520">
                  <c:v>7.4</c:v>
                </c:pt>
                <c:pt idx="521">
                  <c:v>7.4</c:v>
                </c:pt>
                <c:pt idx="522">
                  <c:v>7.4</c:v>
                </c:pt>
                <c:pt idx="523">
                  <c:v>7.4</c:v>
                </c:pt>
                <c:pt idx="524">
                  <c:v>7.4</c:v>
                </c:pt>
                <c:pt idx="525">
                  <c:v>7.4</c:v>
                </c:pt>
                <c:pt idx="526">
                  <c:v>7.4</c:v>
                </c:pt>
                <c:pt idx="527">
                  <c:v>7.4</c:v>
                </c:pt>
                <c:pt idx="528">
                  <c:v>6.9</c:v>
                </c:pt>
                <c:pt idx="529">
                  <c:v>6.9</c:v>
                </c:pt>
                <c:pt idx="530">
                  <c:v>7.4</c:v>
                </c:pt>
                <c:pt idx="531">
                  <c:v>7.4</c:v>
                </c:pt>
                <c:pt idx="532">
                  <c:v>7.4</c:v>
                </c:pt>
                <c:pt idx="533">
                  <c:v>7.4</c:v>
                </c:pt>
                <c:pt idx="534">
                  <c:v>7.4</c:v>
                </c:pt>
                <c:pt idx="535">
                  <c:v>7.4</c:v>
                </c:pt>
                <c:pt idx="536">
                  <c:v>7.4</c:v>
                </c:pt>
                <c:pt idx="537">
                  <c:v>7.4</c:v>
                </c:pt>
                <c:pt idx="538">
                  <c:v>6.9</c:v>
                </c:pt>
                <c:pt idx="539">
                  <c:v>6.9</c:v>
                </c:pt>
                <c:pt idx="540">
                  <c:v>6.9</c:v>
                </c:pt>
                <c:pt idx="541">
                  <c:v>6.9</c:v>
                </c:pt>
                <c:pt idx="542">
                  <c:v>6.9</c:v>
                </c:pt>
                <c:pt idx="543">
                  <c:v>6.9</c:v>
                </c:pt>
                <c:pt idx="544">
                  <c:v>6.9</c:v>
                </c:pt>
                <c:pt idx="545">
                  <c:v>6.9</c:v>
                </c:pt>
                <c:pt idx="546">
                  <c:v>6.9</c:v>
                </c:pt>
                <c:pt idx="547">
                  <c:v>7.4</c:v>
                </c:pt>
                <c:pt idx="548">
                  <c:v>7.4</c:v>
                </c:pt>
                <c:pt idx="549">
                  <c:v>7.4</c:v>
                </c:pt>
                <c:pt idx="550">
                  <c:v>7.4</c:v>
                </c:pt>
                <c:pt idx="551">
                  <c:v>7.4</c:v>
                </c:pt>
                <c:pt idx="552">
                  <c:v>7.4</c:v>
                </c:pt>
                <c:pt idx="553">
                  <c:v>7.4</c:v>
                </c:pt>
                <c:pt idx="554">
                  <c:v>7.4</c:v>
                </c:pt>
                <c:pt idx="555">
                  <c:v>7.4</c:v>
                </c:pt>
                <c:pt idx="556">
                  <c:v>7.4</c:v>
                </c:pt>
                <c:pt idx="557">
                  <c:v>7.4</c:v>
                </c:pt>
                <c:pt idx="558">
                  <c:v>7.4</c:v>
                </c:pt>
                <c:pt idx="559">
                  <c:v>7.4</c:v>
                </c:pt>
                <c:pt idx="560">
                  <c:v>7.4</c:v>
                </c:pt>
                <c:pt idx="561">
                  <c:v>7.4</c:v>
                </c:pt>
                <c:pt idx="562">
                  <c:v>7.4</c:v>
                </c:pt>
                <c:pt idx="563">
                  <c:v>7.4</c:v>
                </c:pt>
                <c:pt idx="564">
                  <c:v>7.4</c:v>
                </c:pt>
                <c:pt idx="565">
                  <c:v>7.4</c:v>
                </c:pt>
                <c:pt idx="566">
                  <c:v>7.4</c:v>
                </c:pt>
                <c:pt idx="567">
                  <c:v>7.4</c:v>
                </c:pt>
                <c:pt idx="568">
                  <c:v>7.4</c:v>
                </c:pt>
                <c:pt idx="569">
                  <c:v>7.4</c:v>
                </c:pt>
                <c:pt idx="570">
                  <c:v>7.4</c:v>
                </c:pt>
                <c:pt idx="571">
                  <c:v>7.4</c:v>
                </c:pt>
                <c:pt idx="572">
                  <c:v>7.4</c:v>
                </c:pt>
                <c:pt idx="573">
                  <c:v>7.4</c:v>
                </c:pt>
                <c:pt idx="574">
                  <c:v>7.4</c:v>
                </c:pt>
                <c:pt idx="575">
                  <c:v>7.9</c:v>
                </c:pt>
                <c:pt idx="576">
                  <c:v>7.9</c:v>
                </c:pt>
                <c:pt idx="577">
                  <c:v>7.9</c:v>
                </c:pt>
                <c:pt idx="578">
                  <c:v>7.9</c:v>
                </c:pt>
                <c:pt idx="579">
                  <c:v>7.9</c:v>
                </c:pt>
                <c:pt idx="580">
                  <c:v>7.9</c:v>
                </c:pt>
                <c:pt idx="581">
                  <c:v>7.9</c:v>
                </c:pt>
                <c:pt idx="582">
                  <c:v>7.9</c:v>
                </c:pt>
                <c:pt idx="583">
                  <c:v>7.9</c:v>
                </c:pt>
                <c:pt idx="584">
                  <c:v>7.9</c:v>
                </c:pt>
                <c:pt idx="585">
                  <c:v>7.9</c:v>
                </c:pt>
                <c:pt idx="586">
                  <c:v>8.3000000000000007</c:v>
                </c:pt>
                <c:pt idx="587">
                  <c:v>8.3000000000000007</c:v>
                </c:pt>
                <c:pt idx="588">
                  <c:v>8.3000000000000007</c:v>
                </c:pt>
                <c:pt idx="589">
                  <c:v>8.3000000000000007</c:v>
                </c:pt>
                <c:pt idx="590">
                  <c:v>8.3000000000000007</c:v>
                </c:pt>
                <c:pt idx="591">
                  <c:v>7.9</c:v>
                </c:pt>
                <c:pt idx="592">
                  <c:v>7.9</c:v>
                </c:pt>
                <c:pt idx="593">
                  <c:v>8.3000000000000007</c:v>
                </c:pt>
                <c:pt idx="594">
                  <c:v>8.3000000000000007</c:v>
                </c:pt>
                <c:pt idx="595">
                  <c:v>8.3000000000000007</c:v>
                </c:pt>
                <c:pt idx="596">
                  <c:v>8.3000000000000007</c:v>
                </c:pt>
                <c:pt idx="597">
                  <c:v>8.3000000000000007</c:v>
                </c:pt>
                <c:pt idx="598">
                  <c:v>8.3000000000000007</c:v>
                </c:pt>
                <c:pt idx="599">
                  <c:v>8.3000000000000007</c:v>
                </c:pt>
                <c:pt idx="600">
                  <c:v>8.8000000000000007</c:v>
                </c:pt>
                <c:pt idx="601">
                  <c:v>8.8000000000000007</c:v>
                </c:pt>
                <c:pt idx="602">
                  <c:v>8.8000000000000007</c:v>
                </c:pt>
                <c:pt idx="603">
                  <c:v>8.8000000000000007</c:v>
                </c:pt>
                <c:pt idx="604">
                  <c:v>8.8000000000000007</c:v>
                </c:pt>
                <c:pt idx="605">
                  <c:v>8.8000000000000007</c:v>
                </c:pt>
                <c:pt idx="606">
                  <c:v>8.8000000000000007</c:v>
                </c:pt>
                <c:pt idx="607">
                  <c:v>8.8000000000000007</c:v>
                </c:pt>
                <c:pt idx="608">
                  <c:v>8.8000000000000007</c:v>
                </c:pt>
                <c:pt idx="609">
                  <c:v>8.8000000000000007</c:v>
                </c:pt>
                <c:pt idx="610">
                  <c:v>8.8000000000000007</c:v>
                </c:pt>
                <c:pt idx="611">
                  <c:v>8.8000000000000007</c:v>
                </c:pt>
                <c:pt idx="612">
                  <c:v>8.8000000000000007</c:v>
                </c:pt>
                <c:pt idx="613">
                  <c:v>8.8000000000000007</c:v>
                </c:pt>
                <c:pt idx="614">
                  <c:v>8.8000000000000007</c:v>
                </c:pt>
                <c:pt idx="615">
                  <c:v>8.8000000000000007</c:v>
                </c:pt>
                <c:pt idx="616">
                  <c:v>8.3000000000000007</c:v>
                </c:pt>
                <c:pt idx="617">
                  <c:v>7.9</c:v>
                </c:pt>
                <c:pt idx="618">
                  <c:v>7.9</c:v>
                </c:pt>
                <c:pt idx="619">
                  <c:v>7.9</c:v>
                </c:pt>
                <c:pt idx="620">
                  <c:v>7.9</c:v>
                </c:pt>
                <c:pt idx="621">
                  <c:v>7.4</c:v>
                </c:pt>
                <c:pt idx="622">
                  <c:v>7.4</c:v>
                </c:pt>
                <c:pt idx="623">
                  <c:v>7.4</c:v>
                </c:pt>
                <c:pt idx="624">
                  <c:v>7.9</c:v>
                </c:pt>
                <c:pt idx="625">
                  <c:v>7.9</c:v>
                </c:pt>
                <c:pt idx="626">
                  <c:v>7.9</c:v>
                </c:pt>
                <c:pt idx="627">
                  <c:v>7.9</c:v>
                </c:pt>
                <c:pt idx="628">
                  <c:v>7.9</c:v>
                </c:pt>
                <c:pt idx="629">
                  <c:v>7.9</c:v>
                </c:pt>
                <c:pt idx="630">
                  <c:v>7.9</c:v>
                </c:pt>
                <c:pt idx="631">
                  <c:v>7.9</c:v>
                </c:pt>
                <c:pt idx="632">
                  <c:v>7.9</c:v>
                </c:pt>
                <c:pt idx="633">
                  <c:v>7.9</c:v>
                </c:pt>
                <c:pt idx="634">
                  <c:v>7.4</c:v>
                </c:pt>
                <c:pt idx="635">
                  <c:v>7.4</c:v>
                </c:pt>
                <c:pt idx="636">
                  <c:v>6.9</c:v>
                </c:pt>
                <c:pt idx="637">
                  <c:v>6.4</c:v>
                </c:pt>
                <c:pt idx="638">
                  <c:v>6.4</c:v>
                </c:pt>
                <c:pt idx="639">
                  <c:v>6.4</c:v>
                </c:pt>
                <c:pt idx="640">
                  <c:v>5.9</c:v>
                </c:pt>
                <c:pt idx="641">
                  <c:v>5.9</c:v>
                </c:pt>
                <c:pt idx="642">
                  <c:v>5.9</c:v>
                </c:pt>
                <c:pt idx="643">
                  <c:v>5.9</c:v>
                </c:pt>
                <c:pt idx="644">
                  <c:v>5.4</c:v>
                </c:pt>
                <c:pt idx="645">
                  <c:v>5.4</c:v>
                </c:pt>
                <c:pt idx="646">
                  <c:v>5.4</c:v>
                </c:pt>
                <c:pt idx="647">
                  <c:v>5.4</c:v>
                </c:pt>
                <c:pt idx="648">
                  <c:v>5.4</c:v>
                </c:pt>
                <c:pt idx="649">
                  <c:v>5.4</c:v>
                </c:pt>
                <c:pt idx="650">
                  <c:v>5.4</c:v>
                </c:pt>
                <c:pt idx="651">
                  <c:v>5.4</c:v>
                </c:pt>
                <c:pt idx="652">
                  <c:v>5.4</c:v>
                </c:pt>
                <c:pt idx="653">
                  <c:v>5.4</c:v>
                </c:pt>
                <c:pt idx="654">
                  <c:v>5.4</c:v>
                </c:pt>
                <c:pt idx="655">
                  <c:v>5.4</c:v>
                </c:pt>
                <c:pt idx="656">
                  <c:v>5.4</c:v>
                </c:pt>
                <c:pt idx="657">
                  <c:v>5.4</c:v>
                </c:pt>
                <c:pt idx="658">
                  <c:v>5.4</c:v>
                </c:pt>
                <c:pt idx="659">
                  <c:v>5.4</c:v>
                </c:pt>
                <c:pt idx="660">
                  <c:v>5.4</c:v>
                </c:pt>
                <c:pt idx="661">
                  <c:v>5.4</c:v>
                </c:pt>
                <c:pt idx="662">
                  <c:v>5.4</c:v>
                </c:pt>
                <c:pt idx="663">
                  <c:v>4.9000000000000004</c:v>
                </c:pt>
                <c:pt idx="664">
                  <c:v>4.9000000000000004</c:v>
                </c:pt>
                <c:pt idx="665">
                  <c:v>4.9000000000000004</c:v>
                </c:pt>
                <c:pt idx="666">
                  <c:v>4.9000000000000004</c:v>
                </c:pt>
                <c:pt idx="667">
                  <c:v>4.9000000000000004</c:v>
                </c:pt>
                <c:pt idx="668">
                  <c:v>4.4000000000000004</c:v>
                </c:pt>
                <c:pt idx="669">
                  <c:v>4.4000000000000004</c:v>
                </c:pt>
                <c:pt idx="670">
                  <c:v>4.4000000000000004</c:v>
                </c:pt>
                <c:pt idx="671">
                  <c:v>4.4000000000000004</c:v>
                </c:pt>
                <c:pt idx="672">
                  <c:v>4.4000000000000004</c:v>
                </c:pt>
                <c:pt idx="673">
                  <c:v>4.4000000000000004</c:v>
                </c:pt>
                <c:pt idx="674">
                  <c:v>4.4000000000000004</c:v>
                </c:pt>
                <c:pt idx="675">
                  <c:v>4.4000000000000004</c:v>
                </c:pt>
                <c:pt idx="676">
                  <c:v>4.4000000000000004</c:v>
                </c:pt>
                <c:pt idx="677">
                  <c:v>4.4000000000000004</c:v>
                </c:pt>
                <c:pt idx="678">
                  <c:v>4.4000000000000004</c:v>
                </c:pt>
                <c:pt idx="679">
                  <c:v>4.4000000000000004</c:v>
                </c:pt>
                <c:pt idx="680">
                  <c:v>4.4000000000000004</c:v>
                </c:pt>
                <c:pt idx="681">
                  <c:v>4.4000000000000004</c:v>
                </c:pt>
                <c:pt idx="682">
                  <c:v>4.4000000000000004</c:v>
                </c:pt>
                <c:pt idx="683">
                  <c:v>4.4000000000000004</c:v>
                </c:pt>
                <c:pt idx="684">
                  <c:v>4.4000000000000004</c:v>
                </c:pt>
                <c:pt idx="685">
                  <c:v>4.4000000000000004</c:v>
                </c:pt>
                <c:pt idx="686">
                  <c:v>4.4000000000000004</c:v>
                </c:pt>
                <c:pt idx="687">
                  <c:v>4</c:v>
                </c:pt>
                <c:pt idx="688">
                  <c:v>4</c:v>
                </c:pt>
                <c:pt idx="689">
                  <c:v>4</c:v>
                </c:pt>
                <c:pt idx="690">
                  <c:v>4</c:v>
                </c:pt>
                <c:pt idx="691">
                  <c:v>4</c:v>
                </c:pt>
                <c:pt idx="692">
                  <c:v>4</c:v>
                </c:pt>
                <c:pt idx="693">
                  <c:v>4</c:v>
                </c:pt>
                <c:pt idx="694">
                  <c:v>4</c:v>
                </c:pt>
                <c:pt idx="695">
                  <c:v>4</c:v>
                </c:pt>
                <c:pt idx="696">
                  <c:v>4</c:v>
                </c:pt>
                <c:pt idx="697">
                  <c:v>4</c:v>
                </c:pt>
                <c:pt idx="698">
                  <c:v>4</c:v>
                </c:pt>
                <c:pt idx="699">
                  <c:v>4</c:v>
                </c:pt>
                <c:pt idx="700">
                  <c:v>4</c:v>
                </c:pt>
                <c:pt idx="701">
                  <c:v>4</c:v>
                </c:pt>
                <c:pt idx="702">
                  <c:v>4</c:v>
                </c:pt>
                <c:pt idx="703">
                  <c:v>4.4000000000000004</c:v>
                </c:pt>
                <c:pt idx="704">
                  <c:v>4.4000000000000004</c:v>
                </c:pt>
                <c:pt idx="705">
                  <c:v>4.4000000000000004</c:v>
                </c:pt>
                <c:pt idx="706">
                  <c:v>4.4000000000000004</c:v>
                </c:pt>
                <c:pt idx="707">
                  <c:v>4.4000000000000004</c:v>
                </c:pt>
                <c:pt idx="708">
                  <c:v>4.4000000000000004</c:v>
                </c:pt>
                <c:pt idx="709">
                  <c:v>4.4000000000000004</c:v>
                </c:pt>
                <c:pt idx="710">
                  <c:v>4.4000000000000004</c:v>
                </c:pt>
                <c:pt idx="711">
                  <c:v>4.4000000000000004</c:v>
                </c:pt>
                <c:pt idx="712">
                  <c:v>4.4000000000000004</c:v>
                </c:pt>
                <c:pt idx="713">
                  <c:v>4.4000000000000004</c:v>
                </c:pt>
                <c:pt idx="714">
                  <c:v>4.4000000000000004</c:v>
                </c:pt>
                <c:pt idx="715">
                  <c:v>4.4000000000000004</c:v>
                </c:pt>
                <c:pt idx="716">
                  <c:v>4.4000000000000004</c:v>
                </c:pt>
                <c:pt idx="717">
                  <c:v>4.4000000000000004</c:v>
                </c:pt>
                <c:pt idx="718">
                  <c:v>4.4000000000000004</c:v>
                </c:pt>
                <c:pt idx="719">
                  <c:v>4.9000000000000004</c:v>
                </c:pt>
                <c:pt idx="720">
                  <c:v>4.9000000000000004</c:v>
                </c:pt>
                <c:pt idx="721">
                  <c:v>4.4000000000000004</c:v>
                </c:pt>
                <c:pt idx="722">
                  <c:v>4.4000000000000004</c:v>
                </c:pt>
                <c:pt idx="723">
                  <c:v>4.4000000000000004</c:v>
                </c:pt>
                <c:pt idx="724">
                  <c:v>4.4000000000000004</c:v>
                </c:pt>
                <c:pt idx="725">
                  <c:v>4.4000000000000004</c:v>
                </c:pt>
                <c:pt idx="726">
                  <c:v>4.4000000000000004</c:v>
                </c:pt>
                <c:pt idx="727">
                  <c:v>4.4000000000000004</c:v>
                </c:pt>
                <c:pt idx="728">
                  <c:v>4.4000000000000004</c:v>
                </c:pt>
                <c:pt idx="729">
                  <c:v>4.4000000000000004</c:v>
                </c:pt>
                <c:pt idx="730">
                  <c:v>4.4000000000000004</c:v>
                </c:pt>
                <c:pt idx="731">
                  <c:v>4.4000000000000004</c:v>
                </c:pt>
                <c:pt idx="732">
                  <c:v>4.4000000000000004</c:v>
                </c:pt>
                <c:pt idx="733">
                  <c:v>4.4000000000000004</c:v>
                </c:pt>
                <c:pt idx="734">
                  <c:v>4.4000000000000004</c:v>
                </c:pt>
                <c:pt idx="735">
                  <c:v>4.4000000000000004</c:v>
                </c:pt>
                <c:pt idx="736">
                  <c:v>4.4000000000000004</c:v>
                </c:pt>
                <c:pt idx="737">
                  <c:v>4.4000000000000004</c:v>
                </c:pt>
                <c:pt idx="738">
                  <c:v>4.4000000000000004</c:v>
                </c:pt>
                <c:pt idx="739">
                  <c:v>4.4000000000000004</c:v>
                </c:pt>
                <c:pt idx="740">
                  <c:v>4.4000000000000004</c:v>
                </c:pt>
                <c:pt idx="741">
                  <c:v>4.4000000000000004</c:v>
                </c:pt>
                <c:pt idx="742">
                  <c:v>4.4000000000000004</c:v>
                </c:pt>
                <c:pt idx="743">
                  <c:v>4.4000000000000004</c:v>
                </c:pt>
                <c:pt idx="744">
                  <c:v>4.4000000000000004</c:v>
                </c:pt>
                <c:pt idx="745">
                  <c:v>4.4000000000000004</c:v>
                </c:pt>
                <c:pt idx="746">
                  <c:v>4.4000000000000004</c:v>
                </c:pt>
                <c:pt idx="747">
                  <c:v>4</c:v>
                </c:pt>
                <c:pt idx="748">
                  <c:v>4</c:v>
                </c:pt>
                <c:pt idx="749">
                  <c:v>4</c:v>
                </c:pt>
                <c:pt idx="750">
                  <c:v>4.4000000000000004</c:v>
                </c:pt>
                <c:pt idx="751">
                  <c:v>4.4000000000000004</c:v>
                </c:pt>
                <c:pt idx="752">
                  <c:v>4.4000000000000004</c:v>
                </c:pt>
                <c:pt idx="753">
                  <c:v>4.4000000000000004</c:v>
                </c:pt>
                <c:pt idx="754">
                  <c:v>4.4000000000000004</c:v>
                </c:pt>
                <c:pt idx="755">
                  <c:v>4.4000000000000004</c:v>
                </c:pt>
                <c:pt idx="756">
                  <c:v>4</c:v>
                </c:pt>
                <c:pt idx="757">
                  <c:v>4</c:v>
                </c:pt>
                <c:pt idx="758">
                  <c:v>4</c:v>
                </c:pt>
                <c:pt idx="759">
                  <c:v>4</c:v>
                </c:pt>
                <c:pt idx="760">
                  <c:v>4</c:v>
                </c:pt>
                <c:pt idx="761">
                  <c:v>4</c:v>
                </c:pt>
                <c:pt idx="762">
                  <c:v>4.4000000000000004</c:v>
                </c:pt>
                <c:pt idx="763">
                  <c:v>4.4000000000000004</c:v>
                </c:pt>
                <c:pt idx="764">
                  <c:v>4</c:v>
                </c:pt>
                <c:pt idx="765">
                  <c:v>4</c:v>
                </c:pt>
                <c:pt idx="766">
                  <c:v>4.4000000000000004</c:v>
                </c:pt>
                <c:pt idx="767">
                  <c:v>4.4000000000000004</c:v>
                </c:pt>
                <c:pt idx="768">
                  <c:v>4.4000000000000004</c:v>
                </c:pt>
                <c:pt idx="769">
                  <c:v>4.4000000000000004</c:v>
                </c:pt>
                <c:pt idx="770">
                  <c:v>4.4000000000000004</c:v>
                </c:pt>
                <c:pt idx="771">
                  <c:v>4.9000000000000004</c:v>
                </c:pt>
                <c:pt idx="772">
                  <c:v>4.9000000000000004</c:v>
                </c:pt>
                <c:pt idx="773">
                  <c:v>4.9000000000000004</c:v>
                </c:pt>
                <c:pt idx="774">
                  <c:v>4.9000000000000004</c:v>
                </c:pt>
                <c:pt idx="775">
                  <c:v>4.4000000000000004</c:v>
                </c:pt>
                <c:pt idx="776">
                  <c:v>4.4000000000000004</c:v>
                </c:pt>
                <c:pt idx="777">
                  <c:v>4.4000000000000004</c:v>
                </c:pt>
                <c:pt idx="778">
                  <c:v>4.4000000000000004</c:v>
                </c:pt>
                <c:pt idx="779">
                  <c:v>4.9000000000000004</c:v>
                </c:pt>
                <c:pt idx="780">
                  <c:v>4.9000000000000004</c:v>
                </c:pt>
                <c:pt idx="781">
                  <c:v>4.9000000000000004</c:v>
                </c:pt>
                <c:pt idx="782">
                  <c:v>4.4000000000000004</c:v>
                </c:pt>
                <c:pt idx="783">
                  <c:v>4.4000000000000004</c:v>
                </c:pt>
                <c:pt idx="784">
                  <c:v>4.4000000000000004</c:v>
                </c:pt>
                <c:pt idx="785">
                  <c:v>4.4000000000000004</c:v>
                </c:pt>
                <c:pt idx="786">
                  <c:v>4.4000000000000004</c:v>
                </c:pt>
                <c:pt idx="787">
                  <c:v>4.4000000000000004</c:v>
                </c:pt>
                <c:pt idx="788">
                  <c:v>4.4000000000000004</c:v>
                </c:pt>
                <c:pt idx="789">
                  <c:v>4.4000000000000004</c:v>
                </c:pt>
                <c:pt idx="790">
                  <c:v>4.4000000000000004</c:v>
                </c:pt>
                <c:pt idx="791">
                  <c:v>4.4000000000000004</c:v>
                </c:pt>
                <c:pt idx="792">
                  <c:v>4.4000000000000004</c:v>
                </c:pt>
                <c:pt idx="793">
                  <c:v>4</c:v>
                </c:pt>
                <c:pt idx="794">
                  <c:v>4</c:v>
                </c:pt>
                <c:pt idx="795">
                  <c:v>4</c:v>
                </c:pt>
                <c:pt idx="796">
                  <c:v>4</c:v>
                </c:pt>
                <c:pt idx="797">
                  <c:v>4</c:v>
                </c:pt>
                <c:pt idx="798">
                  <c:v>4</c:v>
                </c:pt>
                <c:pt idx="799">
                  <c:v>4</c:v>
                </c:pt>
                <c:pt idx="800">
                  <c:v>4</c:v>
                </c:pt>
                <c:pt idx="801">
                  <c:v>4</c:v>
                </c:pt>
                <c:pt idx="802">
                  <c:v>4</c:v>
                </c:pt>
                <c:pt idx="803">
                  <c:v>4</c:v>
                </c:pt>
                <c:pt idx="804">
                  <c:v>4.4000000000000004</c:v>
                </c:pt>
                <c:pt idx="805">
                  <c:v>4.4000000000000004</c:v>
                </c:pt>
                <c:pt idx="806">
                  <c:v>4.4000000000000004</c:v>
                </c:pt>
                <c:pt idx="807">
                  <c:v>4</c:v>
                </c:pt>
                <c:pt idx="808">
                  <c:v>4</c:v>
                </c:pt>
                <c:pt idx="809">
                  <c:v>4</c:v>
                </c:pt>
                <c:pt idx="810">
                  <c:v>4</c:v>
                </c:pt>
                <c:pt idx="811">
                  <c:v>4</c:v>
                </c:pt>
                <c:pt idx="812">
                  <c:v>4</c:v>
                </c:pt>
                <c:pt idx="813">
                  <c:v>4</c:v>
                </c:pt>
                <c:pt idx="814">
                  <c:v>4</c:v>
                </c:pt>
                <c:pt idx="815">
                  <c:v>4</c:v>
                </c:pt>
                <c:pt idx="816">
                  <c:v>4</c:v>
                </c:pt>
                <c:pt idx="817">
                  <c:v>4</c:v>
                </c:pt>
                <c:pt idx="818">
                  <c:v>4</c:v>
                </c:pt>
                <c:pt idx="819">
                  <c:v>4</c:v>
                </c:pt>
                <c:pt idx="820">
                  <c:v>4</c:v>
                </c:pt>
                <c:pt idx="821">
                  <c:v>4</c:v>
                </c:pt>
                <c:pt idx="822">
                  <c:v>4</c:v>
                </c:pt>
                <c:pt idx="823">
                  <c:v>4</c:v>
                </c:pt>
                <c:pt idx="824">
                  <c:v>4.4000000000000004</c:v>
                </c:pt>
                <c:pt idx="825">
                  <c:v>4.4000000000000004</c:v>
                </c:pt>
                <c:pt idx="826">
                  <c:v>4.4000000000000004</c:v>
                </c:pt>
                <c:pt idx="827">
                  <c:v>4.9000000000000004</c:v>
                </c:pt>
                <c:pt idx="828">
                  <c:v>4.9000000000000004</c:v>
                </c:pt>
                <c:pt idx="829">
                  <c:v>4.9000000000000004</c:v>
                </c:pt>
                <c:pt idx="830">
                  <c:v>4.9000000000000004</c:v>
                </c:pt>
                <c:pt idx="831">
                  <c:v>4.9000000000000004</c:v>
                </c:pt>
                <c:pt idx="832">
                  <c:v>4.9000000000000004</c:v>
                </c:pt>
                <c:pt idx="833">
                  <c:v>4.9000000000000004</c:v>
                </c:pt>
                <c:pt idx="834">
                  <c:v>4.9000000000000004</c:v>
                </c:pt>
                <c:pt idx="835">
                  <c:v>4.9000000000000004</c:v>
                </c:pt>
                <c:pt idx="836">
                  <c:v>5.4</c:v>
                </c:pt>
                <c:pt idx="837">
                  <c:v>4.9000000000000004</c:v>
                </c:pt>
                <c:pt idx="838">
                  <c:v>5.4</c:v>
                </c:pt>
                <c:pt idx="839">
                  <c:v>5.4</c:v>
                </c:pt>
                <c:pt idx="840">
                  <c:v>5.4</c:v>
                </c:pt>
                <c:pt idx="841">
                  <c:v>5.4</c:v>
                </c:pt>
                <c:pt idx="842">
                  <c:v>5.4</c:v>
                </c:pt>
                <c:pt idx="843">
                  <c:v>5.4</c:v>
                </c:pt>
                <c:pt idx="844">
                  <c:v>4.9000000000000004</c:v>
                </c:pt>
                <c:pt idx="845">
                  <c:v>4.9000000000000004</c:v>
                </c:pt>
                <c:pt idx="846">
                  <c:v>4.9000000000000004</c:v>
                </c:pt>
                <c:pt idx="847">
                  <c:v>4.9000000000000004</c:v>
                </c:pt>
                <c:pt idx="848">
                  <c:v>4.9000000000000004</c:v>
                </c:pt>
                <c:pt idx="849">
                  <c:v>4.9000000000000004</c:v>
                </c:pt>
                <c:pt idx="850">
                  <c:v>4.9000000000000004</c:v>
                </c:pt>
                <c:pt idx="851">
                  <c:v>4.9000000000000004</c:v>
                </c:pt>
                <c:pt idx="852">
                  <c:v>4.9000000000000004</c:v>
                </c:pt>
                <c:pt idx="853">
                  <c:v>4.9000000000000004</c:v>
                </c:pt>
                <c:pt idx="854">
                  <c:v>5.4</c:v>
                </c:pt>
                <c:pt idx="855">
                  <c:v>5.4</c:v>
                </c:pt>
                <c:pt idx="856">
                  <c:v>5.4</c:v>
                </c:pt>
                <c:pt idx="857">
                  <c:v>5.4</c:v>
                </c:pt>
                <c:pt idx="858">
                  <c:v>5.4</c:v>
                </c:pt>
                <c:pt idx="859">
                  <c:v>5.4</c:v>
                </c:pt>
                <c:pt idx="860">
                  <c:v>5.4</c:v>
                </c:pt>
                <c:pt idx="861">
                  <c:v>5.4</c:v>
                </c:pt>
                <c:pt idx="862">
                  <c:v>5.4</c:v>
                </c:pt>
                <c:pt idx="863">
                  <c:v>5.4</c:v>
                </c:pt>
                <c:pt idx="864">
                  <c:v>5.4</c:v>
                </c:pt>
                <c:pt idx="865">
                  <c:v>5.4</c:v>
                </c:pt>
                <c:pt idx="866">
                  <c:v>5.4</c:v>
                </c:pt>
                <c:pt idx="867">
                  <c:v>5.4</c:v>
                </c:pt>
                <c:pt idx="868">
                  <c:v>5.4</c:v>
                </c:pt>
                <c:pt idx="869">
                  <c:v>5.4</c:v>
                </c:pt>
                <c:pt idx="870">
                  <c:v>5.4</c:v>
                </c:pt>
                <c:pt idx="871">
                  <c:v>5.4</c:v>
                </c:pt>
                <c:pt idx="872">
                  <c:v>5.4</c:v>
                </c:pt>
                <c:pt idx="873">
                  <c:v>5.4</c:v>
                </c:pt>
                <c:pt idx="874">
                  <c:v>5.4</c:v>
                </c:pt>
                <c:pt idx="875">
                  <c:v>5.4</c:v>
                </c:pt>
                <c:pt idx="876">
                  <c:v>5.4</c:v>
                </c:pt>
                <c:pt idx="877">
                  <c:v>4.4000000000000004</c:v>
                </c:pt>
                <c:pt idx="878">
                  <c:v>4.4000000000000004</c:v>
                </c:pt>
                <c:pt idx="879">
                  <c:v>4</c:v>
                </c:pt>
                <c:pt idx="880">
                  <c:v>3.5</c:v>
                </c:pt>
                <c:pt idx="881">
                  <c:v>3</c:v>
                </c:pt>
                <c:pt idx="882">
                  <c:v>3</c:v>
                </c:pt>
                <c:pt idx="883">
                  <c:v>2.5</c:v>
                </c:pt>
                <c:pt idx="884">
                  <c:v>2.5</c:v>
                </c:pt>
                <c:pt idx="885">
                  <c:v>2.5</c:v>
                </c:pt>
                <c:pt idx="886">
                  <c:v>2</c:v>
                </c:pt>
                <c:pt idx="887">
                  <c:v>2</c:v>
                </c:pt>
                <c:pt idx="888">
                  <c:v>2</c:v>
                </c:pt>
                <c:pt idx="889">
                  <c:v>2</c:v>
                </c:pt>
                <c:pt idx="890">
                  <c:v>2</c:v>
                </c:pt>
                <c:pt idx="891">
                  <c:v>2</c:v>
                </c:pt>
                <c:pt idx="892">
                  <c:v>2</c:v>
                </c:pt>
                <c:pt idx="893">
                  <c:v>2</c:v>
                </c:pt>
                <c:pt idx="894">
                  <c:v>2</c:v>
                </c:pt>
                <c:pt idx="895">
                  <c:v>1.5</c:v>
                </c:pt>
                <c:pt idx="896">
                  <c:v>1.5</c:v>
                </c:pt>
                <c:pt idx="897">
                  <c:v>1.5</c:v>
                </c:pt>
                <c:pt idx="898">
                  <c:v>1.5</c:v>
                </c:pt>
                <c:pt idx="899">
                  <c:v>1.5</c:v>
                </c:pt>
                <c:pt idx="900">
                  <c:v>1.5</c:v>
                </c:pt>
                <c:pt idx="901">
                  <c:v>1.5</c:v>
                </c:pt>
                <c:pt idx="902">
                  <c:v>1.5</c:v>
                </c:pt>
                <c:pt idx="903">
                  <c:v>1.5</c:v>
                </c:pt>
                <c:pt idx="904">
                  <c:v>1.5</c:v>
                </c:pt>
                <c:pt idx="905">
                  <c:v>1.5</c:v>
                </c:pt>
                <c:pt idx="906">
                  <c:v>1.5</c:v>
                </c:pt>
                <c:pt idx="907">
                  <c:v>1.5</c:v>
                </c:pt>
                <c:pt idx="908">
                  <c:v>1.5</c:v>
                </c:pt>
                <c:pt idx="909">
                  <c:v>1.5</c:v>
                </c:pt>
                <c:pt idx="910">
                  <c:v>1.5</c:v>
                </c:pt>
                <c:pt idx="911">
                  <c:v>1.5</c:v>
                </c:pt>
                <c:pt idx="912">
                  <c:v>1.5</c:v>
                </c:pt>
                <c:pt idx="913">
                  <c:v>1.5</c:v>
                </c:pt>
                <c:pt idx="914">
                  <c:v>2.5</c:v>
                </c:pt>
                <c:pt idx="915">
                  <c:v>2.5</c:v>
                </c:pt>
                <c:pt idx="916">
                  <c:v>2.5</c:v>
                </c:pt>
                <c:pt idx="917">
                  <c:v>2.5</c:v>
                </c:pt>
                <c:pt idx="918">
                  <c:v>2.5</c:v>
                </c:pt>
                <c:pt idx="919">
                  <c:v>2.5</c:v>
                </c:pt>
                <c:pt idx="920">
                  <c:v>2.5</c:v>
                </c:pt>
                <c:pt idx="921">
                  <c:v>2.5</c:v>
                </c:pt>
                <c:pt idx="922">
                  <c:v>2.5</c:v>
                </c:pt>
                <c:pt idx="923">
                  <c:v>2.5</c:v>
                </c:pt>
                <c:pt idx="924">
                  <c:v>2.5</c:v>
                </c:pt>
                <c:pt idx="925">
                  <c:v>3</c:v>
                </c:pt>
                <c:pt idx="926">
                  <c:v>3</c:v>
                </c:pt>
                <c:pt idx="927">
                  <c:v>2.5</c:v>
                </c:pt>
                <c:pt idx="928">
                  <c:v>2.5</c:v>
                </c:pt>
                <c:pt idx="929">
                  <c:v>2.5</c:v>
                </c:pt>
                <c:pt idx="930">
                  <c:v>2</c:v>
                </c:pt>
                <c:pt idx="931">
                  <c:v>2</c:v>
                </c:pt>
                <c:pt idx="932">
                  <c:v>2</c:v>
                </c:pt>
                <c:pt idx="933">
                  <c:v>2</c:v>
                </c:pt>
                <c:pt idx="934">
                  <c:v>2</c:v>
                </c:pt>
                <c:pt idx="935">
                  <c:v>2.5</c:v>
                </c:pt>
                <c:pt idx="936">
                  <c:v>2.5</c:v>
                </c:pt>
                <c:pt idx="937">
                  <c:v>2.5</c:v>
                </c:pt>
                <c:pt idx="938">
                  <c:v>2</c:v>
                </c:pt>
                <c:pt idx="939">
                  <c:v>1.5</c:v>
                </c:pt>
                <c:pt idx="940">
                  <c:v>1</c:v>
                </c:pt>
                <c:pt idx="941">
                  <c:v>1.5</c:v>
                </c:pt>
                <c:pt idx="942">
                  <c:v>1.5</c:v>
                </c:pt>
                <c:pt idx="943">
                  <c:v>2</c:v>
                </c:pt>
                <c:pt idx="944">
                  <c:v>2</c:v>
                </c:pt>
                <c:pt idx="945">
                  <c:v>2</c:v>
                </c:pt>
                <c:pt idx="946">
                  <c:v>2</c:v>
                </c:pt>
                <c:pt idx="947">
                  <c:v>2</c:v>
                </c:pt>
                <c:pt idx="948">
                  <c:v>2</c:v>
                </c:pt>
                <c:pt idx="949">
                  <c:v>2</c:v>
                </c:pt>
                <c:pt idx="950">
                  <c:v>2</c:v>
                </c:pt>
                <c:pt idx="951">
                  <c:v>2</c:v>
                </c:pt>
                <c:pt idx="952">
                  <c:v>2</c:v>
                </c:pt>
                <c:pt idx="953">
                  <c:v>2</c:v>
                </c:pt>
                <c:pt idx="954">
                  <c:v>2</c:v>
                </c:pt>
                <c:pt idx="955">
                  <c:v>1.5</c:v>
                </c:pt>
                <c:pt idx="956">
                  <c:v>2</c:v>
                </c:pt>
                <c:pt idx="957">
                  <c:v>2</c:v>
                </c:pt>
                <c:pt idx="958">
                  <c:v>1.5</c:v>
                </c:pt>
                <c:pt idx="959">
                  <c:v>1</c:v>
                </c:pt>
                <c:pt idx="960">
                  <c:v>1</c:v>
                </c:pt>
                <c:pt idx="961">
                  <c:v>1.5</c:v>
                </c:pt>
                <c:pt idx="962">
                  <c:v>1.5</c:v>
                </c:pt>
                <c:pt idx="963">
                  <c:v>1.5</c:v>
                </c:pt>
                <c:pt idx="964">
                  <c:v>1.5</c:v>
                </c:pt>
                <c:pt idx="965">
                  <c:v>1.5</c:v>
                </c:pt>
                <c:pt idx="966">
                  <c:v>1.5</c:v>
                </c:pt>
                <c:pt idx="967">
                  <c:v>1.5</c:v>
                </c:pt>
                <c:pt idx="968">
                  <c:v>1.5</c:v>
                </c:pt>
                <c:pt idx="969">
                  <c:v>1.5</c:v>
                </c:pt>
                <c:pt idx="970">
                  <c:v>1.5</c:v>
                </c:pt>
                <c:pt idx="971">
                  <c:v>1.5</c:v>
                </c:pt>
                <c:pt idx="972">
                  <c:v>1.5</c:v>
                </c:pt>
                <c:pt idx="973">
                  <c:v>1</c:v>
                </c:pt>
                <c:pt idx="974">
                  <c:v>1</c:v>
                </c:pt>
                <c:pt idx="975">
                  <c:v>1</c:v>
                </c:pt>
                <c:pt idx="976">
                  <c:v>0.5</c:v>
                </c:pt>
                <c:pt idx="977">
                  <c:v>0.5</c:v>
                </c:pt>
                <c:pt idx="978">
                  <c:v>0.5</c:v>
                </c:pt>
                <c:pt idx="979">
                  <c:v>0.5</c:v>
                </c:pt>
                <c:pt idx="980">
                  <c:v>0.5</c:v>
                </c:pt>
                <c:pt idx="981">
                  <c:v>0.5</c:v>
                </c:pt>
                <c:pt idx="982">
                  <c:v>1</c:v>
                </c:pt>
                <c:pt idx="983">
                  <c:v>0.5</c:v>
                </c:pt>
                <c:pt idx="984">
                  <c:v>1</c:v>
                </c:pt>
                <c:pt idx="985">
                  <c:v>1</c:v>
                </c:pt>
                <c:pt idx="986">
                  <c:v>1</c:v>
                </c:pt>
                <c:pt idx="987">
                  <c:v>1</c:v>
                </c:pt>
                <c:pt idx="988">
                  <c:v>1</c:v>
                </c:pt>
                <c:pt idx="989">
                  <c:v>1</c:v>
                </c:pt>
                <c:pt idx="990">
                  <c:v>1</c:v>
                </c:pt>
                <c:pt idx="991">
                  <c:v>1</c:v>
                </c:pt>
                <c:pt idx="992">
                  <c:v>1</c:v>
                </c:pt>
                <c:pt idx="993">
                  <c:v>1</c:v>
                </c:pt>
                <c:pt idx="994">
                  <c:v>1</c:v>
                </c:pt>
                <c:pt idx="995">
                  <c:v>1</c:v>
                </c:pt>
                <c:pt idx="996">
                  <c:v>1</c:v>
                </c:pt>
                <c:pt idx="997">
                  <c:v>1</c:v>
                </c:pt>
                <c:pt idx="998">
                  <c:v>0.5</c:v>
                </c:pt>
                <c:pt idx="999">
                  <c:v>0.5</c:v>
                </c:pt>
                <c:pt idx="1000">
                  <c:v>0.5</c:v>
                </c:pt>
                <c:pt idx="1001">
                  <c:v>0.5</c:v>
                </c:pt>
                <c:pt idx="1002">
                  <c:v>0.5</c:v>
                </c:pt>
                <c:pt idx="1003">
                  <c:v>0.5</c:v>
                </c:pt>
                <c:pt idx="1004">
                  <c:v>0.5</c:v>
                </c:pt>
                <c:pt idx="1005">
                  <c:v>0.5</c:v>
                </c:pt>
                <c:pt idx="1006">
                  <c:v>0.5</c:v>
                </c:pt>
                <c:pt idx="1007">
                  <c:v>1</c:v>
                </c:pt>
                <c:pt idx="1008">
                  <c:v>1</c:v>
                </c:pt>
                <c:pt idx="1009">
                  <c:v>1</c:v>
                </c:pt>
                <c:pt idx="1010">
                  <c:v>1</c:v>
                </c:pt>
                <c:pt idx="1011">
                  <c:v>1</c:v>
                </c:pt>
                <c:pt idx="1012">
                  <c:v>1</c:v>
                </c:pt>
                <c:pt idx="1013">
                  <c:v>1</c:v>
                </c:pt>
                <c:pt idx="1014">
                  <c:v>1</c:v>
                </c:pt>
                <c:pt idx="1015">
                  <c:v>1</c:v>
                </c:pt>
                <c:pt idx="1016">
                  <c:v>1</c:v>
                </c:pt>
                <c:pt idx="1017">
                  <c:v>1</c:v>
                </c:pt>
                <c:pt idx="1018">
                  <c:v>1</c:v>
                </c:pt>
                <c:pt idx="1019">
                  <c:v>1</c:v>
                </c:pt>
                <c:pt idx="1020">
                  <c:v>1</c:v>
                </c:pt>
                <c:pt idx="1021">
                  <c:v>1</c:v>
                </c:pt>
                <c:pt idx="1022">
                  <c:v>1</c:v>
                </c:pt>
                <c:pt idx="1023">
                  <c:v>1</c:v>
                </c:pt>
                <c:pt idx="1024">
                  <c:v>1</c:v>
                </c:pt>
                <c:pt idx="1025">
                  <c:v>1</c:v>
                </c:pt>
                <c:pt idx="1026">
                  <c:v>1</c:v>
                </c:pt>
                <c:pt idx="1027">
                  <c:v>1</c:v>
                </c:pt>
                <c:pt idx="1028">
                  <c:v>1</c:v>
                </c:pt>
                <c:pt idx="1029">
                  <c:v>1</c:v>
                </c:pt>
                <c:pt idx="1030">
                  <c:v>0.5</c:v>
                </c:pt>
                <c:pt idx="1031">
                  <c:v>0.5</c:v>
                </c:pt>
                <c:pt idx="1032">
                  <c:v>0.5</c:v>
                </c:pt>
                <c:pt idx="1033">
                  <c:v>0.5</c:v>
                </c:pt>
                <c:pt idx="1034">
                  <c:v>0.5</c:v>
                </c:pt>
                <c:pt idx="1035">
                  <c:v>0.5</c:v>
                </c:pt>
                <c:pt idx="1036">
                  <c:v>0.5</c:v>
                </c:pt>
                <c:pt idx="1037">
                  <c:v>0.5</c:v>
                </c:pt>
                <c:pt idx="1038">
                  <c:v>0.5</c:v>
                </c:pt>
                <c:pt idx="1039">
                  <c:v>0.5</c:v>
                </c:pt>
                <c:pt idx="1040">
                  <c:v>0.5</c:v>
                </c:pt>
                <c:pt idx="1041">
                  <c:v>0.5</c:v>
                </c:pt>
                <c:pt idx="1042">
                  <c:v>0.5</c:v>
                </c:pt>
                <c:pt idx="1043">
                  <c:v>0.5</c:v>
                </c:pt>
                <c:pt idx="1044">
                  <c:v>0.5</c:v>
                </c:pt>
                <c:pt idx="1045">
                  <c:v>0.5</c:v>
                </c:pt>
                <c:pt idx="1046">
                  <c:v>0.5</c:v>
                </c:pt>
                <c:pt idx="1047">
                  <c:v>0.5</c:v>
                </c:pt>
                <c:pt idx="1048">
                  <c:v>0.5</c:v>
                </c:pt>
                <c:pt idx="1049">
                  <c:v>0.5</c:v>
                </c:pt>
                <c:pt idx="1050">
                  <c:v>0.5</c:v>
                </c:pt>
                <c:pt idx="1051">
                  <c:v>0.5</c:v>
                </c:pt>
                <c:pt idx="1052">
                  <c:v>0.5</c:v>
                </c:pt>
                <c:pt idx="1053">
                  <c:v>0.5</c:v>
                </c:pt>
                <c:pt idx="1054">
                  <c:v>0.5</c:v>
                </c:pt>
                <c:pt idx="1055">
                  <c:v>1</c:v>
                </c:pt>
                <c:pt idx="1056">
                  <c:v>0.5</c:v>
                </c:pt>
                <c:pt idx="1057">
                  <c:v>0.5</c:v>
                </c:pt>
                <c:pt idx="1058">
                  <c:v>0.5</c:v>
                </c:pt>
                <c:pt idx="1059">
                  <c:v>0.5</c:v>
                </c:pt>
                <c:pt idx="1060">
                  <c:v>0.5</c:v>
                </c:pt>
                <c:pt idx="1061">
                  <c:v>0.5</c:v>
                </c:pt>
                <c:pt idx="1062">
                  <c:v>0.5</c:v>
                </c:pt>
                <c:pt idx="1063">
                  <c:v>0</c:v>
                </c:pt>
                <c:pt idx="1064">
                  <c:v>0</c:v>
                </c:pt>
                <c:pt idx="1065">
                  <c:v>0</c:v>
                </c:pt>
                <c:pt idx="1066">
                  <c:v>0</c:v>
                </c:pt>
                <c:pt idx="1067">
                  <c:v>0</c:v>
                </c:pt>
                <c:pt idx="1068">
                  <c:v>0.5</c:v>
                </c:pt>
                <c:pt idx="1069">
                  <c:v>0.5</c:v>
                </c:pt>
                <c:pt idx="1070">
                  <c:v>0.5</c:v>
                </c:pt>
                <c:pt idx="1071">
                  <c:v>0.5</c:v>
                </c:pt>
                <c:pt idx="1072">
                  <c:v>0.5</c:v>
                </c:pt>
                <c:pt idx="1073">
                  <c:v>0.5</c:v>
                </c:pt>
                <c:pt idx="1074">
                  <c:v>0.5</c:v>
                </c:pt>
                <c:pt idx="1075">
                  <c:v>0.5</c:v>
                </c:pt>
                <c:pt idx="1076">
                  <c:v>0.5</c:v>
                </c:pt>
                <c:pt idx="1077">
                  <c:v>0.5</c:v>
                </c:pt>
                <c:pt idx="1078">
                  <c:v>0.5</c:v>
                </c:pt>
                <c:pt idx="1079">
                  <c:v>0.5</c:v>
                </c:pt>
                <c:pt idx="1080">
                  <c:v>1</c:v>
                </c:pt>
                <c:pt idx="1081">
                  <c:v>1</c:v>
                </c:pt>
                <c:pt idx="1082">
                  <c:v>1</c:v>
                </c:pt>
                <c:pt idx="1083">
                  <c:v>1</c:v>
                </c:pt>
                <c:pt idx="1084">
                  <c:v>1</c:v>
                </c:pt>
                <c:pt idx="1085">
                  <c:v>1</c:v>
                </c:pt>
                <c:pt idx="1086">
                  <c:v>1</c:v>
                </c:pt>
                <c:pt idx="1087">
                  <c:v>0.5</c:v>
                </c:pt>
                <c:pt idx="1088">
                  <c:v>0.5</c:v>
                </c:pt>
                <c:pt idx="1089">
                  <c:v>0.5</c:v>
                </c:pt>
                <c:pt idx="1090">
                  <c:v>0.5</c:v>
                </c:pt>
                <c:pt idx="1091">
                  <c:v>0</c:v>
                </c:pt>
                <c:pt idx="1092">
                  <c:v>0</c:v>
                </c:pt>
                <c:pt idx="1093">
                  <c:v>0</c:v>
                </c:pt>
                <c:pt idx="1094">
                  <c:v>0</c:v>
                </c:pt>
                <c:pt idx="1095">
                  <c:v>0</c:v>
                </c:pt>
                <c:pt idx="1096">
                  <c:v>0</c:v>
                </c:pt>
                <c:pt idx="1097">
                  <c:v>0</c:v>
                </c:pt>
                <c:pt idx="1098">
                  <c:v>0</c:v>
                </c:pt>
                <c:pt idx="1099">
                  <c:v>0</c:v>
                </c:pt>
                <c:pt idx="1100">
                  <c:v>0</c:v>
                </c:pt>
                <c:pt idx="1101">
                  <c:v>0</c:v>
                </c:pt>
                <c:pt idx="1102">
                  <c:v>0</c:v>
                </c:pt>
                <c:pt idx="1103">
                  <c:v>0</c:v>
                </c:pt>
                <c:pt idx="1104">
                  <c:v>0</c:v>
                </c:pt>
                <c:pt idx="1105">
                  <c:v>0</c:v>
                </c:pt>
                <c:pt idx="1106">
                  <c:v>0</c:v>
                </c:pt>
                <c:pt idx="1107">
                  <c:v>0</c:v>
                </c:pt>
                <c:pt idx="1108">
                  <c:v>0</c:v>
                </c:pt>
                <c:pt idx="1109">
                  <c:v>0</c:v>
                </c:pt>
                <c:pt idx="1110">
                  <c:v>0</c:v>
                </c:pt>
                <c:pt idx="1111">
                  <c:v>0</c:v>
                </c:pt>
                <c:pt idx="1112">
                  <c:v>0</c:v>
                </c:pt>
                <c:pt idx="1113">
                  <c:v>0</c:v>
                </c:pt>
                <c:pt idx="1114">
                  <c:v>0</c:v>
                </c:pt>
                <c:pt idx="1115">
                  <c:v>0</c:v>
                </c:pt>
                <c:pt idx="1116">
                  <c:v>0</c:v>
                </c:pt>
                <c:pt idx="1117">
                  <c:v>0</c:v>
                </c:pt>
                <c:pt idx="1118">
                  <c:v>0</c:v>
                </c:pt>
                <c:pt idx="1119">
                  <c:v>0</c:v>
                </c:pt>
                <c:pt idx="1120">
                  <c:v>0</c:v>
                </c:pt>
                <c:pt idx="1121">
                  <c:v>0</c:v>
                </c:pt>
                <c:pt idx="1122">
                  <c:v>0</c:v>
                </c:pt>
                <c:pt idx="1123">
                  <c:v>0</c:v>
                </c:pt>
                <c:pt idx="1124">
                  <c:v>0</c:v>
                </c:pt>
                <c:pt idx="1125">
                  <c:v>0</c:v>
                </c:pt>
                <c:pt idx="1126">
                  <c:v>0</c:v>
                </c:pt>
                <c:pt idx="1127">
                  <c:v>0</c:v>
                </c:pt>
                <c:pt idx="1128">
                  <c:v>0</c:v>
                </c:pt>
                <c:pt idx="1129">
                  <c:v>0</c:v>
                </c:pt>
                <c:pt idx="1130">
                  <c:v>0</c:v>
                </c:pt>
              </c:numCache>
            </c:numRef>
          </c:yVal>
          <c:smooth val="0"/>
          <c:extLst>
            <c:ext xmlns:c16="http://schemas.microsoft.com/office/drawing/2014/chart" uri="{C3380CC4-5D6E-409C-BE32-E72D297353CC}">
              <c16:uniqueId val="{00000002-A97B-4A5D-A22D-F275A00FA2D2}"/>
            </c:ext>
          </c:extLst>
        </c:ser>
        <c:dLbls>
          <c:showLegendKey val="0"/>
          <c:showVal val="0"/>
          <c:showCatName val="0"/>
          <c:showSerName val="0"/>
          <c:showPercent val="0"/>
          <c:showBubbleSize val="0"/>
        </c:dLbls>
        <c:axId val="242701824"/>
        <c:axId val="242703360"/>
      </c:scatterChart>
      <c:valAx>
        <c:axId val="242701824"/>
        <c:scaling>
          <c:orientation val="minMax"/>
        </c:scaling>
        <c:delete val="0"/>
        <c:axPos val="b"/>
        <c:numFmt formatCode="m/d;@" sourceLinked="0"/>
        <c:majorTickMark val="out"/>
        <c:minorTickMark val="none"/>
        <c:tickLblPos val="nextTo"/>
        <c:crossAx val="242703360"/>
        <c:crosses val="autoZero"/>
        <c:crossBetween val="midCat"/>
      </c:valAx>
      <c:valAx>
        <c:axId val="242703360"/>
        <c:scaling>
          <c:orientation val="minMax"/>
          <c:min val="0"/>
        </c:scaling>
        <c:delete val="0"/>
        <c:axPos val="l"/>
        <c:majorGridlines/>
        <c:numFmt formatCode="General" sourceLinked="1"/>
        <c:majorTickMark val="out"/>
        <c:minorTickMark val="none"/>
        <c:tickLblPos val="nextTo"/>
        <c:crossAx val="242701824"/>
        <c:crosses val="autoZero"/>
        <c:crossBetween val="midCat"/>
      </c:valAx>
    </c:plotArea>
    <c:legend>
      <c:legendPos val="r"/>
      <c:overlay val="0"/>
    </c:legend>
    <c:plotVisOnly val="1"/>
    <c:dispBlanksAs val="gap"/>
    <c:showDLblsOverMax val="0"/>
  </c:chart>
  <c:externalData r:id="rId2">
    <c:autoUpdate val="0"/>
  </c:externalData>
  <c:userShapes r:id="rId3"/>
</c:chartSpace>
</file>

<file path=ppt/drawings/drawing1.xml><?xml version="1.0" encoding="utf-8"?>
<c:userShapes xmlns:c="http://schemas.openxmlformats.org/drawingml/2006/chart">
  <cdr:relSizeAnchor xmlns:cdr="http://schemas.openxmlformats.org/drawingml/2006/chartDrawing">
    <cdr:from>
      <cdr:x>0.77105</cdr:x>
      <cdr:y>0.0309</cdr:y>
    </cdr:from>
    <cdr:to>
      <cdr:x>0.97105</cdr:x>
      <cdr:y>0.26167</cdr:y>
    </cdr:to>
    <cdr:sp macro="" textlink="">
      <cdr:nvSpPr>
        <cdr:cNvPr id="2" name="テキスト ボックス 1"/>
        <cdr:cNvSpPr txBox="1"/>
      </cdr:nvSpPr>
      <cdr:spPr>
        <a:xfrm xmlns:a="http://schemas.openxmlformats.org/drawingml/2006/main">
          <a:off x="5140960" y="119380"/>
          <a:ext cx="1333500" cy="891540"/>
        </a:xfrm>
        <a:prstGeom xmlns:a="http://schemas.openxmlformats.org/drawingml/2006/main" prst="rect">
          <a:avLst/>
        </a:prstGeom>
        <a:solidFill xmlns:a="http://schemas.openxmlformats.org/drawingml/2006/main">
          <a:schemeClr val="lt1"/>
        </a:solidFill>
        <a:ln xmlns:a="http://schemas.openxmlformats.org/drawingml/2006/main" w="9525" cmpd="sng">
          <a:solidFill>
            <a:schemeClr val="lt1">
              <a:shade val="50000"/>
            </a:schemeClr>
          </a:solid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marL="0" marR="0" indent="0" defTabSz="914400" eaLnBrk="1" fontAlgn="auto" latinLnBrk="0" hangingPunct="1">
            <a:lnSpc>
              <a:spcPct val="100000"/>
            </a:lnSpc>
            <a:spcBef>
              <a:spcPts val="0"/>
            </a:spcBef>
            <a:spcAft>
              <a:spcPts val="0"/>
            </a:spcAft>
            <a:buClrTx/>
            <a:buSzTx/>
            <a:buFontTx/>
            <a:buNone/>
            <a:tabLst/>
            <a:defRPr/>
          </a:pPr>
          <a:r>
            <a:rPr lang="en-US" altLang="ja-JP" sz="1100">
              <a:solidFill>
                <a:schemeClr val="dk1"/>
              </a:solidFill>
              <a:latin typeface="+mn-lt"/>
              <a:ea typeface="+mn-ea"/>
              <a:cs typeface="+mn-cs"/>
            </a:rPr>
            <a:t>2018</a:t>
          </a:r>
          <a:r>
            <a:rPr lang="ja-JP" altLang="en-US" sz="1100">
              <a:solidFill>
                <a:schemeClr val="dk1"/>
              </a:solidFill>
              <a:latin typeface="+mn-lt"/>
              <a:ea typeface="+mn-ea"/>
              <a:cs typeface="+mn-cs"/>
            </a:rPr>
            <a:t>年</a:t>
          </a:r>
          <a:r>
            <a:rPr lang="en-US" altLang="ja-JP" sz="1100">
              <a:solidFill>
                <a:schemeClr val="dk1"/>
              </a:solidFill>
              <a:latin typeface="+mn-lt"/>
              <a:ea typeface="+mn-ea"/>
              <a:cs typeface="+mn-cs"/>
            </a:rPr>
            <a:t>5</a:t>
          </a:r>
          <a:r>
            <a:rPr lang="ja-JP" altLang="en-US" sz="1100">
              <a:solidFill>
                <a:schemeClr val="dk1"/>
              </a:solidFill>
              <a:latin typeface="+mn-lt"/>
              <a:ea typeface="+mn-ea"/>
              <a:cs typeface="+mn-cs"/>
            </a:rPr>
            <a:t>月</a:t>
          </a:r>
          <a:r>
            <a:rPr lang="en-US" altLang="ja-JP" sz="1100">
              <a:solidFill>
                <a:schemeClr val="dk1"/>
              </a:solidFill>
              <a:latin typeface="+mn-lt"/>
              <a:ea typeface="+mn-ea"/>
              <a:cs typeface="+mn-cs"/>
            </a:rPr>
            <a:t>18</a:t>
          </a:r>
          <a:r>
            <a:rPr lang="ja-JP" altLang="en-US" sz="1100">
              <a:solidFill>
                <a:schemeClr val="dk1"/>
              </a:solidFill>
              <a:latin typeface="+mn-lt"/>
              <a:ea typeface="+mn-ea"/>
              <a:cs typeface="+mn-cs"/>
            </a:rPr>
            <a:t>日</a:t>
          </a:r>
          <a:r>
            <a:rPr lang="en-US" altLang="ja-JP" sz="1100">
              <a:solidFill>
                <a:schemeClr val="dk1"/>
              </a:solidFill>
              <a:latin typeface="+mn-lt"/>
              <a:ea typeface="+mn-ea"/>
              <a:cs typeface="+mn-cs"/>
            </a:rPr>
            <a:t>AM7</a:t>
          </a:r>
          <a:r>
            <a:rPr lang="ja-JP" altLang="en-US" sz="1100">
              <a:solidFill>
                <a:schemeClr val="dk1"/>
              </a:solidFill>
              <a:latin typeface="+mn-lt"/>
              <a:ea typeface="+mn-ea"/>
              <a:cs typeface="+mn-cs"/>
            </a:rPr>
            <a:t>：</a:t>
          </a:r>
          <a:r>
            <a:rPr lang="en-US" altLang="ja-JP" sz="1100">
              <a:solidFill>
                <a:schemeClr val="dk1"/>
              </a:solidFill>
              <a:latin typeface="+mn-lt"/>
              <a:ea typeface="+mn-ea"/>
              <a:cs typeface="+mn-cs"/>
            </a:rPr>
            <a:t>55</a:t>
          </a:r>
          <a:r>
            <a:rPr lang="ja-JP" altLang="en-US" sz="1100">
              <a:solidFill>
                <a:schemeClr val="dk1"/>
              </a:solidFill>
              <a:latin typeface="+mn-lt"/>
              <a:ea typeface="+mn-ea"/>
              <a:cs typeface="+mn-cs"/>
            </a:rPr>
            <a:t>までの</a:t>
          </a:r>
          <a:endParaRPr lang="en-US" altLang="ja-JP" sz="1100">
            <a:solidFill>
              <a:schemeClr val="dk1"/>
            </a:solidFill>
            <a:latin typeface="+mn-lt"/>
            <a:ea typeface="+mn-ea"/>
            <a:cs typeface="+mn-cs"/>
          </a:endParaRPr>
        </a:p>
        <a:p xmlns:a="http://schemas.openxmlformats.org/drawingml/2006/main">
          <a:pPr marL="0" marR="0" indent="0" defTabSz="914400" eaLnBrk="1" fontAlgn="auto" latinLnBrk="0" hangingPunct="1">
            <a:lnSpc>
              <a:spcPct val="100000"/>
            </a:lnSpc>
            <a:spcBef>
              <a:spcPts val="0"/>
            </a:spcBef>
            <a:spcAft>
              <a:spcPts val="0"/>
            </a:spcAft>
            <a:buClrTx/>
            <a:buSzTx/>
            <a:buFontTx/>
            <a:buNone/>
            <a:tabLst/>
            <a:defRPr/>
          </a:pPr>
          <a:r>
            <a:rPr lang="ja-JP" altLang="en-US" sz="1100">
              <a:solidFill>
                <a:schemeClr val="dk1"/>
              </a:solidFill>
              <a:latin typeface="+mn-lt"/>
              <a:ea typeface="+mn-ea"/>
              <a:cs typeface="+mn-cs"/>
            </a:rPr>
            <a:t>データグラフ</a:t>
          </a:r>
          <a:endParaRPr kumimoji="1" lang="ja-JP" altLang="en-US" sz="1100"/>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7.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a:extLst>
              <a:ext uri="{FF2B5EF4-FFF2-40B4-BE49-F238E27FC236}">
                <a16:creationId xmlns:a16="http://schemas.microsoft.com/office/drawing/2014/main" id="{BC2F4FEA-D611-37BB-FF9C-2D825BDCBB76}"/>
              </a:ext>
            </a:extLst>
          </p:cNvPr>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a:extLst>
              <a:ext uri="{FF2B5EF4-FFF2-40B4-BE49-F238E27FC236}">
                <a16:creationId xmlns:a16="http://schemas.microsoft.com/office/drawing/2014/main" id="{13024356-59A9-2D74-C5CB-05B6B5099273}"/>
              </a:ext>
            </a:extLst>
          </p:cNvPr>
          <p:cNvSpPr>
            <a:spLocks noGrp="1"/>
          </p:cNvSpPr>
          <p:nvPr>
            <p:ph type="dt" sz="quarter" idx="1"/>
          </p:nvPr>
        </p:nvSpPr>
        <p:spPr>
          <a:xfrm>
            <a:off x="3884613" y="0"/>
            <a:ext cx="2971800" cy="458788"/>
          </a:xfrm>
          <a:prstGeom prst="rect">
            <a:avLst/>
          </a:prstGeom>
        </p:spPr>
        <p:txBody>
          <a:bodyPr vert="horz" lIns="91440" tIns="45720" rIns="91440" bIns="45720" rtlCol="0"/>
          <a:lstStyle>
            <a:lvl1pPr algn="r">
              <a:defRPr sz="1200"/>
            </a:lvl1pPr>
          </a:lstStyle>
          <a:p>
            <a:fld id="{1A702972-F911-4DC7-88EE-48213B60A835}" type="datetimeFigureOut">
              <a:rPr kumimoji="1" lang="ja-JP" altLang="en-US" smtClean="0"/>
              <a:t>2024/8/19</a:t>
            </a:fld>
            <a:endParaRPr kumimoji="1" lang="ja-JP" altLang="en-US"/>
          </a:p>
        </p:txBody>
      </p:sp>
      <p:sp>
        <p:nvSpPr>
          <p:cNvPr id="4" name="フッター プレースホルダー 3">
            <a:extLst>
              <a:ext uri="{FF2B5EF4-FFF2-40B4-BE49-F238E27FC236}">
                <a16:creationId xmlns:a16="http://schemas.microsoft.com/office/drawing/2014/main" id="{444FBC74-EA1D-9221-F44A-21B9860ACB89}"/>
              </a:ext>
            </a:extLst>
          </p:cNvPr>
          <p:cNvSpPr>
            <a:spLocks noGrp="1"/>
          </p:cNvSpPr>
          <p:nvPr>
            <p:ph type="ftr" sz="quarter" idx="2"/>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a:extLst>
              <a:ext uri="{FF2B5EF4-FFF2-40B4-BE49-F238E27FC236}">
                <a16:creationId xmlns:a16="http://schemas.microsoft.com/office/drawing/2014/main" id="{8157BFDA-E9D1-F1B5-FA32-A69B412660B9}"/>
              </a:ext>
            </a:extLst>
          </p:cNvPr>
          <p:cNvSpPr>
            <a:spLocks noGrp="1"/>
          </p:cNvSpPr>
          <p:nvPr>
            <p:ph type="sldNum" sz="quarter" idx="3"/>
          </p:nvPr>
        </p:nvSpPr>
        <p:spPr>
          <a:xfrm>
            <a:off x="3884613" y="8685213"/>
            <a:ext cx="2971800" cy="458787"/>
          </a:xfrm>
          <a:prstGeom prst="rect">
            <a:avLst/>
          </a:prstGeom>
        </p:spPr>
        <p:txBody>
          <a:bodyPr vert="horz" lIns="91440" tIns="45720" rIns="91440" bIns="45720" rtlCol="0" anchor="b"/>
          <a:lstStyle>
            <a:lvl1pPr algn="r">
              <a:defRPr sz="1200"/>
            </a:lvl1pPr>
          </a:lstStyle>
          <a:p>
            <a:fld id="{9784F5A8-52E5-4286-A2D7-516C740722BD}" type="slidenum">
              <a:rPr kumimoji="1" lang="ja-JP" altLang="en-US" smtClean="0"/>
              <a:t>‹#›</a:t>
            </a:fld>
            <a:endParaRPr kumimoji="1" lang="ja-JP" altLang="en-US"/>
          </a:p>
        </p:txBody>
      </p:sp>
    </p:spTree>
    <p:extLst>
      <p:ext uri="{BB962C8B-B14F-4D97-AF65-F5344CB8AC3E}">
        <p14:creationId xmlns:p14="http://schemas.microsoft.com/office/powerpoint/2010/main" val="3514522166"/>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29772127-3723-4878-ADF3-A39F80FE27C3}" type="datetimeFigureOut">
              <a:rPr kumimoji="1" lang="ja-JP" altLang="en-US" smtClean="0"/>
              <a:t>2024/8/19</a:t>
            </a:fld>
            <a:endParaRPr kumimoji="1" lang="ja-JP" altLang="en-US"/>
          </a:p>
        </p:txBody>
      </p:sp>
      <p:sp>
        <p:nvSpPr>
          <p:cNvPr id="4" name="スライド イメージ プレースホルダー 3"/>
          <p:cNvSpPr>
            <a:spLocks noGrp="1" noRot="1" noChangeAspect="1"/>
          </p:cNvSpPr>
          <p:nvPr>
            <p:ph type="sldImg" idx="2"/>
          </p:nvPr>
        </p:nvSpPr>
        <p:spPr>
          <a:xfrm>
            <a:off x="1371600" y="1143000"/>
            <a:ext cx="4114800" cy="3086100"/>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C00E6D2B-C0E8-46B3-AAD7-585DC5BEF3BF}" type="slidenum">
              <a:rPr kumimoji="1" lang="ja-JP" altLang="en-US" smtClean="0"/>
              <a:t>‹#›</a:t>
            </a:fld>
            <a:endParaRPr kumimoji="1" lang="ja-JP" altLang="en-US"/>
          </a:p>
        </p:txBody>
      </p:sp>
    </p:spTree>
    <p:extLst>
      <p:ext uri="{BB962C8B-B14F-4D97-AF65-F5344CB8AC3E}">
        <p14:creationId xmlns:p14="http://schemas.microsoft.com/office/powerpoint/2010/main" val="517035144"/>
      </p:ext>
    </p:extLst>
  </p:cSld>
  <p:clrMap bg1="lt1" tx1="dk1" bg2="lt2" tx2="dk2" accent1="accent1" accent2="accent2" accent3="accent3" accent4="accent4" accent5="accent5" accent6="accent6" hlink="hlink" folHlink="folHlink"/>
  <p:hf hdr="0" ftr="0" dt="0"/>
  <p:notesStyle>
    <a:lvl1pPr marL="0" algn="l" defTabSz="1038977" rtl="0" eaLnBrk="1" latinLnBrk="0" hangingPunct="1">
      <a:defRPr kumimoji="1" sz="1364" kern="1200">
        <a:solidFill>
          <a:schemeClr val="tx1"/>
        </a:solidFill>
        <a:latin typeface="+mn-lt"/>
        <a:ea typeface="+mn-ea"/>
        <a:cs typeface="+mn-cs"/>
      </a:defRPr>
    </a:lvl1pPr>
    <a:lvl2pPr marL="519488" algn="l" defTabSz="1038977" rtl="0" eaLnBrk="1" latinLnBrk="0" hangingPunct="1">
      <a:defRPr kumimoji="1" sz="1364" kern="1200">
        <a:solidFill>
          <a:schemeClr val="tx1"/>
        </a:solidFill>
        <a:latin typeface="+mn-lt"/>
        <a:ea typeface="+mn-ea"/>
        <a:cs typeface="+mn-cs"/>
      </a:defRPr>
    </a:lvl2pPr>
    <a:lvl3pPr marL="1038977" algn="l" defTabSz="1038977" rtl="0" eaLnBrk="1" latinLnBrk="0" hangingPunct="1">
      <a:defRPr kumimoji="1" sz="1364" kern="1200">
        <a:solidFill>
          <a:schemeClr val="tx1"/>
        </a:solidFill>
        <a:latin typeface="+mn-lt"/>
        <a:ea typeface="+mn-ea"/>
        <a:cs typeface="+mn-cs"/>
      </a:defRPr>
    </a:lvl3pPr>
    <a:lvl4pPr marL="1558465" algn="l" defTabSz="1038977" rtl="0" eaLnBrk="1" latinLnBrk="0" hangingPunct="1">
      <a:defRPr kumimoji="1" sz="1364" kern="1200">
        <a:solidFill>
          <a:schemeClr val="tx1"/>
        </a:solidFill>
        <a:latin typeface="+mn-lt"/>
        <a:ea typeface="+mn-ea"/>
        <a:cs typeface="+mn-cs"/>
      </a:defRPr>
    </a:lvl4pPr>
    <a:lvl5pPr marL="2077952" algn="l" defTabSz="1038977" rtl="0" eaLnBrk="1" latinLnBrk="0" hangingPunct="1">
      <a:defRPr kumimoji="1" sz="1364" kern="1200">
        <a:solidFill>
          <a:schemeClr val="tx1"/>
        </a:solidFill>
        <a:latin typeface="+mn-lt"/>
        <a:ea typeface="+mn-ea"/>
        <a:cs typeface="+mn-cs"/>
      </a:defRPr>
    </a:lvl5pPr>
    <a:lvl6pPr marL="2597440" algn="l" defTabSz="1038977" rtl="0" eaLnBrk="1" latinLnBrk="0" hangingPunct="1">
      <a:defRPr kumimoji="1" sz="1364" kern="1200">
        <a:solidFill>
          <a:schemeClr val="tx1"/>
        </a:solidFill>
        <a:latin typeface="+mn-lt"/>
        <a:ea typeface="+mn-ea"/>
        <a:cs typeface="+mn-cs"/>
      </a:defRPr>
    </a:lvl6pPr>
    <a:lvl7pPr marL="3116929" algn="l" defTabSz="1038977" rtl="0" eaLnBrk="1" latinLnBrk="0" hangingPunct="1">
      <a:defRPr kumimoji="1" sz="1364" kern="1200">
        <a:solidFill>
          <a:schemeClr val="tx1"/>
        </a:solidFill>
        <a:latin typeface="+mn-lt"/>
        <a:ea typeface="+mn-ea"/>
        <a:cs typeface="+mn-cs"/>
      </a:defRPr>
    </a:lvl7pPr>
    <a:lvl8pPr marL="3636417" algn="l" defTabSz="1038977" rtl="0" eaLnBrk="1" latinLnBrk="0" hangingPunct="1">
      <a:defRPr kumimoji="1" sz="1364" kern="1200">
        <a:solidFill>
          <a:schemeClr val="tx1"/>
        </a:solidFill>
        <a:latin typeface="+mn-lt"/>
        <a:ea typeface="+mn-ea"/>
        <a:cs typeface="+mn-cs"/>
      </a:defRPr>
    </a:lvl8pPr>
    <a:lvl9pPr marL="4155905" algn="l" defTabSz="1038977" rtl="0" eaLnBrk="1" latinLnBrk="0" hangingPunct="1">
      <a:defRPr kumimoji="1" sz="1364"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スライド イメージ プレースホルダ 1"/>
          <p:cNvSpPr>
            <a:spLocks noGrp="1" noRot="1" noChangeAspect="1" noTextEdit="1"/>
          </p:cNvSpPr>
          <p:nvPr>
            <p:ph type="sldImg"/>
          </p:nvPr>
        </p:nvSpPr>
        <p:spPr>
          <a:xfrm>
            <a:off x="685800" y="1143000"/>
            <a:ext cx="5486400" cy="3086100"/>
          </a:xfrm>
          <a:ln/>
        </p:spPr>
      </p:sp>
      <p:sp>
        <p:nvSpPr>
          <p:cNvPr id="36867" name="ノート プレースホルダ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a:latin typeface="Times New Roman" pitchFamily="18" charset="0"/>
            </a:endParaRPr>
          </a:p>
        </p:txBody>
      </p:sp>
      <p:sp>
        <p:nvSpPr>
          <p:cNvPr id="36868" name="スライド番号プレースホルダ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30000"/>
              </a:spcBef>
              <a:defRPr kumimoji="1" sz="1200">
                <a:solidFill>
                  <a:schemeClr val="tx1"/>
                </a:solidFill>
                <a:latin typeface="Times New Roman" pitchFamily="18" charset="0"/>
                <a:ea typeface="ＭＳ Ｐ明朝" pitchFamily="18" charset="-128"/>
              </a:defRPr>
            </a:lvl1pPr>
            <a:lvl2pPr marL="741408" indent="-285033" eaLnBrk="0" hangingPunct="0">
              <a:spcBef>
                <a:spcPct val="30000"/>
              </a:spcBef>
              <a:defRPr kumimoji="1" sz="1200">
                <a:solidFill>
                  <a:schemeClr val="tx1"/>
                </a:solidFill>
                <a:latin typeface="Times New Roman" pitchFamily="18" charset="0"/>
                <a:ea typeface="ＭＳ Ｐ明朝" pitchFamily="18" charset="-128"/>
              </a:defRPr>
            </a:lvl2pPr>
            <a:lvl3pPr marL="1141735" indent="-227386" eaLnBrk="0" hangingPunct="0">
              <a:spcBef>
                <a:spcPct val="30000"/>
              </a:spcBef>
              <a:defRPr kumimoji="1" sz="1200">
                <a:solidFill>
                  <a:schemeClr val="tx1"/>
                </a:solidFill>
                <a:latin typeface="Times New Roman" pitchFamily="18" charset="0"/>
                <a:ea typeface="ＭＳ Ｐ明朝" pitchFamily="18" charset="-128"/>
              </a:defRPr>
            </a:lvl3pPr>
            <a:lvl4pPr marL="1599710" indent="-227386" eaLnBrk="0" hangingPunct="0">
              <a:spcBef>
                <a:spcPct val="30000"/>
              </a:spcBef>
              <a:defRPr kumimoji="1" sz="1200">
                <a:solidFill>
                  <a:schemeClr val="tx1"/>
                </a:solidFill>
                <a:latin typeface="Times New Roman" pitchFamily="18" charset="0"/>
                <a:ea typeface="ＭＳ Ｐ明朝" pitchFamily="18" charset="-128"/>
              </a:defRPr>
            </a:lvl4pPr>
            <a:lvl5pPr marL="2056084" indent="-227386" eaLnBrk="0" hangingPunct="0">
              <a:spcBef>
                <a:spcPct val="30000"/>
              </a:spcBef>
              <a:defRPr kumimoji="1" sz="1200">
                <a:solidFill>
                  <a:schemeClr val="tx1"/>
                </a:solidFill>
                <a:latin typeface="Times New Roman" pitchFamily="18" charset="0"/>
                <a:ea typeface="ＭＳ Ｐ明朝" pitchFamily="18" charset="-128"/>
              </a:defRPr>
            </a:lvl5pPr>
            <a:lvl6pPr marL="2517261"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6pPr>
            <a:lvl7pPr marL="2978439"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7pPr>
            <a:lvl8pPr marL="3439617"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8pPr>
            <a:lvl9pPr marL="3900794" indent="-227386" eaLnBrk="0" fontAlgn="base" hangingPunct="0">
              <a:spcBef>
                <a:spcPct val="30000"/>
              </a:spcBef>
              <a:spcAft>
                <a:spcPct val="0"/>
              </a:spcAft>
              <a:defRPr kumimoji="1" sz="1200">
                <a:solidFill>
                  <a:schemeClr val="tx1"/>
                </a:solidFill>
                <a:latin typeface="Times New Roman" pitchFamily="18" charset="0"/>
                <a:ea typeface="ＭＳ Ｐ明朝" pitchFamily="18" charset="-128"/>
              </a:defRPr>
            </a:lvl9pPr>
          </a:lstStyle>
          <a:p>
            <a:pPr defTabSz="922355" eaLnBrk="1" hangingPunct="1">
              <a:spcBef>
                <a:spcPct val="0"/>
              </a:spcBef>
            </a:pPr>
            <a:fld id="{34046843-ED5F-4FD2-AA9D-64EB96301488}" type="slidenum">
              <a:rPr lang="ja-JP" altLang="en-US" smtClean="0">
                <a:ea typeface="ＭＳ Ｐゴシック" pitchFamily="50" charset="-128"/>
              </a:rPr>
              <a:pPr defTabSz="922355" eaLnBrk="1" hangingPunct="1">
                <a:spcBef>
                  <a:spcPct val="0"/>
                </a:spcBef>
              </a:pPr>
              <a:t>78</a:t>
            </a:fld>
            <a:endParaRPr lang="ja-JP" altLang="en-US">
              <a:ea typeface="ＭＳ Ｐゴシック" pitchFamily="50" charset="-128"/>
            </a:endParaRPr>
          </a:p>
        </p:txBody>
      </p:sp>
    </p:spTree>
    <p:extLst>
      <p:ext uri="{BB962C8B-B14F-4D97-AF65-F5344CB8AC3E}">
        <p14:creationId xmlns:p14="http://schemas.microsoft.com/office/powerpoint/2010/main" val="54866839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スライド イメージ プレースホルダ 1">
            <a:extLst>
              <a:ext uri="{FF2B5EF4-FFF2-40B4-BE49-F238E27FC236}">
                <a16:creationId xmlns:a16="http://schemas.microsoft.com/office/drawing/2014/main" id="{CA3C53AF-32AE-E5DD-6A5D-4A22D7C55CF4}"/>
              </a:ext>
            </a:extLst>
          </p:cNvPr>
          <p:cNvSpPr>
            <a:spLocks noGrp="1" noRot="1" noChangeAspect="1" noChangeArrowheads="1" noTextEdit="1"/>
          </p:cNvSpPr>
          <p:nvPr>
            <p:ph type="sldImg"/>
          </p:nvPr>
        </p:nvSpPr>
        <p:spPr>
          <a:xfrm>
            <a:off x="1371600" y="1143000"/>
            <a:ext cx="4114800" cy="3086100"/>
          </a:xfrm>
          <a:ln/>
        </p:spPr>
      </p:sp>
      <p:sp>
        <p:nvSpPr>
          <p:cNvPr id="28675" name="ノート プレースホルダ 2">
            <a:extLst>
              <a:ext uri="{FF2B5EF4-FFF2-40B4-BE49-F238E27FC236}">
                <a16:creationId xmlns:a16="http://schemas.microsoft.com/office/drawing/2014/main" id="{AFDCCD5E-A35D-9ADE-D3C9-F62A808E86ED}"/>
              </a:ext>
            </a:extLst>
          </p:cNvPr>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ja-JP" altLang="en-US">
              <a:latin typeface="Times New Roman" panose="02020603050405020304" pitchFamily="18" charset="0"/>
            </a:endParaRPr>
          </a:p>
        </p:txBody>
      </p:sp>
      <p:sp>
        <p:nvSpPr>
          <p:cNvPr id="28676" name="スライド番号プレースホルダ 3">
            <a:extLst>
              <a:ext uri="{FF2B5EF4-FFF2-40B4-BE49-F238E27FC236}">
                <a16:creationId xmlns:a16="http://schemas.microsoft.com/office/drawing/2014/main" id="{3CF1CA7B-6FF9-6602-7F81-10994D943802}"/>
              </a:ext>
            </a:extLst>
          </p:cNvPr>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22338">
              <a:spcBef>
                <a:spcPct val="30000"/>
              </a:spcBef>
              <a:defRPr kumimoji="1" sz="1200">
                <a:solidFill>
                  <a:schemeClr val="tx1"/>
                </a:solidFill>
                <a:latin typeface="Arial" panose="020B0604020202020204" pitchFamily="34" charset="0"/>
                <a:ea typeface="ＭＳ Ｐ明朝" panose="02020600040205080304" pitchFamily="18" charset="-128"/>
              </a:defRPr>
            </a:lvl1pPr>
            <a:lvl2pPr marL="741363" indent="-284163" defTabSz="922338">
              <a:spcBef>
                <a:spcPct val="30000"/>
              </a:spcBef>
              <a:defRPr kumimoji="1" sz="1200">
                <a:solidFill>
                  <a:schemeClr val="tx1"/>
                </a:solidFill>
                <a:latin typeface="Arial" panose="020B0604020202020204" pitchFamily="34" charset="0"/>
                <a:ea typeface="ＭＳ Ｐ明朝" panose="02020600040205080304" pitchFamily="18" charset="-128"/>
              </a:defRPr>
            </a:lvl2pPr>
            <a:lvl3pPr marL="1141413" indent="-227013" defTabSz="922338">
              <a:spcBef>
                <a:spcPct val="30000"/>
              </a:spcBef>
              <a:defRPr kumimoji="1" sz="1200">
                <a:solidFill>
                  <a:schemeClr val="tx1"/>
                </a:solidFill>
                <a:latin typeface="Arial" panose="020B0604020202020204" pitchFamily="34" charset="0"/>
                <a:ea typeface="ＭＳ Ｐ明朝" panose="02020600040205080304" pitchFamily="18" charset="-128"/>
              </a:defRPr>
            </a:lvl3pPr>
            <a:lvl4pPr marL="1598613" indent="-227013" defTabSz="922338">
              <a:spcBef>
                <a:spcPct val="30000"/>
              </a:spcBef>
              <a:defRPr kumimoji="1" sz="1200">
                <a:solidFill>
                  <a:schemeClr val="tx1"/>
                </a:solidFill>
                <a:latin typeface="Arial" panose="020B0604020202020204" pitchFamily="34" charset="0"/>
                <a:ea typeface="ＭＳ Ｐ明朝" panose="02020600040205080304" pitchFamily="18" charset="-128"/>
              </a:defRPr>
            </a:lvl4pPr>
            <a:lvl5pPr marL="2055813" indent="-227013" defTabSz="922338">
              <a:spcBef>
                <a:spcPct val="30000"/>
              </a:spcBef>
              <a:defRPr kumimoji="1" sz="1200">
                <a:solidFill>
                  <a:schemeClr val="tx1"/>
                </a:solidFill>
                <a:latin typeface="Arial" panose="020B0604020202020204" pitchFamily="34" charset="0"/>
                <a:ea typeface="ＭＳ Ｐ明朝" panose="02020600040205080304" pitchFamily="18" charset="-128"/>
              </a:defRPr>
            </a:lvl5pPr>
            <a:lvl6pPr marL="25130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6pPr>
            <a:lvl7pPr marL="29702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7pPr>
            <a:lvl8pPr marL="34274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8pPr>
            <a:lvl9pPr marL="3884613" indent="-227013" defTabSz="922338" eaLnBrk="0" fontAlgn="base" hangingPunct="0">
              <a:spcBef>
                <a:spcPct val="30000"/>
              </a:spcBef>
              <a:spcAft>
                <a:spcPct val="0"/>
              </a:spcAft>
              <a:defRPr kumimoji="1" sz="1200">
                <a:solidFill>
                  <a:schemeClr val="tx1"/>
                </a:solidFill>
                <a:latin typeface="Arial" panose="020B0604020202020204" pitchFamily="34" charset="0"/>
                <a:ea typeface="ＭＳ Ｐ明朝" panose="02020600040205080304" pitchFamily="18" charset="-128"/>
              </a:defRPr>
            </a:lvl9pPr>
          </a:lstStyle>
          <a:p>
            <a:pPr>
              <a:spcBef>
                <a:spcPct val="0"/>
              </a:spcBef>
            </a:pPr>
            <a:fld id="{BA549B82-E1CE-4FEE-B052-76DA98EBB28F}" type="slidenum">
              <a:rPr lang="ja-JP" altLang="en-US" smtClean="0">
                <a:latin typeface="Times New Roman" panose="02020603050405020304" pitchFamily="18" charset="0"/>
                <a:ea typeface="ＭＳ Ｐゴシック" panose="020B0600070205080204" pitchFamily="50" charset="-128"/>
              </a:rPr>
              <a:pPr>
                <a:spcBef>
                  <a:spcPct val="0"/>
                </a:spcBef>
              </a:pPr>
              <a:t>79</a:t>
            </a:fld>
            <a:endParaRPr lang="ja-JP" altLang="en-US">
              <a:latin typeface="Times New Roman" panose="02020603050405020304" pitchFamily="18" charset="0"/>
              <a:ea typeface="ＭＳ Ｐゴシック" panose="020B0600070205080204" pitchFamily="50" charset="-128"/>
            </a:endParaRPr>
          </a:p>
        </p:txBody>
      </p:sp>
    </p:spTree>
    <p:extLst>
      <p:ext uri="{BB962C8B-B14F-4D97-AF65-F5344CB8AC3E}">
        <p14:creationId xmlns:p14="http://schemas.microsoft.com/office/powerpoint/2010/main" val="333376711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00E6D2B-C0E8-46B3-AAD7-585DC5BEF3BF}" type="slidenum">
              <a:rPr kumimoji="1" lang="ja-JP" altLang="en-US" smtClean="0"/>
              <a:t>90</a:t>
            </a:fld>
            <a:endParaRPr kumimoji="1" lang="ja-JP" altLang="en-US"/>
          </a:p>
        </p:txBody>
      </p:sp>
    </p:spTree>
    <p:extLst>
      <p:ext uri="{BB962C8B-B14F-4D97-AF65-F5344CB8AC3E}">
        <p14:creationId xmlns:p14="http://schemas.microsoft.com/office/powerpoint/2010/main" val="35627412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5"/>
          </p:nvPr>
        </p:nvSpPr>
        <p:spPr/>
        <p:txBody>
          <a:bodyPr/>
          <a:lstStyle/>
          <a:p>
            <a:fld id="{C00E6D2B-C0E8-46B3-AAD7-585DC5BEF3BF}" type="slidenum">
              <a:rPr kumimoji="1" lang="ja-JP" altLang="en-US" smtClean="0"/>
              <a:t>91</a:t>
            </a:fld>
            <a:endParaRPr kumimoji="1" lang="ja-JP" altLang="en-US"/>
          </a:p>
        </p:txBody>
      </p:sp>
    </p:spTree>
    <p:extLst>
      <p:ext uri="{BB962C8B-B14F-4D97-AF65-F5344CB8AC3E}">
        <p14:creationId xmlns:p14="http://schemas.microsoft.com/office/powerpoint/2010/main" val="421466982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2.png"/><Relationship Id="rId1" Type="http://schemas.openxmlformats.org/officeDocument/2006/relationships/slideMaster" Target="../slideMasters/slideMaster2.xml"/><Relationship Id="rId4" Type="http://schemas.openxmlformats.org/officeDocument/2006/relationships/image" Target="../media/image4.emf"/></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6.emf"/><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image" Target="../media/image7.png"/><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2" Type="http://schemas.openxmlformats.org/officeDocument/2006/relationships/image" Target="../media/image9.png"/><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8" Type="http://schemas.openxmlformats.org/officeDocument/2006/relationships/image" Target="../media/image16.png"/><Relationship Id="rId3" Type="http://schemas.openxmlformats.org/officeDocument/2006/relationships/image" Target="../media/image11.png"/><Relationship Id="rId7" Type="http://schemas.openxmlformats.org/officeDocument/2006/relationships/image" Target="../media/image15.png"/><Relationship Id="rId2" Type="http://schemas.openxmlformats.org/officeDocument/2006/relationships/image" Target="../media/image10.png"/><Relationship Id="rId1" Type="http://schemas.openxmlformats.org/officeDocument/2006/relationships/slideMaster" Target="../slideMasters/slideMaster2.xml"/><Relationship Id="rId6" Type="http://schemas.openxmlformats.org/officeDocument/2006/relationships/image" Target="../media/image14.jpg"/><Relationship Id="rId5" Type="http://schemas.openxmlformats.org/officeDocument/2006/relationships/image" Target="../media/image13.png"/><Relationship Id="rId4" Type="http://schemas.openxmlformats.org/officeDocument/2006/relationships/image" Target="../media/image12.png"/></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20.png"/><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タイトル スライド">
    <p:spTree>
      <p:nvGrpSpPr>
        <p:cNvPr id="1" name=""/>
        <p:cNvGrpSpPr/>
        <p:nvPr/>
      </p:nvGrpSpPr>
      <p:grpSpPr>
        <a:xfrm>
          <a:off x="0" y="0"/>
          <a:ext cx="0" cy="0"/>
          <a:chOff x="0" y="0"/>
          <a:chExt cx="0" cy="0"/>
        </a:xfrm>
      </p:grpSpPr>
      <p:sp>
        <p:nvSpPr>
          <p:cNvPr id="16386" name="Rectangle 2"/>
          <p:cNvSpPr>
            <a:spLocks noGrp="1" noChangeArrowheads="1"/>
          </p:cNvSpPr>
          <p:nvPr>
            <p:ph type="ctrTitle"/>
          </p:nvPr>
        </p:nvSpPr>
        <p:spPr>
          <a:xfrm>
            <a:off x="685800" y="2420957"/>
            <a:ext cx="7772400" cy="1470025"/>
          </a:xfrm>
        </p:spPr>
        <p:txBody>
          <a:bodyPr anchor="ctr"/>
          <a:lstStyle>
            <a:lvl1pPr algn="ctr">
              <a:defRPr u="none"/>
            </a:lvl1pPr>
          </a:lstStyle>
          <a:p>
            <a:r>
              <a:rPr lang="ja-JP" altLang="en-US" dirty="0"/>
              <a:t>マスター タイトルの書式設定</a:t>
            </a:r>
          </a:p>
        </p:txBody>
      </p:sp>
      <p:sp>
        <p:nvSpPr>
          <p:cNvPr id="16485" name="Rectangle 101"/>
          <p:cNvSpPr>
            <a:spLocks noChangeArrowheads="1"/>
          </p:cNvSpPr>
          <p:nvPr/>
        </p:nvSpPr>
        <p:spPr bwMode="auto">
          <a:xfrm>
            <a:off x="7202713" y="6154093"/>
            <a:ext cx="1851790" cy="342401"/>
          </a:xfrm>
          <a:prstGeom prst="rect">
            <a:avLst/>
          </a:prstGeom>
          <a:noFill/>
          <a:ln w="9525">
            <a:noFill/>
            <a:miter lim="800000"/>
            <a:headEnd/>
            <a:tailEnd/>
          </a:ln>
          <a:effectLst/>
        </p:spPr>
        <p:txBody>
          <a:bodyPr wrap="none" anchor="ctr">
            <a:spAutoFit/>
          </a:bodyPr>
          <a:lstStyle/>
          <a:p>
            <a:pPr algn="r" defTabSz="371446"/>
            <a:r>
              <a:rPr kumimoji="0" lang="ja-JP" altLang="en-US" sz="1625" dirty="0">
                <a:solidFill>
                  <a:srgbClr val="000000"/>
                </a:solidFill>
              </a:rPr>
              <a:t>日本工営株式会社</a:t>
            </a:r>
            <a:endParaRPr kumimoji="0" lang="ja-JP" altLang="ja-JP" sz="1625" dirty="0">
              <a:solidFill>
                <a:srgbClr val="000000"/>
              </a:solidFill>
            </a:endParaRPr>
          </a:p>
        </p:txBody>
      </p:sp>
      <p:sp>
        <p:nvSpPr>
          <p:cNvPr id="16486" name="Rectangle 102"/>
          <p:cNvSpPr>
            <a:spLocks noGrp="1" noChangeArrowheads="1"/>
          </p:cNvSpPr>
          <p:nvPr>
            <p:ph type="subTitle" sz="quarter" idx="1"/>
          </p:nvPr>
        </p:nvSpPr>
        <p:spPr>
          <a:xfrm>
            <a:off x="1371600" y="4005277"/>
            <a:ext cx="6400800" cy="1633537"/>
          </a:xfrm>
        </p:spPr>
        <p:txBody>
          <a:bodyPr/>
          <a:lstStyle>
            <a:lvl1pPr marL="0" indent="0" algn="ctr">
              <a:buFontTx/>
              <a:buNone/>
              <a:defRPr/>
            </a:lvl1pPr>
          </a:lstStyle>
          <a:p>
            <a:r>
              <a:rPr lang="ja-JP" altLang="en-US"/>
              <a:t>マスター サブタイトルの書式設定</a:t>
            </a:r>
          </a:p>
        </p:txBody>
      </p:sp>
      <p:grpSp>
        <p:nvGrpSpPr>
          <p:cNvPr id="23" name="グループ化 22">
            <a:extLst>
              <a:ext uri="{FF2B5EF4-FFF2-40B4-BE49-F238E27FC236}">
                <a16:creationId xmlns:a16="http://schemas.microsoft.com/office/drawing/2014/main" id="{4CD6081A-69FA-4E66-907E-A1013B6AB6DE}"/>
              </a:ext>
            </a:extLst>
          </p:cNvPr>
          <p:cNvGrpSpPr/>
          <p:nvPr userDrawn="1"/>
        </p:nvGrpSpPr>
        <p:grpSpPr>
          <a:xfrm>
            <a:off x="7420411" y="248951"/>
            <a:ext cx="1489472" cy="379413"/>
            <a:chOff x="6762750" y="333375"/>
            <a:chExt cx="1985963" cy="379413"/>
          </a:xfrm>
        </p:grpSpPr>
        <p:sp>
          <p:nvSpPr>
            <p:cNvPr id="24" name="AutoShape 111">
              <a:extLst>
                <a:ext uri="{FF2B5EF4-FFF2-40B4-BE49-F238E27FC236}">
                  <a16:creationId xmlns:a16="http://schemas.microsoft.com/office/drawing/2014/main" id="{A8F45295-5D55-4191-B14A-861AADA8715F}"/>
                </a:ext>
              </a:extLst>
            </p:cNvPr>
            <p:cNvSpPr>
              <a:spLocks noChangeAspect="1" noChangeArrowheads="1" noTextEdit="1"/>
            </p:cNvSpPr>
            <p:nvPr userDrawn="1"/>
          </p:nvSpPr>
          <p:spPr bwMode="auto">
            <a:xfrm>
              <a:off x="6762750" y="333375"/>
              <a:ext cx="1985963" cy="379413"/>
            </a:xfrm>
            <a:prstGeom prst="rect">
              <a:avLst/>
            </a:prstGeom>
            <a:noFill/>
            <a:ln w="9525">
              <a:noFill/>
              <a:miter lim="800000"/>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5" name="Freeform 145">
              <a:extLst>
                <a:ext uri="{FF2B5EF4-FFF2-40B4-BE49-F238E27FC236}">
                  <a16:creationId xmlns:a16="http://schemas.microsoft.com/office/drawing/2014/main" id="{9F29DDAF-8E1B-416B-9310-9D2AB867408D}"/>
                </a:ext>
              </a:extLst>
            </p:cNvPr>
            <p:cNvSpPr>
              <a:spLocks noEditPoints="1"/>
            </p:cNvSpPr>
            <p:nvPr userDrawn="1"/>
          </p:nvSpPr>
          <p:spPr bwMode="auto">
            <a:xfrm>
              <a:off x="7510463" y="333375"/>
              <a:ext cx="222250" cy="196850"/>
            </a:xfrm>
            <a:custGeom>
              <a:avLst/>
              <a:gdLst/>
              <a:ahLst/>
              <a:cxnLst>
                <a:cxn ang="0">
                  <a:pos x="48" y="21"/>
                </a:cxn>
                <a:cxn ang="0">
                  <a:pos x="43" y="11"/>
                </a:cxn>
                <a:cxn ang="0">
                  <a:pos x="40" y="11"/>
                </a:cxn>
                <a:cxn ang="0">
                  <a:pos x="29" y="20"/>
                </a:cxn>
                <a:cxn ang="0">
                  <a:pos x="21" y="42"/>
                </a:cxn>
                <a:cxn ang="0">
                  <a:pos x="27" y="51"/>
                </a:cxn>
                <a:cxn ang="0">
                  <a:pos x="30" y="51"/>
                </a:cxn>
                <a:cxn ang="0">
                  <a:pos x="41" y="43"/>
                </a:cxn>
                <a:cxn ang="0">
                  <a:pos x="48" y="21"/>
                </a:cxn>
                <a:cxn ang="0">
                  <a:pos x="27" y="62"/>
                </a:cxn>
                <a:cxn ang="0">
                  <a:pos x="21" y="62"/>
                </a:cxn>
                <a:cxn ang="0">
                  <a:pos x="6" y="31"/>
                </a:cxn>
                <a:cxn ang="0">
                  <a:pos x="43" y="0"/>
                </a:cxn>
                <a:cxn ang="0">
                  <a:pos x="49" y="0"/>
                </a:cxn>
                <a:cxn ang="0">
                  <a:pos x="64" y="31"/>
                </a:cxn>
                <a:cxn ang="0">
                  <a:pos x="27" y="62"/>
                </a:cxn>
              </a:cxnLst>
              <a:rect l="0" t="0" r="r" b="b"/>
              <a:pathLst>
                <a:path w="70" h="62">
                  <a:moveTo>
                    <a:pt x="48" y="21"/>
                  </a:moveTo>
                  <a:cubicBezTo>
                    <a:pt x="51" y="15"/>
                    <a:pt x="50" y="11"/>
                    <a:pt x="43" y="11"/>
                  </a:cubicBezTo>
                  <a:cubicBezTo>
                    <a:pt x="43" y="11"/>
                    <a:pt x="40" y="11"/>
                    <a:pt x="40" y="11"/>
                  </a:cubicBezTo>
                  <a:cubicBezTo>
                    <a:pt x="33" y="11"/>
                    <a:pt x="31" y="13"/>
                    <a:pt x="29" y="20"/>
                  </a:cubicBezTo>
                  <a:cubicBezTo>
                    <a:pt x="28" y="22"/>
                    <a:pt x="22" y="41"/>
                    <a:pt x="21" y="42"/>
                  </a:cubicBezTo>
                  <a:cubicBezTo>
                    <a:pt x="19" y="49"/>
                    <a:pt x="21" y="51"/>
                    <a:pt x="27" y="51"/>
                  </a:cubicBezTo>
                  <a:cubicBezTo>
                    <a:pt x="27" y="51"/>
                    <a:pt x="30" y="51"/>
                    <a:pt x="30" y="51"/>
                  </a:cubicBezTo>
                  <a:cubicBezTo>
                    <a:pt x="36" y="51"/>
                    <a:pt x="38" y="49"/>
                    <a:pt x="41" y="43"/>
                  </a:cubicBezTo>
                  <a:cubicBezTo>
                    <a:pt x="42" y="40"/>
                    <a:pt x="47" y="23"/>
                    <a:pt x="48" y="21"/>
                  </a:cubicBezTo>
                  <a:close/>
                  <a:moveTo>
                    <a:pt x="27" y="62"/>
                  </a:moveTo>
                  <a:cubicBezTo>
                    <a:pt x="26" y="62"/>
                    <a:pt x="21" y="62"/>
                    <a:pt x="21" y="62"/>
                  </a:cubicBezTo>
                  <a:cubicBezTo>
                    <a:pt x="1" y="62"/>
                    <a:pt x="0" y="49"/>
                    <a:pt x="6" y="31"/>
                  </a:cubicBezTo>
                  <a:cubicBezTo>
                    <a:pt x="12" y="12"/>
                    <a:pt x="20" y="0"/>
                    <a:pt x="43" y="0"/>
                  </a:cubicBezTo>
                  <a:cubicBezTo>
                    <a:pt x="43" y="0"/>
                    <a:pt x="48" y="0"/>
                    <a:pt x="49" y="0"/>
                  </a:cubicBezTo>
                  <a:cubicBezTo>
                    <a:pt x="69" y="0"/>
                    <a:pt x="70" y="13"/>
                    <a:pt x="64" y="31"/>
                  </a:cubicBezTo>
                  <a:cubicBezTo>
                    <a:pt x="57" y="50"/>
                    <a:pt x="50" y="62"/>
                    <a:pt x="27" y="62"/>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6" name="Freeform 146">
              <a:extLst>
                <a:ext uri="{FF2B5EF4-FFF2-40B4-BE49-F238E27FC236}">
                  <a16:creationId xmlns:a16="http://schemas.microsoft.com/office/drawing/2014/main" id="{01E1C144-046B-4157-A272-632A3BD9B481}"/>
                </a:ext>
              </a:extLst>
            </p:cNvPr>
            <p:cNvSpPr>
              <a:spLocks noEditPoints="1"/>
            </p:cNvSpPr>
            <p:nvPr userDrawn="1"/>
          </p:nvSpPr>
          <p:spPr bwMode="auto">
            <a:xfrm>
              <a:off x="8239125" y="333375"/>
              <a:ext cx="223838" cy="196850"/>
            </a:xfrm>
            <a:custGeom>
              <a:avLst/>
              <a:gdLst/>
              <a:ahLst/>
              <a:cxnLst>
                <a:cxn ang="0">
                  <a:pos x="49" y="21"/>
                </a:cxn>
                <a:cxn ang="0">
                  <a:pos x="44" y="11"/>
                </a:cxn>
                <a:cxn ang="0">
                  <a:pos x="41" y="11"/>
                </a:cxn>
                <a:cxn ang="0">
                  <a:pos x="29" y="20"/>
                </a:cxn>
                <a:cxn ang="0">
                  <a:pos x="22" y="42"/>
                </a:cxn>
                <a:cxn ang="0">
                  <a:pos x="28" y="51"/>
                </a:cxn>
                <a:cxn ang="0">
                  <a:pos x="30" y="51"/>
                </a:cxn>
                <a:cxn ang="0">
                  <a:pos x="41" y="43"/>
                </a:cxn>
                <a:cxn ang="0">
                  <a:pos x="49" y="21"/>
                </a:cxn>
                <a:cxn ang="0">
                  <a:pos x="27" y="62"/>
                </a:cxn>
                <a:cxn ang="0">
                  <a:pos x="21" y="62"/>
                </a:cxn>
                <a:cxn ang="0">
                  <a:pos x="6" y="31"/>
                </a:cxn>
                <a:cxn ang="0">
                  <a:pos x="44" y="0"/>
                </a:cxn>
                <a:cxn ang="0">
                  <a:pos x="49" y="0"/>
                </a:cxn>
                <a:cxn ang="0">
                  <a:pos x="65" y="31"/>
                </a:cxn>
                <a:cxn ang="0">
                  <a:pos x="27" y="62"/>
                </a:cxn>
              </a:cxnLst>
              <a:rect l="0" t="0" r="r" b="b"/>
              <a:pathLst>
                <a:path w="71" h="62">
                  <a:moveTo>
                    <a:pt x="49" y="21"/>
                  </a:moveTo>
                  <a:cubicBezTo>
                    <a:pt x="51" y="15"/>
                    <a:pt x="51" y="11"/>
                    <a:pt x="44" y="11"/>
                  </a:cubicBezTo>
                  <a:cubicBezTo>
                    <a:pt x="44" y="11"/>
                    <a:pt x="41" y="11"/>
                    <a:pt x="41" y="11"/>
                  </a:cubicBezTo>
                  <a:cubicBezTo>
                    <a:pt x="34" y="11"/>
                    <a:pt x="32" y="13"/>
                    <a:pt x="29" y="20"/>
                  </a:cubicBezTo>
                  <a:cubicBezTo>
                    <a:pt x="28" y="22"/>
                    <a:pt x="22" y="41"/>
                    <a:pt x="22" y="42"/>
                  </a:cubicBezTo>
                  <a:cubicBezTo>
                    <a:pt x="20" y="49"/>
                    <a:pt x="22" y="51"/>
                    <a:pt x="28" y="51"/>
                  </a:cubicBezTo>
                  <a:cubicBezTo>
                    <a:pt x="28" y="51"/>
                    <a:pt x="30" y="51"/>
                    <a:pt x="30" y="51"/>
                  </a:cubicBezTo>
                  <a:cubicBezTo>
                    <a:pt x="37" y="51"/>
                    <a:pt x="39" y="49"/>
                    <a:pt x="41" y="43"/>
                  </a:cubicBezTo>
                  <a:cubicBezTo>
                    <a:pt x="42" y="40"/>
                    <a:pt x="48" y="23"/>
                    <a:pt x="49" y="21"/>
                  </a:cubicBezTo>
                  <a:close/>
                  <a:moveTo>
                    <a:pt x="27" y="62"/>
                  </a:moveTo>
                  <a:cubicBezTo>
                    <a:pt x="27" y="62"/>
                    <a:pt x="22" y="62"/>
                    <a:pt x="21" y="62"/>
                  </a:cubicBezTo>
                  <a:cubicBezTo>
                    <a:pt x="1" y="62"/>
                    <a:pt x="0" y="49"/>
                    <a:pt x="6" y="31"/>
                  </a:cubicBezTo>
                  <a:cubicBezTo>
                    <a:pt x="13" y="12"/>
                    <a:pt x="21" y="0"/>
                    <a:pt x="44" y="0"/>
                  </a:cubicBezTo>
                  <a:cubicBezTo>
                    <a:pt x="44" y="0"/>
                    <a:pt x="49" y="0"/>
                    <a:pt x="49" y="0"/>
                  </a:cubicBezTo>
                  <a:cubicBezTo>
                    <a:pt x="70" y="0"/>
                    <a:pt x="71" y="13"/>
                    <a:pt x="65" y="31"/>
                  </a:cubicBezTo>
                  <a:cubicBezTo>
                    <a:pt x="58" y="50"/>
                    <a:pt x="50" y="62"/>
                    <a:pt x="27" y="62"/>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7" name="Freeform 147">
              <a:extLst>
                <a:ext uri="{FF2B5EF4-FFF2-40B4-BE49-F238E27FC236}">
                  <a16:creationId xmlns:a16="http://schemas.microsoft.com/office/drawing/2014/main" id="{8459EE37-4819-4B1C-80A1-9D40BB9D6DEB}"/>
                </a:ext>
              </a:extLst>
            </p:cNvPr>
            <p:cNvSpPr>
              <a:spLocks/>
            </p:cNvSpPr>
            <p:nvPr userDrawn="1"/>
          </p:nvSpPr>
          <p:spPr bwMode="auto">
            <a:xfrm>
              <a:off x="6762750" y="339725"/>
              <a:ext cx="257175" cy="187325"/>
            </a:xfrm>
            <a:custGeom>
              <a:avLst/>
              <a:gdLst/>
              <a:ahLst/>
              <a:cxnLst>
                <a:cxn ang="0">
                  <a:pos x="63" y="59"/>
                </a:cxn>
                <a:cxn ang="0">
                  <a:pos x="46" y="59"/>
                </a:cxn>
                <a:cxn ang="0">
                  <a:pos x="35" y="49"/>
                </a:cxn>
                <a:cxn ang="0">
                  <a:pos x="28" y="14"/>
                </a:cxn>
                <a:cxn ang="0">
                  <a:pos x="15" y="59"/>
                </a:cxn>
                <a:cxn ang="0">
                  <a:pos x="0" y="59"/>
                </a:cxn>
                <a:cxn ang="0">
                  <a:pos x="18" y="0"/>
                </a:cxn>
                <a:cxn ang="0">
                  <a:pos x="36" y="0"/>
                </a:cxn>
                <a:cxn ang="0">
                  <a:pos x="45" y="8"/>
                </a:cxn>
                <a:cxn ang="0">
                  <a:pos x="54" y="44"/>
                </a:cxn>
                <a:cxn ang="0">
                  <a:pos x="66" y="0"/>
                </a:cxn>
                <a:cxn ang="0">
                  <a:pos x="81" y="0"/>
                </a:cxn>
                <a:cxn ang="0">
                  <a:pos x="63" y="59"/>
                </a:cxn>
              </a:cxnLst>
              <a:rect l="0" t="0" r="r" b="b"/>
              <a:pathLst>
                <a:path w="81" h="59">
                  <a:moveTo>
                    <a:pt x="63" y="59"/>
                  </a:moveTo>
                  <a:cubicBezTo>
                    <a:pt x="63" y="59"/>
                    <a:pt x="53" y="59"/>
                    <a:pt x="46" y="59"/>
                  </a:cubicBezTo>
                  <a:cubicBezTo>
                    <a:pt x="40" y="59"/>
                    <a:pt x="37" y="57"/>
                    <a:pt x="35" y="49"/>
                  </a:cubicBezTo>
                  <a:cubicBezTo>
                    <a:pt x="34" y="41"/>
                    <a:pt x="28" y="14"/>
                    <a:pt x="28" y="14"/>
                  </a:cubicBezTo>
                  <a:cubicBezTo>
                    <a:pt x="15" y="59"/>
                    <a:pt x="15" y="59"/>
                    <a:pt x="15" y="59"/>
                  </a:cubicBezTo>
                  <a:cubicBezTo>
                    <a:pt x="0" y="59"/>
                    <a:pt x="0" y="59"/>
                    <a:pt x="0" y="59"/>
                  </a:cubicBezTo>
                  <a:cubicBezTo>
                    <a:pt x="18" y="0"/>
                    <a:pt x="18" y="0"/>
                    <a:pt x="18" y="0"/>
                  </a:cubicBezTo>
                  <a:cubicBezTo>
                    <a:pt x="18" y="0"/>
                    <a:pt x="29" y="0"/>
                    <a:pt x="36" y="0"/>
                  </a:cubicBezTo>
                  <a:cubicBezTo>
                    <a:pt x="42" y="0"/>
                    <a:pt x="44" y="1"/>
                    <a:pt x="45" y="8"/>
                  </a:cubicBezTo>
                  <a:cubicBezTo>
                    <a:pt x="46" y="13"/>
                    <a:pt x="54" y="44"/>
                    <a:pt x="54" y="44"/>
                  </a:cubicBezTo>
                  <a:cubicBezTo>
                    <a:pt x="66" y="0"/>
                    <a:pt x="66" y="0"/>
                    <a:pt x="66" y="0"/>
                  </a:cubicBezTo>
                  <a:cubicBezTo>
                    <a:pt x="81" y="0"/>
                    <a:pt x="81" y="0"/>
                    <a:pt x="81" y="0"/>
                  </a:cubicBezTo>
                  <a:cubicBezTo>
                    <a:pt x="63" y="59"/>
                    <a:pt x="63" y="59"/>
                    <a:pt x="63" y="59"/>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8" name="Freeform 148">
              <a:extLst>
                <a:ext uri="{FF2B5EF4-FFF2-40B4-BE49-F238E27FC236}">
                  <a16:creationId xmlns:a16="http://schemas.microsoft.com/office/drawing/2014/main" id="{1C1D2FEB-7019-46EE-B95F-D5862432E23C}"/>
                </a:ext>
              </a:extLst>
            </p:cNvPr>
            <p:cNvSpPr>
              <a:spLocks/>
            </p:cNvSpPr>
            <p:nvPr userDrawn="1"/>
          </p:nvSpPr>
          <p:spPr bwMode="auto">
            <a:xfrm>
              <a:off x="7713663" y="339725"/>
              <a:ext cx="258763" cy="187325"/>
            </a:xfrm>
            <a:custGeom>
              <a:avLst/>
              <a:gdLst/>
              <a:ahLst/>
              <a:cxnLst>
                <a:cxn ang="0">
                  <a:pos x="64" y="59"/>
                </a:cxn>
                <a:cxn ang="0">
                  <a:pos x="47" y="59"/>
                </a:cxn>
                <a:cxn ang="0">
                  <a:pos x="36" y="49"/>
                </a:cxn>
                <a:cxn ang="0">
                  <a:pos x="28" y="14"/>
                </a:cxn>
                <a:cxn ang="0">
                  <a:pos x="15" y="59"/>
                </a:cxn>
                <a:cxn ang="0">
                  <a:pos x="0" y="59"/>
                </a:cxn>
                <a:cxn ang="0">
                  <a:pos x="18" y="0"/>
                </a:cxn>
                <a:cxn ang="0">
                  <a:pos x="36" y="0"/>
                </a:cxn>
                <a:cxn ang="0">
                  <a:pos x="46" y="8"/>
                </a:cxn>
                <a:cxn ang="0">
                  <a:pos x="54" y="44"/>
                </a:cxn>
                <a:cxn ang="0">
                  <a:pos x="67" y="0"/>
                </a:cxn>
                <a:cxn ang="0">
                  <a:pos x="82" y="0"/>
                </a:cxn>
                <a:cxn ang="0">
                  <a:pos x="64" y="59"/>
                </a:cxn>
              </a:cxnLst>
              <a:rect l="0" t="0" r="r" b="b"/>
              <a:pathLst>
                <a:path w="82" h="59">
                  <a:moveTo>
                    <a:pt x="64" y="59"/>
                  </a:moveTo>
                  <a:cubicBezTo>
                    <a:pt x="64" y="59"/>
                    <a:pt x="53" y="59"/>
                    <a:pt x="47" y="59"/>
                  </a:cubicBezTo>
                  <a:cubicBezTo>
                    <a:pt x="40" y="59"/>
                    <a:pt x="37" y="57"/>
                    <a:pt x="36" y="49"/>
                  </a:cubicBezTo>
                  <a:cubicBezTo>
                    <a:pt x="35" y="41"/>
                    <a:pt x="28" y="14"/>
                    <a:pt x="28" y="14"/>
                  </a:cubicBezTo>
                  <a:cubicBezTo>
                    <a:pt x="15" y="59"/>
                    <a:pt x="15" y="59"/>
                    <a:pt x="15" y="59"/>
                  </a:cubicBezTo>
                  <a:cubicBezTo>
                    <a:pt x="0" y="59"/>
                    <a:pt x="0" y="59"/>
                    <a:pt x="0" y="59"/>
                  </a:cubicBezTo>
                  <a:cubicBezTo>
                    <a:pt x="18" y="0"/>
                    <a:pt x="18" y="0"/>
                    <a:pt x="18" y="0"/>
                  </a:cubicBezTo>
                  <a:cubicBezTo>
                    <a:pt x="18" y="0"/>
                    <a:pt x="29" y="0"/>
                    <a:pt x="36" y="0"/>
                  </a:cubicBezTo>
                  <a:cubicBezTo>
                    <a:pt x="43" y="0"/>
                    <a:pt x="44" y="1"/>
                    <a:pt x="46" y="8"/>
                  </a:cubicBezTo>
                  <a:cubicBezTo>
                    <a:pt x="47" y="13"/>
                    <a:pt x="54" y="44"/>
                    <a:pt x="54" y="44"/>
                  </a:cubicBezTo>
                  <a:cubicBezTo>
                    <a:pt x="67" y="0"/>
                    <a:pt x="67" y="0"/>
                    <a:pt x="67" y="0"/>
                  </a:cubicBezTo>
                  <a:cubicBezTo>
                    <a:pt x="82" y="0"/>
                    <a:pt x="82" y="0"/>
                    <a:pt x="82" y="0"/>
                  </a:cubicBezTo>
                  <a:cubicBezTo>
                    <a:pt x="64" y="59"/>
                    <a:pt x="64" y="59"/>
                    <a:pt x="64" y="59"/>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9" name="Freeform 149">
              <a:extLst>
                <a:ext uri="{FF2B5EF4-FFF2-40B4-BE49-F238E27FC236}">
                  <a16:creationId xmlns:a16="http://schemas.microsoft.com/office/drawing/2014/main" id="{C35264B8-2913-4DC1-ABFE-BE197FF1A410}"/>
                </a:ext>
              </a:extLst>
            </p:cNvPr>
            <p:cNvSpPr>
              <a:spLocks/>
            </p:cNvSpPr>
            <p:nvPr userDrawn="1"/>
          </p:nvSpPr>
          <p:spPr bwMode="auto">
            <a:xfrm>
              <a:off x="7000875" y="339725"/>
              <a:ext cx="119063" cy="187325"/>
            </a:xfrm>
            <a:custGeom>
              <a:avLst/>
              <a:gdLst/>
              <a:ahLst/>
              <a:cxnLst>
                <a:cxn ang="0">
                  <a:pos x="40" y="118"/>
                </a:cxn>
                <a:cxn ang="0">
                  <a:pos x="0" y="118"/>
                </a:cxn>
                <a:cxn ang="0">
                  <a:pos x="38" y="0"/>
                </a:cxn>
                <a:cxn ang="0">
                  <a:pos x="75" y="0"/>
                </a:cxn>
                <a:cxn ang="0">
                  <a:pos x="40" y="118"/>
                </a:cxn>
              </a:cxnLst>
              <a:rect l="0" t="0" r="r" b="b"/>
              <a:pathLst>
                <a:path w="75" h="118">
                  <a:moveTo>
                    <a:pt x="40" y="118"/>
                  </a:moveTo>
                  <a:lnTo>
                    <a:pt x="0" y="118"/>
                  </a:lnTo>
                  <a:lnTo>
                    <a:pt x="38" y="0"/>
                  </a:lnTo>
                  <a:lnTo>
                    <a:pt x="75" y="0"/>
                  </a:lnTo>
                  <a:lnTo>
                    <a:pt x="40" y="118"/>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0" name="Freeform 150">
              <a:extLst>
                <a:ext uri="{FF2B5EF4-FFF2-40B4-BE49-F238E27FC236}">
                  <a16:creationId xmlns:a16="http://schemas.microsoft.com/office/drawing/2014/main" id="{20DB7BF3-72C1-45C2-B0A9-13C423ECF13D}"/>
                </a:ext>
              </a:extLst>
            </p:cNvPr>
            <p:cNvSpPr>
              <a:spLocks/>
            </p:cNvSpPr>
            <p:nvPr userDrawn="1"/>
          </p:nvSpPr>
          <p:spPr bwMode="auto">
            <a:xfrm>
              <a:off x="7000875" y="339725"/>
              <a:ext cx="119063" cy="187325"/>
            </a:xfrm>
            <a:custGeom>
              <a:avLst/>
              <a:gdLst/>
              <a:ahLst/>
              <a:cxnLst>
                <a:cxn ang="0">
                  <a:pos x="40" y="118"/>
                </a:cxn>
                <a:cxn ang="0">
                  <a:pos x="0" y="118"/>
                </a:cxn>
                <a:cxn ang="0">
                  <a:pos x="38" y="0"/>
                </a:cxn>
                <a:cxn ang="0">
                  <a:pos x="75" y="0"/>
                </a:cxn>
                <a:cxn ang="0">
                  <a:pos x="40" y="118"/>
                </a:cxn>
              </a:cxnLst>
              <a:rect l="0" t="0" r="r" b="b"/>
              <a:pathLst>
                <a:path w="75" h="118">
                  <a:moveTo>
                    <a:pt x="40" y="118"/>
                  </a:moveTo>
                  <a:lnTo>
                    <a:pt x="0" y="118"/>
                  </a:lnTo>
                  <a:lnTo>
                    <a:pt x="38" y="0"/>
                  </a:lnTo>
                  <a:lnTo>
                    <a:pt x="75" y="0"/>
                  </a:lnTo>
                  <a:lnTo>
                    <a:pt x="40" y="118"/>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1" name="Freeform 151">
              <a:extLst>
                <a:ext uri="{FF2B5EF4-FFF2-40B4-BE49-F238E27FC236}">
                  <a16:creationId xmlns:a16="http://schemas.microsoft.com/office/drawing/2014/main" id="{95E5AC3D-F3E5-499B-8777-7817C0486673}"/>
                </a:ext>
              </a:extLst>
            </p:cNvPr>
            <p:cNvSpPr>
              <a:spLocks/>
            </p:cNvSpPr>
            <p:nvPr userDrawn="1"/>
          </p:nvSpPr>
          <p:spPr bwMode="auto">
            <a:xfrm>
              <a:off x="8026400" y="339725"/>
              <a:ext cx="120650" cy="187325"/>
            </a:xfrm>
            <a:custGeom>
              <a:avLst/>
              <a:gdLst/>
              <a:ahLst/>
              <a:cxnLst>
                <a:cxn ang="0">
                  <a:pos x="38" y="118"/>
                </a:cxn>
                <a:cxn ang="0">
                  <a:pos x="0" y="118"/>
                </a:cxn>
                <a:cxn ang="0">
                  <a:pos x="36" y="0"/>
                </a:cxn>
                <a:cxn ang="0">
                  <a:pos x="76" y="0"/>
                </a:cxn>
                <a:cxn ang="0">
                  <a:pos x="38" y="118"/>
                </a:cxn>
              </a:cxnLst>
              <a:rect l="0" t="0" r="r" b="b"/>
              <a:pathLst>
                <a:path w="76" h="118">
                  <a:moveTo>
                    <a:pt x="38" y="118"/>
                  </a:moveTo>
                  <a:lnTo>
                    <a:pt x="0" y="118"/>
                  </a:lnTo>
                  <a:lnTo>
                    <a:pt x="36" y="0"/>
                  </a:lnTo>
                  <a:lnTo>
                    <a:pt x="76" y="0"/>
                  </a:lnTo>
                  <a:lnTo>
                    <a:pt x="38" y="118"/>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2" name="Freeform 152">
              <a:extLst>
                <a:ext uri="{FF2B5EF4-FFF2-40B4-BE49-F238E27FC236}">
                  <a16:creationId xmlns:a16="http://schemas.microsoft.com/office/drawing/2014/main" id="{01803E10-C4DC-4D0A-B6AB-17CECFAEF9D6}"/>
                </a:ext>
              </a:extLst>
            </p:cNvPr>
            <p:cNvSpPr>
              <a:spLocks/>
            </p:cNvSpPr>
            <p:nvPr userDrawn="1"/>
          </p:nvSpPr>
          <p:spPr bwMode="auto">
            <a:xfrm>
              <a:off x="8026400" y="339725"/>
              <a:ext cx="120650" cy="187325"/>
            </a:xfrm>
            <a:custGeom>
              <a:avLst/>
              <a:gdLst/>
              <a:ahLst/>
              <a:cxnLst>
                <a:cxn ang="0">
                  <a:pos x="38" y="118"/>
                </a:cxn>
                <a:cxn ang="0">
                  <a:pos x="0" y="118"/>
                </a:cxn>
                <a:cxn ang="0">
                  <a:pos x="36" y="0"/>
                </a:cxn>
                <a:cxn ang="0">
                  <a:pos x="76" y="0"/>
                </a:cxn>
                <a:cxn ang="0">
                  <a:pos x="38" y="118"/>
                </a:cxn>
              </a:cxnLst>
              <a:rect l="0" t="0" r="r" b="b"/>
              <a:pathLst>
                <a:path w="76" h="118">
                  <a:moveTo>
                    <a:pt x="38" y="118"/>
                  </a:moveTo>
                  <a:lnTo>
                    <a:pt x="0" y="118"/>
                  </a:lnTo>
                  <a:lnTo>
                    <a:pt x="36" y="0"/>
                  </a:lnTo>
                  <a:lnTo>
                    <a:pt x="76" y="0"/>
                  </a:lnTo>
                  <a:lnTo>
                    <a:pt x="38" y="118"/>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3" name="Freeform 153">
              <a:extLst>
                <a:ext uri="{FF2B5EF4-FFF2-40B4-BE49-F238E27FC236}">
                  <a16:creationId xmlns:a16="http://schemas.microsoft.com/office/drawing/2014/main" id="{E161E347-F382-481F-B1F0-BBCE39B89CCE}"/>
                </a:ext>
              </a:extLst>
            </p:cNvPr>
            <p:cNvSpPr>
              <a:spLocks/>
            </p:cNvSpPr>
            <p:nvPr userDrawn="1"/>
          </p:nvSpPr>
          <p:spPr bwMode="auto">
            <a:xfrm>
              <a:off x="8624888" y="339725"/>
              <a:ext cx="120650" cy="187325"/>
            </a:xfrm>
            <a:custGeom>
              <a:avLst/>
              <a:gdLst/>
              <a:ahLst/>
              <a:cxnLst>
                <a:cxn ang="0">
                  <a:pos x="40" y="118"/>
                </a:cxn>
                <a:cxn ang="0">
                  <a:pos x="0" y="118"/>
                </a:cxn>
                <a:cxn ang="0">
                  <a:pos x="38" y="0"/>
                </a:cxn>
                <a:cxn ang="0">
                  <a:pos x="76" y="0"/>
                </a:cxn>
                <a:cxn ang="0">
                  <a:pos x="40" y="118"/>
                </a:cxn>
              </a:cxnLst>
              <a:rect l="0" t="0" r="r" b="b"/>
              <a:pathLst>
                <a:path w="76" h="118">
                  <a:moveTo>
                    <a:pt x="40" y="118"/>
                  </a:moveTo>
                  <a:lnTo>
                    <a:pt x="0" y="118"/>
                  </a:lnTo>
                  <a:lnTo>
                    <a:pt x="38" y="0"/>
                  </a:lnTo>
                  <a:lnTo>
                    <a:pt x="76" y="0"/>
                  </a:lnTo>
                  <a:lnTo>
                    <a:pt x="40" y="118"/>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4" name="Freeform 154">
              <a:extLst>
                <a:ext uri="{FF2B5EF4-FFF2-40B4-BE49-F238E27FC236}">
                  <a16:creationId xmlns:a16="http://schemas.microsoft.com/office/drawing/2014/main" id="{BBDC14A9-2562-48CA-BE0B-2754D9791215}"/>
                </a:ext>
              </a:extLst>
            </p:cNvPr>
            <p:cNvSpPr>
              <a:spLocks/>
            </p:cNvSpPr>
            <p:nvPr userDrawn="1"/>
          </p:nvSpPr>
          <p:spPr bwMode="auto">
            <a:xfrm>
              <a:off x="8624888" y="339725"/>
              <a:ext cx="120650" cy="187325"/>
            </a:xfrm>
            <a:custGeom>
              <a:avLst/>
              <a:gdLst/>
              <a:ahLst/>
              <a:cxnLst>
                <a:cxn ang="0">
                  <a:pos x="40" y="118"/>
                </a:cxn>
                <a:cxn ang="0">
                  <a:pos x="0" y="118"/>
                </a:cxn>
                <a:cxn ang="0">
                  <a:pos x="38" y="0"/>
                </a:cxn>
                <a:cxn ang="0">
                  <a:pos x="76" y="0"/>
                </a:cxn>
                <a:cxn ang="0">
                  <a:pos x="40" y="118"/>
                </a:cxn>
              </a:cxnLst>
              <a:rect l="0" t="0" r="r" b="b"/>
              <a:pathLst>
                <a:path w="76" h="118">
                  <a:moveTo>
                    <a:pt x="40" y="118"/>
                  </a:moveTo>
                  <a:lnTo>
                    <a:pt x="0" y="118"/>
                  </a:lnTo>
                  <a:lnTo>
                    <a:pt x="38" y="0"/>
                  </a:lnTo>
                  <a:lnTo>
                    <a:pt x="76" y="0"/>
                  </a:lnTo>
                  <a:lnTo>
                    <a:pt x="40" y="118"/>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5" name="Freeform 155">
              <a:extLst>
                <a:ext uri="{FF2B5EF4-FFF2-40B4-BE49-F238E27FC236}">
                  <a16:creationId xmlns:a16="http://schemas.microsoft.com/office/drawing/2014/main" id="{0155E9D1-2BCA-480C-85DC-A9040CAD3998}"/>
                </a:ext>
              </a:extLst>
            </p:cNvPr>
            <p:cNvSpPr>
              <a:spLocks/>
            </p:cNvSpPr>
            <p:nvPr userDrawn="1"/>
          </p:nvSpPr>
          <p:spPr bwMode="auto">
            <a:xfrm>
              <a:off x="8124825" y="419100"/>
              <a:ext cx="104775" cy="107950"/>
            </a:xfrm>
            <a:custGeom>
              <a:avLst/>
              <a:gdLst/>
              <a:ahLst/>
              <a:cxnLst>
                <a:cxn ang="0">
                  <a:pos x="0" y="3"/>
                </a:cxn>
                <a:cxn ang="0">
                  <a:pos x="9" y="27"/>
                </a:cxn>
                <a:cxn ang="0">
                  <a:pos x="19" y="34"/>
                </a:cxn>
                <a:cxn ang="0">
                  <a:pos x="33" y="34"/>
                </a:cxn>
                <a:cxn ang="0">
                  <a:pos x="18" y="0"/>
                </a:cxn>
                <a:cxn ang="0">
                  <a:pos x="0" y="3"/>
                </a:cxn>
              </a:cxnLst>
              <a:rect l="0" t="0" r="r" b="b"/>
              <a:pathLst>
                <a:path w="33" h="34">
                  <a:moveTo>
                    <a:pt x="0" y="3"/>
                  </a:moveTo>
                  <a:cubicBezTo>
                    <a:pt x="0" y="5"/>
                    <a:pt x="7" y="23"/>
                    <a:pt x="9" y="27"/>
                  </a:cubicBezTo>
                  <a:cubicBezTo>
                    <a:pt x="11" y="32"/>
                    <a:pt x="14" y="34"/>
                    <a:pt x="19" y="34"/>
                  </a:cubicBezTo>
                  <a:cubicBezTo>
                    <a:pt x="24" y="34"/>
                    <a:pt x="33" y="34"/>
                    <a:pt x="33" y="34"/>
                  </a:cubicBezTo>
                  <a:cubicBezTo>
                    <a:pt x="18" y="0"/>
                    <a:pt x="18" y="0"/>
                    <a:pt x="18" y="0"/>
                  </a:cubicBezTo>
                  <a:cubicBezTo>
                    <a:pt x="0" y="3"/>
                    <a:pt x="0" y="3"/>
                    <a:pt x="0" y="3"/>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6" name="Freeform 156">
              <a:extLst>
                <a:ext uri="{FF2B5EF4-FFF2-40B4-BE49-F238E27FC236}">
                  <a16:creationId xmlns:a16="http://schemas.microsoft.com/office/drawing/2014/main" id="{81DA9838-DF0B-4959-8DE7-E86BFEA225E6}"/>
                </a:ext>
              </a:extLst>
            </p:cNvPr>
            <p:cNvSpPr>
              <a:spLocks/>
            </p:cNvSpPr>
            <p:nvPr userDrawn="1"/>
          </p:nvSpPr>
          <p:spPr bwMode="auto">
            <a:xfrm>
              <a:off x="8443913" y="339725"/>
              <a:ext cx="209550" cy="187325"/>
            </a:xfrm>
            <a:custGeom>
              <a:avLst/>
              <a:gdLst/>
              <a:ahLst/>
              <a:cxnLst>
                <a:cxn ang="0">
                  <a:pos x="18" y="0"/>
                </a:cxn>
                <a:cxn ang="0">
                  <a:pos x="0" y="59"/>
                </a:cxn>
                <a:cxn ang="0">
                  <a:pos x="41" y="59"/>
                </a:cxn>
                <a:cxn ang="0">
                  <a:pos x="49" y="55"/>
                </a:cxn>
                <a:cxn ang="0">
                  <a:pos x="52" y="48"/>
                </a:cxn>
                <a:cxn ang="0">
                  <a:pos x="23" y="48"/>
                </a:cxn>
                <a:cxn ang="0">
                  <a:pos x="27" y="34"/>
                </a:cxn>
                <a:cxn ang="0">
                  <a:pos x="37" y="34"/>
                </a:cxn>
                <a:cxn ang="0">
                  <a:pos x="53" y="27"/>
                </a:cxn>
                <a:cxn ang="0">
                  <a:pos x="55" y="23"/>
                </a:cxn>
                <a:cxn ang="0">
                  <a:pos x="31" y="23"/>
                </a:cxn>
                <a:cxn ang="0">
                  <a:pos x="34" y="11"/>
                </a:cxn>
                <a:cxn ang="0">
                  <a:pos x="54" y="11"/>
                </a:cxn>
                <a:cxn ang="0">
                  <a:pos x="63" y="5"/>
                </a:cxn>
                <a:cxn ang="0">
                  <a:pos x="66" y="0"/>
                </a:cxn>
                <a:cxn ang="0">
                  <a:pos x="18" y="0"/>
                </a:cxn>
              </a:cxnLst>
              <a:rect l="0" t="0" r="r" b="b"/>
              <a:pathLst>
                <a:path w="66" h="59">
                  <a:moveTo>
                    <a:pt x="18" y="0"/>
                  </a:moveTo>
                  <a:cubicBezTo>
                    <a:pt x="14" y="15"/>
                    <a:pt x="6" y="40"/>
                    <a:pt x="0" y="59"/>
                  </a:cubicBezTo>
                  <a:cubicBezTo>
                    <a:pt x="9" y="59"/>
                    <a:pt x="33" y="59"/>
                    <a:pt x="41" y="59"/>
                  </a:cubicBezTo>
                  <a:cubicBezTo>
                    <a:pt x="45" y="59"/>
                    <a:pt x="47" y="58"/>
                    <a:pt x="49" y="55"/>
                  </a:cubicBezTo>
                  <a:cubicBezTo>
                    <a:pt x="50" y="51"/>
                    <a:pt x="52" y="48"/>
                    <a:pt x="52" y="48"/>
                  </a:cubicBezTo>
                  <a:cubicBezTo>
                    <a:pt x="23" y="48"/>
                    <a:pt x="23" y="48"/>
                    <a:pt x="23" y="48"/>
                  </a:cubicBezTo>
                  <a:cubicBezTo>
                    <a:pt x="27" y="34"/>
                    <a:pt x="27" y="34"/>
                    <a:pt x="27" y="34"/>
                  </a:cubicBezTo>
                  <a:cubicBezTo>
                    <a:pt x="27" y="34"/>
                    <a:pt x="29" y="34"/>
                    <a:pt x="37" y="34"/>
                  </a:cubicBezTo>
                  <a:cubicBezTo>
                    <a:pt x="45" y="34"/>
                    <a:pt x="50" y="33"/>
                    <a:pt x="53" y="27"/>
                  </a:cubicBezTo>
                  <a:cubicBezTo>
                    <a:pt x="53" y="27"/>
                    <a:pt x="55" y="24"/>
                    <a:pt x="55" y="23"/>
                  </a:cubicBezTo>
                  <a:cubicBezTo>
                    <a:pt x="48" y="23"/>
                    <a:pt x="31" y="23"/>
                    <a:pt x="31" y="23"/>
                  </a:cubicBezTo>
                  <a:cubicBezTo>
                    <a:pt x="34" y="11"/>
                    <a:pt x="34" y="11"/>
                    <a:pt x="34" y="11"/>
                  </a:cubicBezTo>
                  <a:cubicBezTo>
                    <a:pt x="34" y="11"/>
                    <a:pt x="50" y="11"/>
                    <a:pt x="54" y="11"/>
                  </a:cubicBezTo>
                  <a:cubicBezTo>
                    <a:pt x="58" y="11"/>
                    <a:pt x="61" y="9"/>
                    <a:pt x="63" y="5"/>
                  </a:cubicBezTo>
                  <a:cubicBezTo>
                    <a:pt x="65" y="2"/>
                    <a:pt x="66" y="0"/>
                    <a:pt x="66" y="0"/>
                  </a:cubicBezTo>
                  <a:cubicBezTo>
                    <a:pt x="66" y="0"/>
                    <a:pt x="30" y="0"/>
                    <a:pt x="18" y="0"/>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7" name="Freeform 157">
              <a:extLst>
                <a:ext uri="{FF2B5EF4-FFF2-40B4-BE49-F238E27FC236}">
                  <a16:creationId xmlns:a16="http://schemas.microsoft.com/office/drawing/2014/main" id="{A55A0860-DA59-48CA-8DAF-0F98C6F19626}"/>
                </a:ext>
              </a:extLst>
            </p:cNvPr>
            <p:cNvSpPr>
              <a:spLocks noEditPoints="1"/>
            </p:cNvSpPr>
            <p:nvPr userDrawn="1"/>
          </p:nvSpPr>
          <p:spPr bwMode="auto">
            <a:xfrm>
              <a:off x="7300913" y="339725"/>
              <a:ext cx="219075" cy="187325"/>
            </a:xfrm>
            <a:custGeom>
              <a:avLst/>
              <a:gdLst/>
              <a:ahLst/>
              <a:cxnLst>
                <a:cxn ang="0">
                  <a:pos x="49" y="17"/>
                </a:cxn>
                <a:cxn ang="0">
                  <a:pos x="48" y="21"/>
                </a:cxn>
                <a:cxn ang="0">
                  <a:pos x="30" y="34"/>
                </a:cxn>
                <a:cxn ang="0">
                  <a:pos x="26" y="34"/>
                </a:cxn>
                <a:cxn ang="0">
                  <a:pos x="34" y="9"/>
                </a:cxn>
                <a:cxn ang="0">
                  <a:pos x="43" y="9"/>
                </a:cxn>
                <a:cxn ang="0">
                  <a:pos x="49" y="17"/>
                </a:cxn>
                <a:cxn ang="0">
                  <a:pos x="64" y="4"/>
                </a:cxn>
                <a:cxn ang="0">
                  <a:pos x="47" y="0"/>
                </a:cxn>
                <a:cxn ang="0">
                  <a:pos x="18" y="0"/>
                </a:cxn>
                <a:cxn ang="0">
                  <a:pos x="0" y="59"/>
                </a:cxn>
                <a:cxn ang="0">
                  <a:pos x="19" y="59"/>
                </a:cxn>
                <a:cxn ang="0">
                  <a:pos x="24" y="42"/>
                </a:cxn>
                <a:cxn ang="0">
                  <a:pos x="35" y="42"/>
                </a:cxn>
                <a:cxn ang="0">
                  <a:pos x="67" y="21"/>
                </a:cxn>
                <a:cxn ang="0">
                  <a:pos x="64" y="4"/>
                </a:cxn>
              </a:cxnLst>
              <a:rect l="0" t="0" r="r" b="b"/>
              <a:pathLst>
                <a:path w="69" h="59">
                  <a:moveTo>
                    <a:pt x="49" y="17"/>
                  </a:moveTo>
                  <a:cubicBezTo>
                    <a:pt x="49" y="17"/>
                    <a:pt x="48" y="21"/>
                    <a:pt x="48" y="21"/>
                  </a:cubicBezTo>
                  <a:cubicBezTo>
                    <a:pt x="45" y="29"/>
                    <a:pt x="40" y="34"/>
                    <a:pt x="30" y="34"/>
                  </a:cubicBezTo>
                  <a:cubicBezTo>
                    <a:pt x="26" y="34"/>
                    <a:pt x="26" y="34"/>
                    <a:pt x="26" y="34"/>
                  </a:cubicBezTo>
                  <a:cubicBezTo>
                    <a:pt x="34" y="9"/>
                    <a:pt x="34" y="9"/>
                    <a:pt x="34" y="9"/>
                  </a:cubicBezTo>
                  <a:cubicBezTo>
                    <a:pt x="43" y="9"/>
                    <a:pt x="43" y="9"/>
                    <a:pt x="43" y="9"/>
                  </a:cubicBezTo>
                  <a:cubicBezTo>
                    <a:pt x="48" y="9"/>
                    <a:pt x="50" y="11"/>
                    <a:pt x="49" y="17"/>
                  </a:cubicBezTo>
                  <a:close/>
                  <a:moveTo>
                    <a:pt x="64" y="4"/>
                  </a:moveTo>
                  <a:cubicBezTo>
                    <a:pt x="60" y="0"/>
                    <a:pt x="55" y="0"/>
                    <a:pt x="47" y="0"/>
                  </a:cubicBezTo>
                  <a:cubicBezTo>
                    <a:pt x="18" y="0"/>
                    <a:pt x="18" y="0"/>
                    <a:pt x="18" y="0"/>
                  </a:cubicBezTo>
                  <a:cubicBezTo>
                    <a:pt x="0" y="59"/>
                    <a:pt x="0" y="59"/>
                    <a:pt x="0" y="59"/>
                  </a:cubicBezTo>
                  <a:cubicBezTo>
                    <a:pt x="0" y="59"/>
                    <a:pt x="10" y="59"/>
                    <a:pt x="19" y="59"/>
                  </a:cubicBezTo>
                  <a:cubicBezTo>
                    <a:pt x="21" y="51"/>
                    <a:pt x="24" y="42"/>
                    <a:pt x="24" y="42"/>
                  </a:cubicBezTo>
                  <a:cubicBezTo>
                    <a:pt x="26" y="42"/>
                    <a:pt x="35" y="42"/>
                    <a:pt x="35" y="42"/>
                  </a:cubicBezTo>
                  <a:cubicBezTo>
                    <a:pt x="51" y="42"/>
                    <a:pt x="62" y="35"/>
                    <a:pt x="67" y="21"/>
                  </a:cubicBezTo>
                  <a:cubicBezTo>
                    <a:pt x="69" y="13"/>
                    <a:pt x="68" y="7"/>
                    <a:pt x="64" y="4"/>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8" name="Freeform 158">
              <a:extLst>
                <a:ext uri="{FF2B5EF4-FFF2-40B4-BE49-F238E27FC236}">
                  <a16:creationId xmlns:a16="http://schemas.microsoft.com/office/drawing/2014/main" id="{B9C1ECF4-3F7B-4B75-9ED8-43349FE2EA56}"/>
                </a:ext>
              </a:extLst>
            </p:cNvPr>
            <p:cNvSpPr>
              <a:spLocks noEditPoints="1"/>
            </p:cNvSpPr>
            <p:nvPr userDrawn="1"/>
          </p:nvSpPr>
          <p:spPr bwMode="auto">
            <a:xfrm>
              <a:off x="7102475" y="339725"/>
              <a:ext cx="217488" cy="187325"/>
            </a:xfrm>
            <a:custGeom>
              <a:avLst/>
              <a:gdLst/>
              <a:ahLst/>
              <a:cxnLst>
                <a:cxn ang="0">
                  <a:pos x="49" y="17"/>
                </a:cxn>
                <a:cxn ang="0">
                  <a:pos x="48" y="21"/>
                </a:cxn>
                <a:cxn ang="0">
                  <a:pos x="30" y="34"/>
                </a:cxn>
                <a:cxn ang="0">
                  <a:pos x="26" y="34"/>
                </a:cxn>
                <a:cxn ang="0">
                  <a:pos x="34" y="9"/>
                </a:cxn>
                <a:cxn ang="0">
                  <a:pos x="43" y="9"/>
                </a:cxn>
                <a:cxn ang="0">
                  <a:pos x="49" y="17"/>
                </a:cxn>
                <a:cxn ang="0">
                  <a:pos x="64" y="4"/>
                </a:cxn>
                <a:cxn ang="0">
                  <a:pos x="47" y="0"/>
                </a:cxn>
                <a:cxn ang="0">
                  <a:pos x="18" y="0"/>
                </a:cxn>
                <a:cxn ang="0">
                  <a:pos x="0" y="59"/>
                </a:cxn>
                <a:cxn ang="0">
                  <a:pos x="19" y="59"/>
                </a:cxn>
                <a:cxn ang="0">
                  <a:pos x="24" y="42"/>
                </a:cxn>
                <a:cxn ang="0">
                  <a:pos x="35" y="42"/>
                </a:cxn>
                <a:cxn ang="0">
                  <a:pos x="66" y="21"/>
                </a:cxn>
                <a:cxn ang="0">
                  <a:pos x="64" y="4"/>
                </a:cxn>
              </a:cxnLst>
              <a:rect l="0" t="0" r="r" b="b"/>
              <a:pathLst>
                <a:path w="69" h="59">
                  <a:moveTo>
                    <a:pt x="49" y="17"/>
                  </a:moveTo>
                  <a:cubicBezTo>
                    <a:pt x="49" y="17"/>
                    <a:pt x="48" y="21"/>
                    <a:pt x="48" y="21"/>
                  </a:cubicBezTo>
                  <a:cubicBezTo>
                    <a:pt x="45" y="29"/>
                    <a:pt x="40" y="34"/>
                    <a:pt x="30" y="34"/>
                  </a:cubicBezTo>
                  <a:cubicBezTo>
                    <a:pt x="26" y="34"/>
                    <a:pt x="26" y="34"/>
                    <a:pt x="26" y="34"/>
                  </a:cubicBezTo>
                  <a:cubicBezTo>
                    <a:pt x="34" y="9"/>
                    <a:pt x="34" y="9"/>
                    <a:pt x="34" y="9"/>
                  </a:cubicBezTo>
                  <a:cubicBezTo>
                    <a:pt x="43" y="9"/>
                    <a:pt x="43" y="9"/>
                    <a:pt x="43" y="9"/>
                  </a:cubicBezTo>
                  <a:cubicBezTo>
                    <a:pt x="48" y="9"/>
                    <a:pt x="50" y="11"/>
                    <a:pt x="49" y="17"/>
                  </a:cubicBezTo>
                  <a:close/>
                  <a:moveTo>
                    <a:pt x="64" y="4"/>
                  </a:moveTo>
                  <a:cubicBezTo>
                    <a:pt x="60" y="0"/>
                    <a:pt x="55" y="0"/>
                    <a:pt x="47" y="0"/>
                  </a:cubicBezTo>
                  <a:cubicBezTo>
                    <a:pt x="18" y="0"/>
                    <a:pt x="18" y="0"/>
                    <a:pt x="18" y="0"/>
                  </a:cubicBezTo>
                  <a:cubicBezTo>
                    <a:pt x="0" y="59"/>
                    <a:pt x="0" y="59"/>
                    <a:pt x="0" y="59"/>
                  </a:cubicBezTo>
                  <a:cubicBezTo>
                    <a:pt x="0" y="59"/>
                    <a:pt x="10" y="59"/>
                    <a:pt x="19" y="59"/>
                  </a:cubicBezTo>
                  <a:cubicBezTo>
                    <a:pt x="21" y="51"/>
                    <a:pt x="24" y="42"/>
                    <a:pt x="24" y="42"/>
                  </a:cubicBezTo>
                  <a:cubicBezTo>
                    <a:pt x="26" y="42"/>
                    <a:pt x="35" y="42"/>
                    <a:pt x="35" y="42"/>
                  </a:cubicBezTo>
                  <a:cubicBezTo>
                    <a:pt x="51" y="42"/>
                    <a:pt x="62" y="35"/>
                    <a:pt x="66" y="21"/>
                  </a:cubicBezTo>
                  <a:cubicBezTo>
                    <a:pt x="69" y="13"/>
                    <a:pt x="68" y="7"/>
                    <a:pt x="64" y="4"/>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9" name="Freeform 159">
              <a:extLst>
                <a:ext uri="{FF2B5EF4-FFF2-40B4-BE49-F238E27FC236}">
                  <a16:creationId xmlns:a16="http://schemas.microsoft.com/office/drawing/2014/main" id="{7BDC7045-5881-4739-AC3F-2A125B698EA8}"/>
                </a:ext>
              </a:extLst>
            </p:cNvPr>
            <p:cNvSpPr>
              <a:spLocks/>
            </p:cNvSpPr>
            <p:nvPr userDrawn="1"/>
          </p:nvSpPr>
          <p:spPr bwMode="auto">
            <a:xfrm>
              <a:off x="8124825" y="336550"/>
              <a:ext cx="152400" cy="92075"/>
            </a:xfrm>
            <a:custGeom>
              <a:avLst/>
              <a:gdLst/>
              <a:ahLst/>
              <a:cxnLst>
                <a:cxn ang="0">
                  <a:pos x="36" y="0"/>
                </a:cxn>
                <a:cxn ang="0">
                  <a:pos x="20" y="9"/>
                </a:cxn>
                <a:cxn ang="0">
                  <a:pos x="0" y="29"/>
                </a:cxn>
                <a:cxn ang="0">
                  <a:pos x="8" y="28"/>
                </a:cxn>
                <a:cxn ang="0">
                  <a:pos x="38" y="12"/>
                </a:cxn>
                <a:cxn ang="0">
                  <a:pos x="48" y="0"/>
                </a:cxn>
                <a:cxn ang="0">
                  <a:pos x="36" y="0"/>
                </a:cxn>
              </a:cxnLst>
              <a:rect l="0" t="0" r="r" b="b"/>
              <a:pathLst>
                <a:path w="48" h="29">
                  <a:moveTo>
                    <a:pt x="36" y="0"/>
                  </a:moveTo>
                  <a:cubicBezTo>
                    <a:pt x="29" y="0"/>
                    <a:pt x="24" y="2"/>
                    <a:pt x="20" y="9"/>
                  </a:cubicBezTo>
                  <a:cubicBezTo>
                    <a:pt x="11" y="22"/>
                    <a:pt x="8" y="26"/>
                    <a:pt x="0" y="29"/>
                  </a:cubicBezTo>
                  <a:cubicBezTo>
                    <a:pt x="3" y="29"/>
                    <a:pt x="7" y="29"/>
                    <a:pt x="8" y="28"/>
                  </a:cubicBezTo>
                  <a:cubicBezTo>
                    <a:pt x="24" y="27"/>
                    <a:pt x="29" y="25"/>
                    <a:pt x="38" y="12"/>
                  </a:cubicBezTo>
                  <a:cubicBezTo>
                    <a:pt x="42" y="6"/>
                    <a:pt x="44" y="2"/>
                    <a:pt x="48" y="0"/>
                  </a:cubicBezTo>
                  <a:cubicBezTo>
                    <a:pt x="48" y="0"/>
                    <a:pt x="40" y="0"/>
                    <a:pt x="36" y="0"/>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grpSp>
      <p:sp>
        <p:nvSpPr>
          <p:cNvPr id="40" name="Rectangle 6">
            <a:extLst>
              <a:ext uri="{FF2B5EF4-FFF2-40B4-BE49-F238E27FC236}">
                <a16:creationId xmlns:a16="http://schemas.microsoft.com/office/drawing/2014/main" id="{DAE9D65E-9E43-44CB-B308-23B325CE87FF}"/>
              </a:ext>
            </a:extLst>
          </p:cNvPr>
          <p:cNvSpPr>
            <a:spLocks noGrp="1" noChangeArrowheads="1"/>
          </p:cNvSpPr>
          <p:nvPr>
            <p:ph type="sldNum" sz="quarter" idx="4"/>
          </p:nvPr>
        </p:nvSpPr>
        <p:spPr bwMode="auto">
          <a:xfrm>
            <a:off x="7947032" y="6524625"/>
            <a:ext cx="873125" cy="279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975">
                <a:latin typeface="+mn-lt"/>
              </a:defRPr>
            </a:lvl1pPr>
          </a:lstStyle>
          <a:p>
            <a:fld id="{8C42D5D6-E460-48BF-97C0-501242A0426B}" type="slidenum">
              <a:rPr lang="en-US" altLang="ja-JP">
                <a:solidFill>
                  <a:srgbClr val="000000"/>
                </a:solidFill>
              </a:rPr>
              <a:pPr/>
              <a:t>‹#›</a:t>
            </a:fld>
            <a:endParaRPr lang="en-US" altLang="ja-JP" dirty="0">
              <a:solidFill>
                <a:srgbClr val="000000"/>
              </a:solidFill>
            </a:endParaRPr>
          </a:p>
        </p:txBody>
      </p:sp>
    </p:spTree>
    <p:extLst>
      <p:ext uri="{BB962C8B-B14F-4D97-AF65-F5344CB8AC3E}">
        <p14:creationId xmlns:p14="http://schemas.microsoft.com/office/powerpoint/2010/main" val="184525726"/>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8"/>
            <a:ext cx="5486400" cy="566739"/>
          </a:xfrm>
        </p:spPr>
        <p:txBody>
          <a:bodyPr anchor="b"/>
          <a:lstStyle>
            <a:lvl1pPr algn="l">
              <a:defRPr sz="1625" b="1"/>
            </a:lvl1pPr>
          </a:lstStyle>
          <a:p>
            <a:r>
              <a:rPr lang="ja-JP" altLang="en-US"/>
              <a:t>マスター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2600"/>
            </a:lvl1pPr>
            <a:lvl2pPr marL="371446" indent="0">
              <a:buNone/>
              <a:defRPr sz="2275"/>
            </a:lvl2pPr>
            <a:lvl3pPr marL="742892" indent="0">
              <a:buNone/>
              <a:defRPr sz="1950"/>
            </a:lvl3pPr>
            <a:lvl4pPr marL="1114336" indent="0">
              <a:buNone/>
              <a:defRPr sz="1625"/>
            </a:lvl4pPr>
            <a:lvl5pPr marL="1485780" indent="0">
              <a:buNone/>
              <a:defRPr sz="1625"/>
            </a:lvl5pPr>
            <a:lvl6pPr marL="1857225" indent="0">
              <a:buNone/>
              <a:defRPr sz="1625"/>
            </a:lvl6pPr>
            <a:lvl7pPr marL="2228670" indent="0">
              <a:buNone/>
              <a:defRPr sz="1625"/>
            </a:lvl7pPr>
            <a:lvl8pPr marL="2600115" indent="0">
              <a:buNone/>
              <a:defRPr sz="1625"/>
            </a:lvl8pPr>
            <a:lvl9pPr marL="2971561" indent="0">
              <a:buNone/>
              <a:defRPr sz="1625"/>
            </a:lvl9pPr>
          </a:lstStyle>
          <a:p>
            <a:r>
              <a:rPr lang="ja-JP" altLang="en-US"/>
              <a:t>図を追加</a:t>
            </a:r>
          </a:p>
        </p:txBody>
      </p:sp>
      <p:sp>
        <p:nvSpPr>
          <p:cNvPr id="4" name="テキスト プレースホルダ 3"/>
          <p:cNvSpPr>
            <a:spLocks noGrp="1"/>
          </p:cNvSpPr>
          <p:nvPr>
            <p:ph type="body" sz="half" idx="2"/>
          </p:nvPr>
        </p:nvSpPr>
        <p:spPr>
          <a:xfrm>
            <a:off x="1792288" y="5367353"/>
            <a:ext cx="5486400" cy="804863"/>
          </a:xfrm>
        </p:spPr>
        <p:txBody>
          <a:bodyPr/>
          <a:lstStyle>
            <a:lvl1pPr marL="0" indent="0">
              <a:buNone/>
              <a:defRPr sz="1138"/>
            </a:lvl1pPr>
            <a:lvl2pPr marL="371446" indent="0">
              <a:buNone/>
              <a:defRPr sz="975"/>
            </a:lvl2pPr>
            <a:lvl3pPr marL="742892" indent="0">
              <a:buNone/>
              <a:defRPr sz="812"/>
            </a:lvl3pPr>
            <a:lvl4pPr marL="1114336" indent="0">
              <a:buNone/>
              <a:defRPr sz="731"/>
            </a:lvl4pPr>
            <a:lvl5pPr marL="1485780" indent="0">
              <a:buNone/>
              <a:defRPr sz="731"/>
            </a:lvl5pPr>
            <a:lvl6pPr marL="1857225" indent="0">
              <a:buNone/>
              <a:defRPr sz="731"/>
            </a:lvl6pPr>
            <a:lvl7pPr marL="2228670" indent="0">
              <a:buNone/>
              <a:defRPr sz="731"/>
            </a:lvl7pPr>
            <a:lvl8pPr marL="2600115" indent="0">
              <a:buNone/>
              <a:defRPr sz="731"/>
            </a:lvl8pPr>
            <a:lvl9pPr marL="2971561" indent="0">
              <a:buNone/>
              <a:defRPr sz="731"/>
            </a:lvl9pPr>
          </a:lstStyle>
          <a:p>
            <a:pPr lvl="0"/>
            <a:r>
              <a:rPr lang="ja-JP" altLang="en-US"/>
              <a:t>マスター テキストの書式設定</a:t>
            </a:r>
          </a:p>
        </p:txBody>
      </p:sp>
      <p:sp>
        <p:nvSpPr>
          <p:cNvPr id="5" name="日付プレースホルダ 4"/>
          <p:cNvSpPr>
            <a:spLocks noGrp="1"/>
          </p:cNvSpPr>
          <p:nvPr>
            <p:ph type="dt" sz="half" idx="10"/>
          </p:nvPr>
        </p:nvSpPr>
        <p:spPr/>
        <p:txBody>
          <a:bodyPr/>
          <a:lstStyle>
            <a:lvl1pPr>
              <a:defRPr/>
            </a:lvl1pPr>
          </a:lstStyle>
          <a:p>
            <a:fld id="{7FBA1631-41A1-4027-9D25-9542FFAA01C0}" type="datetime1">
              <a:rPr lang="ja-JP" altLang="en-US" smtClean="0">
                <a:solidFill>
                  <a:srgbClr val="000000"/>
                </a:solidFill>
              </a:rPr>
              <a:t>2024/8/19</a:t>
            </a:fld>
            <a:endParaRPr lang="en-US" altLang="ja-JP">
              <a:solidFill>
                <a:srgbClr val="000000"/>
              </a:solidFill>
            </a:endParaRPr>
          </a:p>
        </p:txBody>
      </p:sp>
      <p:sp>
        <p:nvSpPr>
          <p:cNvPr id="6" name="フッター プレースホルダ 5"/>
          <p:cNvSpPr>
            <a:spLocks noGrp="1"/>
          </p:cNvSpPr>
          <p:nvPr>
            <p:ph type="ftr" sz="quarter" idx="11"/>
          </p:nvPr>
        </p:nvSpPr>
        <p:spPr/>
        <p:txBody>
          <a:bodyPr/>
          <a:lstStyle>
            <a:lvl1pPr>
              <a:defRPr/>
            </a:lvl1pPr>
          </a:lstStyle>
          <a:p>
            <a:endParaRPr lang="en-US" altLang="ja-JP">
              <a:solidFill>
                <a:srgbClr val="000000"/>
              </a:solidFill>
            </a:endParaRPr>
          </a:p>
        </p:txBody>
      </p:sp>
      <p:sp>
        <p:nvSpPr>
          <p:cNvPr id="7" name="スライド番号プレースホルダ 6"/>
          <p:cNvSpPr>
            <a:spLocks noGrp="1"/>
          </p:cNvSpPr>
          <p:nvPr>
            <p:ph type="sldNum" sz="quarter" idx="12"/>
          </p:nvPr>
        </p:nvSpPr>
        <p:spPr/>
        <p:txBody>
          <a:bodyPr/>
          <a:lstStyle>
            <a:lvl1pPr>
              <a:defRPr/>
            </a:lvl1pPr>
          </a:lstStyle>
          <a:p>
            <a:fld id="{1986F8CC-AD07-4926-96D9-EE7A96C9A76D}"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31554781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縦書きテキスト プレースホルダ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 3"/>
          <p:cNvSpPr>
            <a:spLocks noGrp="1"/>
          </p:cNvSpPr>
          <p:nvPr>
            <p:ph type="dt" sz="half" idx="10"/>
          </p:nvPr>
        </p:nvSpPr>
        <p:spPr/>
        <p:txBody>
          <a:bodyPr/>
          <a:lstStyle>
            <a:lvl1pPr>
              <a:defRPr/>
            </a:lvl1pPr>
          </a:lstStyle>
          <a:p>
            <a:fld id="{E6161923-A875-4E56-9641-B67CABFD7740}" type="datetime1">
              <a:rPr lang="ja-JP" altLang="en-US" smtClean="0">
                <a:solidFill>
                  <a:srgbClr val="000000"/>
                </a:solidFill>
              </a:rPr>
              <a:t>2024/8/19</a:t>
            </a:fld>
            <a:endParaRPr lang="en-US" altLang="ja-JP">
              <a:solidFill>
                <a:srgbClr val="000000"/>
              </a:solidFill>
            </a:endParaRPr>
          </a:p>
        </p:txBody>
      </p:sp>
      <p:sp>
        <p:nvSpPr>
          <p:cNvPr id="5" name="フッター プレースホルダ 4"/>
          <p:cNvSpPr>
            <a:spLocks noGrp="1"/>
          </p:cNvSpPr>
          <p:nvPr>
            <p:ph type="ftr" sz="quarter" idx="11"/>
          </p:nvPr>
        </p:nvSpPr>
        <p:spPr/>
        <p:txBody>
          <a:bodyPr/>
          <a:lstStyle>
            <a:lvl1pPr>
              <a:defRPr/>
            </a:lvl1pPr>
          </a:lstStyle>
          <a:p>
            <a:endParaRPr lang="en-US" altLang="ja-JP">
              <a:solidFill>
                <a:srgbClr val="000000"/>
              </a:solidFill>
            </a:endParaRPr>
          </a:p>
        </p:txBody>
      </p:sp>
      <p:sp>
        <p:nvSpPr>
          <p:cNvPr id="6" name="スライド番号プレースホルダ 5"/>
          <p:cNvSpPr>
            <a:spLocks noGrp="1"/>
          </p:cNvSpPr>
          <p:nvPr>
            <p:ph type="sldNum" sz="quarter" idx="12"/>
          </p:nvPr>
        </p:nvSpPr>
        <p:spPr/>
        <p:txBody>
          <a:bodyPr/>
          <a:lstStyle>
            <a:lvl1pPr>
              <a:defRPr/>
            </a:lvl1pPr>
          </a:lstStyle>
          <a:p>
            <a:fld id="{AE4FDC0B-DDCC-458E-84BB-062564C0AB0B}"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196982629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61157" y="188924"/>
            <a:ext cx="2087563" cy="6192837"/>
          </a:xfrm>
        </p:spPr>
        <p:txBody>
          <a:bodyPr vert="eaVert"/>
          <a:lstStyle/>
          <a:p>
            <a:r>
              <a:rPr lang="ja-JP" altLang="en-US"/>
              <a:t>マスター タイトルの書式設定</a:t>
            </a:r>
          </a:p>
        </p:txBody>
      </p:sp>
      <p:sp>
        <p:nvSpPr>
          <p:cNvPr id="3" name="縦書きテキスト プレースホルダ 2"/>
          <p:cNvSpPr>
            <a:spLocks noGrp="1"/>
          </p:cNvSpPr>
          <p:nvPr>
            <p:ph type="body" orient="vert" idx="1"/>
          </p:nvPr>
        </p:nvSpPr>
        <p:spPr>
          <a:xfrm>
            <a:off x="395297" y="188924"/>
            <a:ext cx="6113463" cy="6192837"/>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 3"/>
          <p:cNvSpPr>
            <a:spLocks noGrp="1"/>
          </p:cNvSpPr>
          <p:nvPr>
            <p:ph type="dt" sz="half" idx="10"/>
          </p:nvPr>
        </p:nvSpPr>
        <p:spPr/>
        <p:txBody>
          <a:bodyPr/>
          <a:lstStyle>
            <a:lvl1pPr>
              <a:defRPr/>
            </a:lvl1pPr>
          </a:lstStyle>
          <a:p>
            <a:fld id="{230723DF-6F34-4684-96D5-2A35D4E9AC5E}" type="datetime1">
              <a:rPr lang="ja-JP" altLang="en-US" smtClean="0">
                <a:solidFill>
                  <a:srgbClr val="000000"/>
                </a:solidFill>
              </a:rPr>
              <a:t>2024/8/19</a:t>
            </a:fld>
            <a:endParaRPr lang="en-US" altLang="ja-JP">
              <a:solidFill>
                <a:srgbClr val="000000"/>
              </a:solidFill>
            </a:endParaRPr>
          </a:p>
        </p:txBody>
      </p:sp>
      <p:sp>
        <p:nvSpPr>
          <p:cNvPr id="5" name="フッター プレースホルダ 4"/>
          <p:cNvSpPr>
            <a:spLocks noGrp="1"/>
          </p:cNvSpPr>
          <p:nvPr>
            <p:ph type="ftr" sz="quarter" idx="11"/>
          </p:nvPr>
        </p:nvSpPr>
        <p:spPr/>
        <p:txBody>
          <a:bodyPr/>
          <a:lstStyle>
            <a:lvl1pPr>
              <a:defRPr/>
            </a:lvl1pPr>
          </a:lstStyle>
          <a:p>
            <a:endParaRPr lang="en-US" altLang="ja-JP">
              <a:solidFill>
                <a:srgbClr val="000000"/>
              </a:solidFill>
            </a:endParaRPr>
          </a:p>
        </p:txBody>
      </p:sp>
      <p:sp>
        <p:nvSpPr>
          <p:cNvPr id="6" name="スライド番号プレースホルダ 5"/>
          <p:cNvSpPr>
            <a:spLocks noGrp="1"/>
          </p:cNvSpPr>
          <p:nvPr>
            <p:ph type="sldNum" sz="quarter" idx="12"/>
          </p:nvPr>
        </p:nvSpPr>
        <p:spPr/>
        <p:txBody>
          <a:bodyPr/>
          <a:lstStyle>
            <a:lvl1pPr>
              <a:defRPr/>
            </a:lvl1pPr>
          </a:lstStyle>
          <a:p>
            <a:fld id="{FBE8B847-EF3E-439D-999C-0854EBD8451C}"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65725234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preserve="1" userDrawn="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hasCustomPrompt="1"/>
          </p:nvPr>
        </p:nvSpPr>
        <p:spPr>
          <a:xfrm>
            <a:off x="441159" y="911404"/>
            <a:ext cx="6651792" cy="2160000"/>
          </a:xfrm>
          <a:prstGeom prst="rect">
            <a:avLst/>
          </a:prstGeom>
        </p:spPr>
        <p:txBody>
          <a:bodyPr anchor="b">
            <a:normAutofit/>
          </a:bodyPr>
          <a:lstStyle>
            <a:lvl1pPr algn="ctr">
              <a:defRPr sz="2925" b="1">
                <a:latin typeface="メイリオ" panose="020B0604030504040204" pitchFamily="50" charset="-128"/>
                <a:ea typeface="メイリオ" panose="020B0604030504040204" pitchFamily="50" charset="-128"/>
                <a:cs typeface="メイリオ" panose="020B0604030504040204" pitchFamily="50" charset="-128"/>
              </a:defRPr>
            </a:lvl1pPr>
          </a:lstStyle>
          <a:p>
            <a:r>
              <a:rPr kumimoji="1" lang="en-US" altLang="ja-JP" dirty="0"/>
              <a:t>Title</a:t>
            </a:r>
            <a:endParaRPr kumimoji="1" lang="ja-JP" altLang="en-US" dirty="0"/>
          </a:p>
        </p:txBody>
      </p:sp>
      <p:sp>
        <p:nvSpPr>
          <p:cNvPr id="3" name="サブタイトル 2"/>
          <p:cNvSpPr>
            <a:spLocks noGrp="1"/>
          </p:cNvSpPr>
          <p:nvPr>
            <p:ph type="subTitle" idx="1" hasCustomPrompt="1"/>
          </p:nvPr>
        </p:nvSpPr>
        <p:spPr>
          <a:xfrm>
            <a:off x="431807" y="3256979"/>
            <a:ext cx="6661151" cy="1432496"/>
          </a:xfrm>
          <a:prstGeom prst="rect">
            <a:avLst/>
          </a:prstGeom>
        </p:spPr>
        <p:txBody>
          <a:bodyPr>
            <a:normAutofit/>
          </a:bodyPr>
          <a:lstStyle>
            <a:lvl1pPr marL="0" indent="0" algn="ctr">
              <a:buNone/>
              <a:defRPr sz="1463">
                <a:latin typeface="メイリオ" panose="020B0604030504040204" pitchFamily="50" charset="-128"/>
                <a:ea typeface="メイリオ" panose="020B0604030504040204" pitchFamily="50" charset="-128"/>
                <a:cs typeface="メイリオ" panose="020B0604030504040204" pitchFamily="50" charset="-128"/>
              </a:defRPr>
            </a:lvl1pPr>
            <a:lvl2pPr marL="278584" indent="0" algn="ctr">
              <a:buNone/>
              <a:defRPr sz="1219"/>
            </a:lvl2pPr>
            <a:lvl3pPr marL="557168" indent="0" algn="ctr">
              <a:buNone/>
              <a:defRPr sz="1098"/>
            </a:lvl3pPr>
            <a:lvl4pPr marL="835751" indent="0" algn="ctr">
              <a:buNone/>
              <a:defRPr sz="975"/>
            </a:lvl4pPr>
            <a:lvl5pPr marL="1114336" indent="0" algn="ctr">
              <a:buNone/>
              <a:defRPr sz="975"/>
            </a:lvl5pPr>
            <a:lvl6pPr marL="1392919" indent="0" algn="ctr">
              <a:buNone/>
              <a:defRPr sz="975"/>
            </a:lvl6pPr>
            <a:lvl7pPr marL="1671503" indent="0" algn="ctr">
              <a:buNone/>
              <a:defRPr sz="975"/>
            </a:lvl7pPr>
            <a:lvl8pPr marL="1950086" indent="0" algn="ctr">
              <a:buNone/>
              <a:defRPr sz="975"/>
            </a:lvl8pPr>
            <a:lvl9pPr marL="2228670" indent="0" algn="ctr">
              <a:buNone/>
              <a:defRPr sz="975"/>
            </a:lvl9pPr>
          </a:lstStyle>
          <a:p>
            <a:r>
              <a:rPr kumimoji="1" lang="en-US" altLang="ja-JP" dirty="0"/>
              <a:t>Sub-Title</a:t>
            </a:r>
            <a:endParaRPr kumimoji="1" lang="ja-JP" altLang="en-US" dirty="0"/>
          </a:p>
        </p:txBody>
      </p:sp>
      <p:pic>
        <p:nvPicPr>
          <p:cNvPr id="8" name="図 7"/>
          <p:cNvPicPr>
            <a:picLocks noChangeAspect="1"/>
          </p:cNvPicPr>
          <p:nvPr userDrawn="1"/>
        </p:nvPicPr>
        <p:blipFill rotWithShape="1">
          <a:blip r:embed="rId2" cstate="print">
            <a:extLst>
              <a:ext uri="{28A0092B-C50C-407E-A947-70E740481C1C}">
                <a14:useLocalDpi xmlns:a14="http://schemas.microsoft.com/office/drawing/2010/main"/>
              </a:ext>
            </a:extLst>
          </a:blip>
          <a:srcRect/>
          <a:stretch/>
        </p:blipFill>
        <p:spPr>
          <a:xfrm>
            <a:off x="0" y="5048667"/>
            <a:ext cx="9144000" cy="1692613"/>
          </a:xfrm>
          <a:prstGeom prst="rect">
            <a:avLst/>
          </a:prstGeom>
        </p:spPr>
      </p:pic>
      <p:pic>
        <p:nvPicPr>
          <p:cNvPr id="9" name="図 8"/>
          <p:cNvPicPr>
            <a:picLocks noChangeAspect="1"/>
          </p:cNvPicPr>
          <p:nvPr userDrawn="1"/>
        </p:nvPicPr>
        <p:blipFill>
          <a:blip r:embed="rId3">
            <a:extLst>
              <a:ext uri="{28A0092B-C50C-407E-A947-70E740481C1C}">
                <a14:useLocalDpi xmlns:a14="http://schemas.microsoft.com/office/drawing/2010/main"/>
              </a:ext>
            </a:extLst>
          </a:blip>
          <a:stretch>
            <a:fillRect/>
          </a:stretch>
        </p:blipFill>
        <p:spPr>
          <a:xfrm>
            <a:off x="7442341" y="3582252"/>
            <a:ext cx="1260000" cy="1260000"/>
          </a:xfrm>
          <a:prstGeom prst="rect">
            <a:avLst/>
          </a:prstGeom>
        </p:spPr>
      </p:pic>
      <p:pic>
        <p:nvPicPr>
          <p:cNvPr id="10" name="図 9"/>
          <p:cNvPicPr>
            <a:picLocks noChangeAspect="1"/>
          </p:cNvPicPr>
          <p:nvPr userDrawn="1"/>
        </p:nvPicPr>
        <p:blipFill>
          <a:blip r:embed="rId4" cstate="print">
            <a:extLst>
              <a:ext uri="{28A0092B-C50C-407E-A947-70E740481C1C}">
                <a14:useLocalDpi xmlns:a14="http://schemas.microsoft.com/office/drawing/2010/main"/>
              </a:ext>
            </a:extLst>
          </a:blip>
          <a:stretch>
            <a:fillRect/>
          </a:stretch>
        </p:blipFill>
        <p:spPr>
          <a:xfrm>
            <a:off x="609600" y="328957"/>
            <a:ext cx="634576" cy="360000"/>
          </a:xfrm>
          <a:prstGeom prst="rect">
            <a:avLst/>
          </a:prstGeom>
        </p:spPr>
      </p:pic>
      <p:sp>
        <p:nvSpPr>
          <p:cNvPr id="11" name="テキスト ボックス 10"/>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498852564"/>
      </p:ext>
    </p:extLst>
  </p:cSld>
  <p:clrMapOvr>
    <a:masterClrMapping/>
  </p:clrMapOvr>
  <p:extLst>
    <p:ext uri="{DCECCB84-F9BA-43D5-87BE-67443E8EF086}">
      <p15:sldGuideLst xmlns:p15="http://schemas.microsoft.com/office/powerpoint/2012/main">
        <p15:guide id="1" orient="horz" pos="2955" userDrawn="1">
          <p15:clr>
            <a:srgbClr val="FBAE40"/>
          </p15:clr>
        </p15:guide>
        <p15:guide id="2" orient="horz" pos="572" userDrawn="1">
          <p15:clr>
            <a:srgbClr val="FBAE40"/>
          </p15:clr>
        </p15:guide>
        <p15:guide id="3" pos="251" userDrawn="1">
          <p15:clr>
            <a:srgbClr val="FBAE40"/>
          </p15:clr>
        </p15:guide>
        <p15:guide id="4" pos="4124" userDrawn="1">
          <p15:clr>
            <a:srgbClr val="FBAE40"/>
          </p15:clr>
        </p15:guide>
        <p15:guide id="5" orient="horz" pos="1933" userDrawn="1">
          <p15:clr>
            <a:srgbClr val="FBAE40"/>
          </p15:clr>
        </p15:guide>
        <p15:guide id="6" orient="horz" pos="2047" userDrawn="1">
          <p15:clr>
            <a:srgbClr val="FBAE40"/>
          </p15:clr>
        </p15:guide>
      </p15:sldGuideLst>
    </p:ext>
  </p:extLst>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目次（パタン①）">
    <p:spTree>
      <p:nvGrpSpPr>
        <p:cNvPr id="1" name=""/>
        <p:cNvGrpSpPr/>
        <p:nvPr/>
      </p:nvGrpSpPr>
      <p:grpSpPr>
        <a:xfrm>
          <a:off x="0" y="0"/>
          <a:ext cx="0" cy="0"/>
          <a:chOff x="0" y="0"/>
          <a:chExt cx="0" cy="0"/>
        </a:xfrm>
      </p:grpSpPr>
      <p:pic>
        <p:nvPicPr>
          <p:cNvPr id="8" name="図 7"/>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88240" y="2237"/>
            <a:ext cx="8981861" cy="6732000"/>
          </a:xfrm>
          <a:prstGeom prst="rect">
            <a:avLst/>
          </a:prstGeom>
        </p:spPr>
      </p:pic>
      <p:sp>
        <p:nvSpPr>
          <p:cNvPr id="2" name="タイトル 1"/>
          <p:cNvSpPr>
            <a:spLocks noGrp="1"/>
          </p:cNvSpPr>
          <p:nvPr>
            <p:ph type="title" hasCustomPrompt="1"/>
          </p:nvPr>
        </p:nvSpPr>
        <p:spPr>
          <a:xfrm>
            <a:off x="259433" y="474373"/>
            <a:ext cx="4312571" cy="432000"/>
          </a:xfrm>
          <a:prstGeom prst="rect">
            <a:avLst/>
          </a:prstGeom>
        </p:spPr>
        <p:txBody>
          <a:bodyPr anchor="ctr">
            <a:normAutofit/>
          </a:bodyPr>
          <a:lstStyle>
            <a:lvl1pPr algn="l">
              <a:defRPr sz="1300" b="1">
                <a:latin typeface="メイリオ" panose="020B0604030504040204" pitchFamily="50" charset="-128"/>
                <a:ea typeface="メイリオ" panose="020B0604030504040204" pitchFamily="50" charset="-128"/>
                <a:cs typeface="メイリオ" panose="020B0604030504040204" pitchFamily="50" charset="-128"/>
              </a:defRPr>
            </a:lvl1pPr>
          </a:lstStyle>
          <a:p>
            <a:r>
              <a:rPr kumimoji="1" lang="ja-JP" altLang="en-US" dirty="0"/>
              <a:t>（パターン１）</a:t>
            </a:r>
            <a:r>
              <a:rPr kumimoji="1" lang="en-US" altLang="ja-JP" dirty="0"/>
              <a:t>INDEX</a:t>
            </a:r>
            <a:endParaRPr kumimoji="1" lang="ja-JP" altLang="en-US" dirty="0"/>
          </a:p>
        </p:txBody>
      </p:sp>
      <p:sp>
        <p:nvSpPr>
          <p:cNvPr id="9" name="テキスト プレースホルダー 8"/>
          <p:cNvSpPr>
            <a:spLocks noGrp="1"/>
          </p:cNvSpPr>
          <p:nvPr>
            <p:ph type="body" sz="quarter" idx="11"/>
          </p:nvPr>
        </p:nvSpPr>
        <p:spPr>
          <a:xfrm>
            <a:off x="259433" y="1016599"/>
            <a:ext cx="4312571" cy="5473109"/>
          </a:xfrm>
          <a:prstGeom prst="rect">
            <a:avLst/>
          </a:prstGeom>
        </p:spPr>
        <p:txBody>
          <a:bodyPr>
            <a:normAutofit/>
          </a:bodyPr>
          <a:lstStyle>
            <a:lvl1pPr marL="278584" indent="-278584">
              <a:buFont typeface="+mj-lt"/>
              <a:buAutoNum type="arabicPeriod"/>
              <a:defRPr sz="1138">
                <a:latin typeface="メイリオ" panose="020B0604030504040204" pitchFamily="50" charset="-128"/>
                <a:ea typeface="メイリオ" panose="020B0604030504040204" pitchFamily="50" charset="-128"/>
                <a:cs typeface="メイリオ" panose="020B0604030504040204" pitchFamily="50" charset="-128"/>
              </a:defRPr>
            </a:lvl1pPr>
            <a:lvl2pPr marL="487522" indent="-208938">
              <a:buFont typeface="+mj-lt"/>
              <a:buAutoNum type="arabicPeriod"/>
              <a:defRPr sz="1138">
                <a:latin typeface="メイリオ" panose="020B0604030504040204" pitchFamily="50" charset="-128"/>
                <a:ea typeface="メイリオ" panose="020B0604030504040204" pitchFamily="50" charset="-128"/>
                <a:cs typeface="メイリオ" panose="020B0604030504040204" pitchFamily="50" charset="-128"/>
              </a:defRPr>
            </a:lvl2pPr>
            <a:lvl3pPr marL="766106" indent="-208938">
              <a:buFont typeface="+mj-lt"/>
              <a:buAutoNum type="arabicPeriod"/>
              <a:defRPr sz="1138">
                <a:latin typeface="メイリオ" panose="020B0604030504040204" pitchFamily="50" charset="-128"/>
                <a:ea typeface="メイリオ" panose="020B0604030504040204" pitchFamily="50" charset="-128"/>
                <a:cs typeface="メイリオ" panose="020B0604030504040204" pitchFamily="50" charset="-128"/>
              </a:defRPr>
            </a:lvl3pPr>
            <a:lvl4pPr marL="1044689" indent="-208938">
              <a:buFont typeface="+mj-lt"/>
              <a:buAutoNum type="arabicPeriod"/>
              <a:defRPr sz="1138">
                <a:latin typeface="メイリオ" panose="020B0604030504040204" pitchFamily="50" charset="-128"/>
                <a:ea typeface="メイリオ" panose="020B0604030504040204" pitchFamily="50" charset="-128"/>
                <a:cs typeface="メイリオ" panose="020B0604030504040204" pitchFamily="50" charset="-128"/>
              </a:defRPr>
            </a:lvl4pPr>
            <a:lvl5pPr marL="1323273" indent="-208938">
              <a:buFont typeface="+mj-lt"/>
              <a:buAutoNum type="arabicPeriod"/>
              <a:defRPr sz="1138">
                <a:latin typeface="メイリオ" panose="020B0604030504040204" pitchFamily="50" charset="-128"/>
                <a:ea typeface="メイリオ" panose="020B0604030504040204" pitchFamily="50" charset="-128"/>
                <a:cs typeface="メイリオ" panose="020B0604030504040204" pitchFamily="50" charset="-128"/>
              </a:defRPr>
            </a:lvl5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endParaRPr kumimoji="1" lang="ja-JP" altLang="en-US" dirty="0"/>
          </a:p>
        </p:txBody>
      </p:sp>
      <p:sp>
        <p:nvSpPr>
          <p:cNvPr id="7" name="テキスト ボックス 6"/>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514650070"/>
      </p:ext>
    </p:extLst>
  </p:cSld>
  <p:clrMapOvr>
    <a:masterClrMapping/>
  </p:clrMapOvr>
  <p:extLst>
    <p:ext uri="{DCECCB84-F9BA-43D5-87BE-67443E8EF086}">
      <p15:sldGuideLst xmlns:p15="http://schemas.microsoft.com/office/powerpoint/2012/main">
        <p15:guide id="1" pos="147" userDrawn="1">
          <p15:clr>
            <a:srgbClr val="FBAE40"/>
          </p15:clr>
        </p15:guide>
        <p15:guide id="2" orient="horz" pos="572" userDrawn="1">
          <p15:clr>
            <a:srgbClr val="FBAE40"/>
          </p15:clr>
        </p15:guide>
        <p15:guide id="3" orient="horz" pos="4088" userDrawn="1">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パタン⑥">
    <p:spTree>
      <p:nvGrpSpPr>
        <p:cNvPr id="1" name=""/>
        <p:cNvGrpSpPr/>
        <p:nvPr/>
      </p:nvGrpSpPr>
      <p:grpSpPr>
        <a:xfrm>
          <a:off x="0" y="0"/>
          <a:ext cx="0" cy="0"/>
          <a:chOff x="0" y="0"/>
          <a:chExt cx="0" cy="0"/>
        </a:xfrm>
      </p:grpSpPr>
      <p:sp>
        <p:nvSpPr>
          <p:cNvPr id="10" name="テキスト プレースホルダー 11"/>
          <p:cNvSpPr>
            <a:spLocks noGrp="1"/>
          </p:cNvSpPr>
          <p:nvPr>
            <p:ph type="body" sz="quarter" idx="16" hasCustomPrompt="1"/>
          </p:nvPr>
        </p:nvSpPr>
        <p:spPr>
          <a:xfrm>
            <a:off x="189871" y="153279"/>
            <a:ext cx="6840000" cy="432000"/>
          </a:xfrm>
          <a:prstGeom prst="rect">
            <a:avLst/>
          </a:prstGeom>
        </p:spPr>
        <p:txBody>
          <a:bodyPr anchor="ctr">
            <a:normAutofit/>
          </a:bodyPr>
          <a:lstStyle>
            <a:lvl1pPr marL="0" indent="0" algn="l">
              <a:buNone/>
              <a:defRPr sz="1950" b="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pic>
        <p:nvPicPr>
          <p:cNvPr id="12" name="図 11"/>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7640721" y="103644"/>
            <a:ext cx="1337028" cy="432000"/>
          </a:xfrm>
          <a:prstGeom prst="rect">
            <a:avLst/>
          </a:prstGeom>
        </p:spPr>
      </p:pic>
      <p:cxnSp>
        <p:nvCxnSpPr>
          <p:cNvPr id="13" name="直線コネクタ 12"/>
          <p:cNvCxnSpPr>
            <a:cxnSpLocks/>
          </p:cNvCxnSpPr>
          <p:nvPr userDrawn="1"/>
        </p:nvCxnSpPr>
        <p:spPr>
          <a:xfrm>
            <a:off x="163947" y="612800"/>
            <a:ext cx="88138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縦書きテキスト プレースホルダー 2"/>
          <p:cNvSpPr>
            <a:spLocks noGrp="1"/>
          </p:cNvSpPr>
          <p:nvPr>
            <p:ph type="body" orient="vert" idx="18"/>
          </p:nvPr>
        </p:nvSpPr>
        <p:spPr>
          <a:xfrm>
            <a:off x="163947" y="689965"/>
            <a:ext cx="8813800" cy="5716756"/>
          </a:xfrm>
          <a:prstGeom prst="rect">
            <a:avLst/>
          </a:prstGeom>
        </p:spPr>
        <p:txBody>
          <a:bodyPr vert="horz">
            <a:normAutofit/>
          </a:bodyPr>
          <a:lstStyle>
            <a:lvl1pPr marL="139292" indent="-139292" algn="l">
              <a:buFont typeface="Wingdings" panose="05000000000000000000" pitchFamily="2" charset="2"/>
              <a:buChar char="n"/>
              <a:defRPr sz="1300">
                <a:latin typeface="メイリオ" panose="020B0604030504040204" pitchFamily="50" charset="-128"/>
                <a:ea typeface="メイリオ" panose="020B0604030504040204" pitchFamily="50" charset="-128"/>
                <a:cs typeface="メイリオ" panose="020B0604030504040204" pitchFamily="50" charset="-128"/>
              </a:defRPr>
            </a:lvl1pPr>
            <a:lvl2pPr marL="417875" indent="-139292" algn="l">
              <a:buFont typeface="Wingdings" panose="05000000000000000000" pitchFamily="2" charset="2"/>
              <a:buChar char=""/>
              <a:defRPr sz="1300">
                <a:latin typeface="メイリオ" panose="020B0604030504040204" pitchFamily="50" charset="-128"/>
                <a:ea typeface="メイリオ" panose="020B0604030504040204" pitchFamily="50" charset="-128"/>
                <a:cs typeface="メイリオ" panose="020B0604030504040204" pitchFamily="50" charset="-128"/>
              </a:defRPr>
            </a:lvl2pPr>
            <a:lvl3pPr marL="696459" indent="-139292" algn="l">
              <a:buFont typeface="小塚ゴシック Pro L" panose="020B0200000000000000" pitchFamily="34" charset="-128"/>
              <a:buChar char="→"/>
              <a:defRPr sz="1300">
                <a:latin typeface="メイリオ" panose="020B0604030504040204" pitchFamily="50" charset="-128"/>
                <a:ea typeface="メイリオ" panose="020B0604030504040204" pitchFamily="50" charset="-128"/>
                <a:cs typeface="メイリオ" panose="020B0604030504040204" pitchFamily="50" charset="-128"/>
              </a:defRPr>
            </a:lvl3pPr>
            <a:lvl4pPr marL="975043" indent="-139292" algn="l">
              <a:buFont typeface="小塚ゴシック Pro L" panose="020B0200000000000000" pitchFamily="34" charset="-128"/>
              <a:buChar char="▷"/>
              <a:defRPr sz="1300">
                <a:latin typeface="メイリオ" panose="020B0604030504040204" pitchFamily="50" charset="-128"/>
                <a:ea typeface="メイリオ" panose="020B0604030504040204" pitchFamily="50" charset="-128"/>
                <a:cs typeface="メイリオ" panose="020B0604030504040204" pitchFamily="50" charset="-128"/>
              </a:defRPr>
            </a:lvl4pPr>
            <a:lvl5pPr marL="1253627" indent="-139292" algn="l">
              <a:buFont typeface="Wingdings" panose="05000000000000000000" pitchFamily="2" charset="2"/>
              <a:buChar char=""/>
              <a:defRPr>
                <a:latin typeface="メイリオ" panose="020B0604030504040204" pitchFamily="50" charset="-128"/>
                <a:ea typeface="メイリオ" panose="020B0604030504040204" pitchFamily="50" charset="-128"/>
                <a:cs typeface="メイリオ" panose="020B0604030504040204" pitchFamily="50" charset="-128"/>
              </a:defRPr>
            </a:lvl5pPr>
          </a:lstStyle>
          <a:p>
            <a:pPr lvl="0"/>
            <a:r>
              <a:rPr kumimoji="1" lang="ja-JP" altLang="en-US" dirty="0"/>
              <a:t>マスター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p:txBody>
      </p:sp>
      <p:pic>
        <p:nvPicPr>
          <p:cNvPr id="11" name="図 10">
            <a:extLst>
              <a:ext uri="{FF2B5EF4-FFF2-40B4-BE49-F238E27FC236}">
                <a16:creationId xmlns:a16="http://schemas.microsoft.com/office/drawing/2014/main" id="{39D7A55E-1FBF-4344-B6C6-EC2092388919}"/>
              </a:ext>
            </a:extLst>
          </p:cNvPr>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7075059" y="98936"/>
            <a:ext cx="475293" cy="475293"/>
          </a:xfrm>
          <a:prstGeom prst="rect">
            <a:avLst/>
          </a:prstGeom>
        </p:spPr>
      </p:pic>
      <p:sp>
        <p:nvSpPr>
          <p:cNvPr id="16" name="スライド番号プレースホルダー 5"/>
          <p:cNvSpPr>
            <a:spLocks noGrp="1"/>
          </p:cNvSpPr>
          <p:nvPr>
            <p:ph type="sldNum" sz="quarter" idx="12"/>
          </p:nvPr>
        </p:nvSpPr>
        <p:spPr>
          <a:xfrm>
            <a:off x="6410571" y="6483879"/>
            <a:ext cx="2643376" cy="365125"/>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Tree>
    <p:extLst>
      <p:ext uri="{BB962C8B-B14F-4D97-AF65-F5344CB8AC3E}">
        <p14:creationId xmlns:p14="http://schemas.microsoft.com/office/powerpoint/2010/main" val="3711032984"/>
      </p:ext>
    </p:extLst>
  </p:cSld>
  <p:clrMapOvr>
    <a:masterClrMapping/>
  </p:clrMapOvr>
  <p:extLst>
    <p:ext uri="{DCECCB84-F9BA-43D5-87BE-67443E8EF086}">
      <p15:sldGuideLst xmlns:p15="http://schemas.microsoft.com/office/powerpoint/2012/main">
        <p15:guide id="1" pos="251" userDrawn="1">
          <p15:clr>
            <a:srgbClr val="FBAE40"/>
          </p15:clr>
        </p15:guide>
        <p15:guide id="2" pos="5067" userDrawn="1">
          <p15:clr>
            <a:srgbClr val="FBAE40"/>
          </p15:clr>
        </p15:guide>
        <p15:guide id="3" orient="horz" pos="572" userDrawn="1">
          <p15:clr>
            <a:srgbClr val="FBAE40"/>
          </p15:clr>
        </p15:guide>
        <p15:guide id="4" orient="horz" pos="3975" userDrawn="1">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エンドロール">
    <p:spTree>
      <p:nvGrpSpPr>
        <p:cNvPr id="1" name=""/>
        <p:cNvGrpSpPr/>
        <p:nvPr/>
      </p:nvGrpSpPr>
      <p:grpSpPr>
        <a:xfrm>
          <a:off x="0" y="0"/>
          <a:ext cx="0" cy="0"/>
          <a:chOff x="0" y="0"/>
          <a:chExt cx="0" cy="0"/>
        </a:xfrm>
      </p:grpSpPr>
      <p:pic>
        <p:nvPicPr>
          <p:cNvPr id="3" name="図 2"/>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0" y="0"/>
            <a:ext cx="9141016" cy="6858000"/>
          </a:xfrm>
          <a:prstGeom prst="rect">
            <a:avLst/>
          </a:prstGeom>
        </p:spPr>
      </p:pic>
      <p:sp>
        <p:nvSpPr>
          <p:cNvPr id="4" name="テキスト ボックス 3"/>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solidFill>
                <a:latin typeface="Times New Roman" panose="02020603050405020304" pitchFamily="18" charset="0"/>
                <a:cs typeface="Times New Roman" panose="02020603050405020304" pitchFamily="18" charset="0"/>
              </a:rPr>
              <a:t>Copyright</a:t>
            </a:r>
            <a:r>
              <a:rPr lang="ja-JP" altLang="en-US" sz="650" dirty="0">
                <a:solidFill>
                  <a:prstClr val="white"/>
                </a:solidFill>
                <a:latin typeface="Times New Roman" panose="02020603050405020304" pitchFamily="18" charset="0"/>
                <a:cs typeface="Times New Roman" panose="02020603050405020304" pitchFamily="18" charset="0"/>
              </a:rPr>
              <a:t> </a:t>
            </a:r>
            <a:r>
              <a:rPr kumimoji="0" lang="en-US" altLang="ja-JP" sz="650" dirty="0">
                <a:solidFill>
                  <a:prstClr val="white"/>
                </a:solidFill>
                <a:latin typeface="Times New Roman" panose="02020603050405020304" pitchFamily="18" charset="0"/>
                <a:cs typeface="Times New Roman" panose="02020603050405020304" pitchFamily="18" charset="0"/>
              </a:rPr>
              <a:t>©</a:t>
            </a:r>
            <a:r>
              <a:rPr lang="en-US" altLang="ja-JP" sz="650" dirty="0">
                <a:solidFill>
                  <a:prstClr val="white"/>
                </a:solidFill>
                <a:latin typeface="Times New Roman" panose="02020603050405020304" pitchFamily="18" charset="0"/>
                <a:cs typeface="Times New Roman" panose="02020603050405020304" pitchFamily="18" charset="0"/>
              </a:rPr>
              <a:t> Pacific Consultants Co.,</a:t>
            </a:r>
            <a:r>
              <a:rPr lang="ja-JP" altLang="en-US" sz="650" dirty="0">
                <a:solidFill>
                  <a:prstClr val="white"/>
                </a:solidFill>
                <a:latin typeface="Times New Roman" panose="02020603050405020304" pitchFamily="18" charset="0"/>
                <a:cs typeface="Times New Roman" panose="02020603050405020304" pitchFamily="18" charset="0"/>
              </a:rPr>
              <a:t> </a:t>
            </a:r>
            <a:r>
              <a:rPr lang="en-US" altLang="ja-JP" sz="650" dirty="0">
                <a:solidFill>
                  <a:prstClr val="white"/>
                </a:solidFill>
                <a:latin typeface="Times New Roman" panose="02020603050405020304" pitchFamily="18" charset="0"/>
                <a:cs typeface="Times New Roman" panose="02020603050405020304" pitchFamily="18" charset="0"/>
              </a:rPr>
              <a:t>LTD.</a:t>
            </a:r>
            <a:endParaRPr lang="ja-JP" altLang="en-US" sz="650" dirty="0">
              <a:solidFill>
                <a:prstClr val="white"/>
              </a:solidFill>
              <a:latin typeface="Times New Roman" panose="02020603050405020304" pitchFamily="18" charset="0"/>
              <a:cs typeface="Times New Roman" panose="02020603050405020304" pitchFamily="18" charset="0"/>
            </a:endParaRPr>
          </a:p>
        </p:txBody>
      </p:sp>
      <p:pic>
        <p:nvPicPr>
          <p:cNvPr id="5" name="図 4"/>
          <p:cNvPicPr>
            <a:picLocks noChangeAspect="1"/>
          </p:cNvPicPr>
          <p:nvPr userDrawn="1"/>
        </p:nvPicPr>
        <p:blipFill>
          <a:blip r:embed="rId3" cstate="print">
            <a:lum bright="70000" contrast="-70000"/>
            <a:extLst>
              <a:ext uri="{28A0092B-C50C-407E-A947-70E740481C1C}">
                <a14:useLocalDpi xmlns:a14="http://schemas.microsoft.com/office/drawing/2010/main"/>
              </a:ext>
            </a:extLst>
          </a:blip>
          <a:stretch>
            <a:fillRect/>
          </a:stretch>
        </p:blipFill>
        <p:spPr>
          <a:xfrm>
            <a:off x="1217784" y="5957589"/>
            <a:ext cx="2113249" cy="180000"/>
          </a:xfrm>
          <a:prstGeom prst="rect">
            <a:avLst/>
          </a:prstGeom>
        </p:spPr>
      </p:pic>
      <p:sp>
        <p:nvSpPr>
          <p:cNvPr id="6" name="テキスト ボックス 5"/>
          <p:cNvSpPr txBox="1"/>
          <p:nvPr userDrawn="1"/>
        </p:nvSpPr>
        <p:spPr>
          <a:xfrm>
            <a:off x="369078" y="3087736"/>
            <a:ext cx="3143809" cy="592470"/>
          </a:xfrm>
          <a:prstGeom prst="rect">
            <a:avLst/>
          </a:prstGeom>
          <a:noFill/>
        </p:spPr>
        <p:txBody>
          <a:bodyPr wrap="none" rtlCol="0">
            <a:spAutoFit/>
          </a:bodyPr>
          <a:lstStyle/>
          <a:p>
            <a:pPr defTabSz="371446"/>
            <a:r>
              <a:rPr lang="en-US" altLang="ja-JP" sz="1625" dirty="0">
                <a:solidFill>
                  <a:prstClr val="white"/>
                </a:solidFill>
                <a:latin typeface="Times New Roman" panose="02020603050405020304" pitchFamily="18" charset="0"/>
                <a:cs typeface="Times New Roman" panose="02020603050405020304" pitchFamily="18" charset="0"/>
              </a:rPr>
              <a:t>Thank you so much for </a:t>
            </a:r>
          </a:p>
          <a:p>
            <a:pPr defTabSz="371446"/>
            <a:r>
              <a:rPr lang="en-US" altLang="ja-JP" sz="1625" dirty="0">
                <a:solidFill>
                  <a:prstClr val="white"/>
                </a:solidFill>
                <a:latin typeface="Times New Roman" panose="02020603050405020304" pitchFamily="18" charset="0"/>
                <a:cs typeface="Times New Roman" panose="02020603050405020304" pitchFamily="18" charset="0"/>
              </a:rPr>
              <a:t>allowing us to make a presentation.</a:t>
            </a:r>
            <a:endParaRPr lang="ja-JP" altLang="en-US" sz="1625" dirty="0">
              <a:solidFill>
                <a:prstClr val="white"/>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652322"/>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コンテンツ１">
    <p:spTree>
      <p:nvGrpSpPr>
        <p:cNvPr id="1" name=""/>
        <p:cNvGrpSpPr/>
        <p:nvPr/>
      </p:nvGrpSpPr>
      <p:grpSpPr>
        <a:xfrm>
          <a:off x="0" y="0"/>
          <a:ext cx="0" cy="0"/>
          <a:chOff x="0" y="0"/>
          <a:chExt cx="0" cy="0"/>
        </a:xfrm>
      </p:grpSpPr>
      <p:sp>
        <p:nvSpPr>
          <p:cNvPr id="3" name="縦書きテキスト プレースホルダー 2"/>
          <p:cNvSpPr>
            <a:spLocks noGrp="1"/>
          </p:cNvSpPr>
          <p:nvPr>
            <p:ph type="body" orient="vert" idx="1"/>
          </p:nvPr>
        </p:nvSpPr>
        <p:spPr>
          <a:xfrm>
            <a:off x="628653" y="1459150"/>
            <a:ext cx="7886700" cy="4692268"/>
          </a:xfrm>
        </p:spPr>
        <p:txBody>
          <a:bodyPr vert="horz">
            <a:normAutofit/>
          </a:bodyPr>
          <a:lstStyle>
            <a:lvl1pPr marL="139292" indent="-139292" algn="l">
              <a:buFont typeface="Wingdings" panose="05000000000000000000" pitchFamily="2" charset="2"/>
              <a:buChar char="n"/>
              <a:defRPr sz="1300">
                <a:latin typeface="メイリオ" panose="020B0604030504040204" pitchFamily="50" charset="-128"/>
                <a:ea typeface="メイリオ" panose="020B0604030504040204" pitchFamily="50" charset="-128"/>
                <a:cs typeface="メイリオ" panose="020B0604030504040204" pitchFamily="50" charset="-128"/>
              </a:defRPr>
            </a:lvl1pPr>
            <a:lvl2pPr marL="417875" indent="-139292" algn="l">
              <a:buFont typeface="Wingdings" panose="05000000000000000000" pitchFamily="2" charset="2"/>
              <a:buChar char=""/>
              <a:defRPr sz="1138">
                <a:latin typeface="メイリオ" panose="020B0604030504040204" pitchFamily="50" charset="-128"/>
                <a:ea typeface="メイリオ" panose="020B0604030504040204" pitchFamily="50" charset="-128"/>
                <a:cs typeface="メイリオ" panose="020B0604030504040204" pitchFamily="50" charset="-128"/>
              </a:defRPr>
            </a:lvl2pPr>
            <a:lvl3pPr marL="696459" indent="-139292" algn="l">
              <a:buFont typeface="小塚ゴシック Pro L" panose="020B0200000000000000" pitchFamily="34" charset="-128"/>
              <a:buChar char="→"/>
              <a:defRPr sz="975">
                <a:latin typeface="メイリオ" panose="020B0604030504040204" pitchFamily="50" charset="-128"/>
                <a:ea typeface="メイリオ" panose="020B0604030504040204" pitchFamily="50" charset="-128"/>
                <a:cs typeface="メイリオ" panose="020B0604030504040204" pitchFamily="50" charset="-128"/>
              </a:defRPr>
            </a:lvl3pPr>
            <a:lvl4pPr marL="975043" indent="-139292" algn="l">
              <a:buFont typeface="小塚ゴシック Pro L" panose="020B0200000000000000" pitchFamily="34" charset="-128"/>
              <a:buChar char="▷"/>
              <a:defRPr sz="894">
                <a:latin typeface="メイリオ" panose="020B0604030504040204" pitchFamily="50" charset="-128"/>
                <a:ea typeface="メイリオ" panose="020B0604030504040204" pitchFamily="50" charset="-128"/>
                <a:cs typeface="メイリオ" panose="020B0604030504040204" pitchFamily="50" charset="-128"/>
              </a:defRPr>
            </a:lvl4pPr>
            <a:lvl5pPr marL="1253627" indent="-139292" algn="l">
              <a:buFont typeface="Wingdings" panose="05000000000000000000" pitchFamily="2" charset="2"/>
              <a:buChar char=""/>
              <a:defRPr>
                <a:latin typeface="メイリオ" panose="020B0604030504040204" pitchFamily="50" charset="-128"/>
                <a:ea typeface="メイリオ" panose="020B0604030504040204" pitchFamily="50" charset="-128"/>
                <a:cs typeface="メイリオ" panose="020B0604030504040204" pitchFamily="50" charset="-128"/>
              </a:defRPr>
            </a:lvl5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p:txBody>
      </p:sp>
      <p:pic>
        <p:nvPicPr>
          <p:cNvPr id="15" name="図 14"/>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399871" y="194663"/>
            <a:ext cx="1052252" cy="1052252"/>
          </a:xfrm>
          <a:prstGeom prst="rect">
            <a:avLst/>
          </a:prstGeom>
        </p:spPr>
      </p:pic>
      <p:cxnSp>
        <p:nvCxnSpPr>
          <p:cNvPr id="9" name="直線コネクタ 8"/>
          <p:cNvCxnSpPr/>
          <p:nvPr userDrawn="1"/>
        </p:nvCxnSpPr>
        <p:spPr>
          <a:xfrm>
            <a:off x="1468024" y="1047403"/>
            <a:ext cx="7344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テキスト プレースホルダー 11"/>
          <p:cNvSpPr>
            <a:spLocks noGrp="1"/>
          </p:cNvSpPr>
          <p:nvPr>
            <p:ph type="body" sz="quarter" idx="16" hasCustomPrompt="1"/>
          </p:nvPr>
        </p:nvSpPr>
        <p:spPr>
          <a:xfrm>
            <a:off x="1540024" y="365125"/>
            <a:ext cx="7200000" cy="576000"/>
          </a:xfrm>
        </p:spPr>
        <p:txBody>
          <a:bodyPr anchor="ctr">
            <a:normAutofit/>
          </a:bodyPr>
          <a:lstStyle>
            <a:lvl1pPr marL="0" indent="0" algn="l">
              <a:buNone/>
              <a:defRPr sz="1463">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sp>
        <p:nvSpPr>
          <p:cNvPr id="18" name="スライド番号プレースホルダー 5"/>
          <p:cNvSpPr>
            <a:spLocks noGrp="1"/>
          </p:cNvSpPr>
          <p:nvPr>
            <p:ph type="sldNum" sz="quarter" idx="12"/>
          </p:nvPr>
        </p:nvSpPr>
        <p:spPr>
          <a:xfrm>
            <a:off x="6068824" y="6297992"/>
            <a:ext cx="2743200" cy="365125"/>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19" name="テキスト ボックス 18"/>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
        <p:nvSpPr>
          <p:cNvPr id="10" name="テキスト プレースホルダー 11"/>
          <p:cNvSpPr>
            <a:spLocks noGrp="1"/>
          </p:cNvSpPr>
          <p:nvPr>
            <p:ph type="body" sz="quarter" idx="17" hasCustomPrompt="1"/>
          </p:nvPr>
        </p:nvSpPr>
        <p:spPr>
          <a:xfrm>
            <a:off x="628651" y="6297983"/>
            <a:ext cx="4680000" cy="360000"/>
          </a:xfrm>
        </p:spPr>
        <p:txBody>
          <a:bodyPr anchor="ctr">
            <a:normAutofit/>
          </a:bodyPr>
          <a:lstStyle>
            <a:lvl1pPr marL="0" indent="0" algn="l">
              <a:buNone/>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プタータイトル</a:t>
            </a:r>
          </a:p>
        </p:txBody>
      </p:sp>
    </p:spTree>
    <p:extLst>
      <p:ext uri="{BB962C8B-B14F-4D97-AF65-F5344CB8AC3E}">
        <p14:creationId xmlns:p14="http://schemas.microsoft.com/office/powerpoint/2010/main" val="57188328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タイトルとコンテンツ">
    <p:spTree>
      <p:nvGrpSpPr>
        <p:cNvPr id="1" name=""/>
        <p:cNvGrpSpPr/>
        <p:nvPr/>
      </p:nvGrpSpPr>
      <p:grpSpPr>
        <a:xfrm>
          <a:off x="0" y="0"/>
          <a:ext cx="0" cy="0"/>
          <a:chOff x="0" y="0"/>
          <a:chExt cx="0" cy="0"/>
        </a:xfrm>
      </p:grpSpPr>
      <p:sp>
        <p:nvSpPr>
          <p:cNvPr id="3" name="コンテンツ プレースホルダー 2"/>
          <p:cNvSpPr>
            <a:spLocks noGrp="1"/>
          </p:cNvSpPr>
          <p:nvPr>
            <p:ph idx="1"/>
          </p:nvPr>
        </p:nvSpPr>
        <p:spPr>
          <a:xfrm>
            <a:off x="1143000" y="1578087"/>
            <a:ext cx="6858000" cy="3943280"/>
          </a:xfrm>
        </p:spPr>
        <p:txBody>
          <a:bodyPr>
            <a:normAutofit/>
          </a:bodyPr>
          <a:lstStyle>
            <a:lvl1pPr>
              <a:defRPr sz="1300">
                <a:latin typeface="メイリオ" panose="020B0604030504040204" pitchFamily="50" charset="-128"/>
                <a:ea typeface="メイリオ" panose="020B0604030504040204" pitchFamily="50" charset="-128"/>
                <a:cs typeface="メイリオ" panose="020B0604030504040204" pitchFamily="50" charset="-128"/>
              </a:defRPr>
            </a:lvl1pPr>
            <a:lvl2pPr>
              <a:defRPr sz="1138">
                <a:latin typeface="メイリオ" panose="020B0604030504040204" pitchFamily="50" charset="-128"/>
                <a:ea typeface="メイリオ" panose="020B0604030504040204" pitchFamily="50" charset="-128"/>
                <a:cs typeface="メイリオ" panose="020B0604030504040204" pitchFamily="50" charset="-128"/>
              </a:defRPr>
            </a:lvl2pPr>
            <a:lvl3pPr>
              <a:defRPr sz="975">
                <a:latin typeface="メイリオ" panose="020B0604030504040204" pitchFamily="50" charset="-128"/>
                <a:ea typeface="メイリオ" panose="020B0604030504040204" pitchFamily="50" charset="-128"/>
                <a:cs typeface="メイリオ" panose="020B0604030504040204" pitchFamily="50" charset="-128"/>
              </a:defRPr>
            </a:lvl3pPr>
            <a:lvl4pPr>
              <a:defRPr sz="894">
                <a:latin typeface="メイリオ" panose="020B0604030504040204" pitchFamily="50" charset="-128"/>
                <a:ea typeface="メイリオ" panose="020B0604030504040204" pitchFamily="50" charset="-128"/>
                <a:cs typeface="メイリオ" panose="020B0604030504040204" pitchFamily="50" charset="-128"/>
              </a:defRPr>
            </a:lvl4pPr>
            <a:lvl5pPr>
              <a:defRPr sz="894">
                <a:latin typeface="メイリオ" panose="020B0604030504040204" pitchFamily="50" charset="-128"/>
                <a:ea typeface="メイリオ" panose="020B0604030504040204" pitchFamily="50" charset="-128"/>
                <a:cs typeface="メイリオ" panose="020B0604030504040204" pitchFamily="50" charset="-128"/>
              </a:defRPr>
            </a:lvl5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endParaRPr kumimoji="1" lang="ja-JP" altLang="en-US" dirty="0"/>
          </a:p>
        </p:txBody>
      </p:sp>
      <p:sp>
        <p:nvSpPr>
          <p:cNvPr id="11" name="テキスト プレースホルダー 11"/>
          <p:cNvSpPr>
            <a:spLocks noGrp="1"/>
          </p:cNvSpPr>
          <p:nvPr>
            <p:ph type="body" sz="quarter" idx="14" hasCustomPrompt="1"/>
          </p:nvPr>
        </p:nvSpPr>
        <p:spPr>
          <a:xfrm>
            <a:off x="628653" y="5597191"/>
            <a:ext cx="7886700" cy="288000"/>
          </a:xfrm>
        </p:spPr>
        <p:txBody>
          <a:bodyPr anchor="ctr">
            <a:normAutofit/>
          </a:bodyPr>
          <a:lstStyle>
            <a:lvl1pPr marL="104470" indent="-104470" algn="l">
              <a:buFont typeface="小塚ゴシック Pro L" panose="020B0200000000000000" pitchFamily="34" charset="-128"/>
              <a:buChar char="※"/>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脚注：</a:t>
            </a:r>
          </a:p>
        </p:txBody>
      </p:sp>
      <p:sp>
        <p:nvSpPr>
          <p:cNvPr id="12" name="テキスト プレースホルダー 11"/>
          <p:cNvSpPr>
            <a:spLocks noGrp="1"/>
          </p:cNvSpPr>
          <p:nvPr>
            <p:ph type="body" sz="quarter" idx="15" hasCustomPrompt="1"/>
          </p:nvPr>
        </p:nvSpPr>
        <p:spPr>
          <a:xfrm>
            <a:off x="628653" y="5885191"/>
            <a:ext cx="7886700" cy="288000"/>
          </a:xfrm>
        </p:spPr>
        <p:txBody>
          <a:bodyPr anchor="ctr">
            <a:normAutofit/>
          </a:bodyPr>
          <a:lstStyle>
            <a:lvl1pPr marL="104470" indent="-104470" algn="l">
              <a:buFont typeface="小塚ゴシック Pro L" panose="020B0200000000000000" pitchFamily="34" charset="-128"/>
              <a:buChar char="※"/>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出所：</a:t>
            </a:r>
          </a:p>
        </p:txBody>
      </p:sp>
      <p:sp>
        <p:nvSpPr>
          <p:cNvPr id="8" name="テキスト プレースホルダー 11"/>
          <p:cNvSpPr>
            <a:spLocks noGrp="1"/>
          </p:cNvSpPr>
          <p:nvPr>
            <p:ph type="body" sz="quarter" idx="13" hasCustomPrompt="1"/>
          </p:nvPr>
        </p:nvSpPr>
        <p:spPr>
          <a:xfrm>
            <a:off x="1521000" y="1160285"/>
            <a:ext cx="6480000" cy="360000"/>
          </a:xfrm>
        </p:spPr>
        <p:txBody>
          <a:bodyPr anchor="ctr">
            <a:normAutofit/>
          </a:bodyPr>
          <a:lstStyle>
            <a:lvl1pPr marL="0" indent="0" algn="l">
              <a:buNone/>
              <a:defRPr sz="975">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ートタイトル</a:t>
            </a:r>
          </a:p>
        </p:txBody>
      </p:sp>
      <p:pic>
        <p:nvPicPr>
          <p:cNvPr id="18" name="図 17"/>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399871" y="194663"/>
            <a:ext cx="1052252" cy="1052252"/>
          </a:xfrm>
          <a:prstGeom prst="rect">
            <a:avLst/>
          </a:prstGeom>
        </p:spPr>
      </p:pic>
      <p:cxnSp>
        <p:nvCxnSpPr>
          <p:cNvPr id="13" name="直線コネクタ 12"/>
          <p:cNvCxnSpPr/>
          <p:nvPr userDrawn="1"/>
        </p:nvCxnSpPr>
        <p:spPr>
          <a:xfrm>
            <a:off x="1468024" y="1047403"/>
            <a:ext cx="7344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プレースホルダー 11"/>
          <p:cNvSpPr>
            <a:spLocks noGrp="1"/>
          </p:cNvSpPr>
          <p:nvPr>
            <p:ph type="body" sz="quarter" idx="16" hasCustomPrompt="1"/>
          </p:nvPr>
        </p:nvSpPr>
        <p:spPr>
          <a:xfrm>
            <a:off x="1540024" y="365125"/>
            <a:ext cx="7200000" cy="576000"/>
          </a:xfrm>
        </p:spPr>
        <p:txBody>
          <a:bodyPr anchor="ctr">
            <a:normAutofit/>
          </a:bodyPr>
          <a:lstStyle>
            <a:lvl1pPr marL="0" indent="0" algn="l">
              <a:buNone/>
              <a:defRPr sz="1463">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sp>
        <p:nvSpPr>
          <p:cNvPr id="21" name="スライド番号プレースホルダー 5"/>
          <p:cNvSpPr>
            <a:spLocks noGrp="1"/>
          </p:cNvSpPr>
          <p:nvPr>
            <p:ph type="sldNum" sz="quarter" idx="12"/>
          </p:nvPr>
        </p:nvSpPr>
        <p:spPr>
          <a:xfrm>
            <a:off x="6068824" y="6297992"/>
            <a:ext cx="2743200" cy="365125"/>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15" name="テキスト プレースホルダー 11"/>
          <p:cNvSpPr>
            <a:spLocks noGrp="1"/>
          </p:cNvSpPr>
          <p:nvPr>
            <p:ph type="body" sz="quarter" idx="17" hasCustomPrompt="1"/>
          </p:nvPr>
        </p:nvSpPr>
        <p:spPr>
          <a:xfrm>
            <a:off x="628651" y="6297983"/>
            <a:ext cx="4680000" cy="360000"/>
          </a:xfrm>
        </p:spPr>
        <p:txBody>
          <a:bodyPr anchor="ctr">
            <a:normAutofit/>
          </a:bodyPr>
          <a:lstStyle>
            <a:lvl1pPr marL="0" indent="0" algn="l">
              <a:buNone/>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プタータイトル</a:t>
            </a:r>
          </a:p>
        </p:txBody>
      </p:sp>
    </p:spTree>
    <p:extLst>
      <p:ext uri="{BB962C8B-B14F-4D97-AF65-F5344CB8AC3E}">
        <p14:creationId xmlns:p14="http://schemas.microsoft.com/office/powerpoint/2010/main" val="112961013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2_白紙２">
    <p:spTree>
      <p:nvGrpSpPr>
        <p:cNvPr id="1" name=""/>
        <p:cNvGrpSpPr/>
        <p:nvPr/>
      </p:nvGrpSpPr>
      <p:grpSpPr>
        <a:xfrm>
          <a:off x="0" y="0"/>
          <a:ext cx="0" cy="0"/>
          <a:chOff x="0" y="0"/>
          <a:chExt cx="0" cy="0"/>
        </a:xfrm>
      </p:grpSpPr>
      <p:pic>
        <p:nvPicPr>
          <p:cNvPr id="12" name="図 11"/>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399871" y="194663"/>
            <a:ext cx="1052252" cy="1052252"/>
          </a:xfrm>
          <a:prstGeom prst="rect">
            <a:avLst/>
          </a:prstGeom>
        </p:spPr>
      </p:pic>
      <p:cxnSp>
        <p:nvCxnSpPr>
          <p:cNvPr id="8" name="直線コネクタ 7"/>
          <p:cNvCxnSpPr/>
          <p:nvPr userDrawn="1"/>
        </p:nvCxnSpPr>
        <p:spPr>
          <a:xfrm>
            <a:off x="1468024" y="1047403"/>
            <a:ext cx="7344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プレースホルダー 11"/>
          <p:cNvSpPr>
            <a:spLocks noGrp="1"/>
          </p:cNvSpPr>
          <p:nvPr>
            <p:ph type="body" sz="quarter" idx="16" hasCustomPrompt="1"/>
          </p:nvPr>
        </p:nvSpPr>
        <p:spPr>
          <a:xfrm>
            <a:off x="1540024" y="365125"/>
            <a:ext cx="7200000" cy="576000"/>
          </a:xfrm>
        </p:spPr>
        <p:txBody>
          <a:bodyPr anchor="ctr">
            <a:normAutofit/>
          </a:bodyPr>
          <a:lstStyle>
            <a:lvl1pPr marL="0" indent="0" algn="l">
              <a:buNone/>
              <a:defRPr sz="1463">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sp>
        <p:nvSpPr>
          <p:cNvPr id="16" name="スライド番号プレースホルダー 5"/>
          <p:cNvSpPr>
            <a:spLocks noGrp="1"/>
          </p:cNvSpPr>
          <p:nvPr>
            <p:ph type="sldNum" sz="quarter" idx="12"/>
          </p:nvPr>
        </p:nvSpPr>
        <p:spPr>
          <a:xfrm>
            <a:off x="6276643" y="6581326"/>
            <a:ext cx="2743200" cy="253093"/>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17" name="テキスト ボックス 16"/>
          <p:cNvSpPr txBox="1"/>
          <p:nvPr userDrawn="1"/>
        </p:nvSpPr>
        <p:spPr>
          <a:xfrm>
            <a:off x="6661443" y="6642560"/>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4931073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type="title" preserve="1">
  <p:cSld name="1_タイトル スライド">
    <p:bg bwMode="black">
      <p:bgPr>
        <a:solidFill>
          <a:srgbClr val="1F75BF"/>
        </a:solidFill>
        <a:effectLst/>
      </p:bgPr>
    </p:bg>
    <p:spTree>
      <p:nvGrpSpPr>
        <p:cNvPr id="1" name=""/>
        <p:cNvGrpSpPr/>
        <p:nvPr/>
      </p:nvGrpSpPr>
      <p:grpSpPr>
        <a:xfrm>
          <a:off x="0" y="0"/>
          <a:ext cx="0" cy="0"/>
          <a:chOff x="0" y="0"/>
          <a:chExt cx="0" cy="0"/>
        </a:xfrm>
      </p:grpSpPr>
      <p:sp>
        <p:nvSpPr>
          <p:cNvPr id="25602" name="Rectangle 2"/>
          <p:cNvSpPr>
            <a:spLocks noGrp="1" noChangeArrowheads="1"/>
          </p:cNvSpPr>
          <p:nvPr>
            <p:ph type="ctrTitle"/>
          </p:nvPr>
        </p:nvSpPr>
        <p:spPr bwMode="white">
          <a:xfrm>
            <a:off x="539752" y="2694000"/>
            <a:ext cx="8064500" cy="1470025"/>
          </a:xfrm>
        </p:spPr>
        <p:txBody>
          <a:bodyPr anchor="ctr"/>
          <a:lstStyle>
            <a:lvl1pPr>
              <a:defRPr u="none">
                <a:solidFill>
                  <a:schemeClr val="bg1"/>
                </a:solidFill>
              </a:defRPr>
            </a:lvl1pPr>
          </a:lstStyle>
          <a:p>
            <a:r>
              <a:rPr lang="ja-JP" altLang="en-US" dirty="0"/>
              <a:t>マスタ タイトルの書式設定</a:t>
            </a:r>
          </a:p>
        </p:txBody>
      </p:sp>
      <p:sp>
        <p:nvSpPr>
          <p:cNvPr id="25728" name="Rectangle 128"/>
          <p:cNvSpPr>
            <a:spLocks noGrp="1" noChangeArrowheads="1"/>
          </p:cNvSpPr>
          <p:nvPr>
            <p:ph type="subTitle" sz="quarter" idx="1"/>
          </p:nvPr>
        </p:nvSpPr>
        <p:spPr bwMode="white">
          <a:xfrm>
            <a:off x="539757" y="4292600"/>
            <a:ext cx="7056439" cy="1346200"/>
          </a:xfrm>
        </p:spPr>
        <p:txBody>
          <a:bodyPr/>
          <a:lstStyle>
            <a:lvl1pPr marL="0" indent="0">
              <a:buFontTx/>
              <a:buNone/>
              <a:defRPr>
                <a:solidFill>
                  <a:schemeClr val="bg1"/>
                </a:solidFill>
              </a:defRPr>
            </a:lvl1pPr>
          </a:lstStyle>
          <a:p>
            <a:r>
              <a:rPr lang="ja-JP" altLang="en-US"/>
              <a:t>マスタ サブタイトルの書式設定</a:t>
            </a:r>
          </a:p>
        </p:txBody>
      </p:sp>
      <p:grpSp>
        <p:nvGrpSpPr>
          <p:cNvPr id="21" name="Group 139">
            <a:extLst>
              <a:ext uri="{FF2B5EF4-FFF2-40B4-BE49-F238E27FC236}">
                <a16:creationId xmlns:a16="http://schemas.microsoft.com/office/drawing/2014/main" id="{F62F3698-33AA-4F4E-AB20-4B2B23D8126C}"/>
              </a:ext>
            </a:extLst>
          </p:cNvPr>
          <p:cNvGrpSpPr>
            <a:grpSpLocks noChangeAspect="1"/>
          </p:cNvGrpSpPr>
          <p:nvPr userDrawn="1"/>
        </p:nvGrpSpPr>
        <p:grpSpPr bwMode="auto">
          <a:xfrm>
            <a:off x="7885847" y="6245236"/>
            <a:ext cx="847725" cy="111125"/>
            <a:chOff x="4799" y="4040"/>
            <a:chExt cx="712" cy="70"/>
          </a:xfrm>
        </p:grpSpPr>
        <p:sp>
          <p:nvSpPr>
            <p:cNvPr id="22" name="AutoShape 138">
              <a:extLst>
                <a:ext uri="{FF2B5EF4-FFF2-40B4-BE49-F238E27FC236}">
                  <a16:creationId xmlns:a16="http://schemas.microsoft.com/office/drawing/2014/main" id="{2ACFA905-00F7-4E19-A226-A6D5CCCEA887}"/>
                </a:ext>
              </a:extLst>
            </p:cNvPr>
            <p:cNvSpPr>
              <a:spLocks noChangeAspect="1" noChangeArrowheads="1" noTextEdit="1"/>
            </p:cNvSpPr>
            <p:nvPr userDrawn="1"/>
          </p:nvSpPr>
          <p:spPr bwMode="auto">
            <a:xfrm>
              <a:off x="4799" y="4040"/>
              <a:ext cx="712" cy="70"/>
            </a:xfrm>
            <a:prstGeom prst="rect">
              <a:avLst/>
            </a:prstGeom>
            <a:noFill/>
            <a:ln w="9525">
              <a:noFill/>
              <a:miter lim="800000"/>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3" name="Freeform 140">
              <a:extLst>
                <a:ext uri="{FF2B5EF4-FFF2-40B4-BE49-F238E27FC236}">
                  <a16:creationId xmlns:a16="http://schemas.microsoft.com/office/drawing/2014/main" id="{C66D15DD-E17F-4AC0-B748-3319C3E102E6}"/>
                </a:ext>
              </a:extLst>
            </p:cNvPr>
            <p:cNvSpPr>
              <a:spLocks noEditPoints="1"/>
            </p:cNvSpPr>
            <p:nvPr userDrawn="1"/>
          </p:nvSpPr>
          <p:spPr bwMode="auto">
            <a:xfrm>
              <a:off x="5067" y="4040"/>
              <a:ext cx="80" cy="70"/>
            </a:xfrm>
            <a:custGeom>
              <a:avLst/>
              <a:gdLst/>
              <a:ahLst/>
              <a:cxnLst>
                <a:cxn ang="0">
                  <a:pos x="29" y="12"/>
                </a:cxn>
                <a:cxn ang="0">
                  <a:pos x="26" y="6"/>
                </a:cxn>
                <a:cxn ang="0">
                  <a:pos x="24" y="6"/>
                </a:cxn>
                <a:cxn ang="0">
                  <a:pos x="17" y="12"/>
                </a:cxn>
                <a:cxn ang="0">
                  <a:pos x="13" y="25"/>
                </a:cxn>
                <a:cxn ang="0">
                  <a:pos x="16" y="30"/>
                </a:cxn>
                <a:cxn ang="0">
                  <a:pos x="18" y="30"/>
                </a:cxn>
                <a:cxn ang="0">
                  <a:pos x="24" y="25"/>
                </a:cxn>
                <a:cxn ang="0">
                  <a:pos x="29" y="12"/>
                </a:cxn>
                <a:cxn ang="0">
                  <a:pos x="16" y="36"/>
                </a:cxn>
                <a:cxn ang="0">
                  <a:pos x="13" y="36"/>
                </a:cxn>
                <a:cxn ang="0">
                  <a:pos x="4" y="18"/>
                </a:cxn>
                <a:cxn ang="0">
                  <a:pos x="26" y="0"/>
                </a:cxn>
                <a:cxn ang="0">
                  <a:pos x="29" y="0"/>
                </a:cxn>
                <a:cxn ang="0">
                  <a:pos x="38" y="18"/>
                </a:cxn>
                <a:cxn ang="0">
                  <a:pos x="16" y="36"/>
                </a:cxn>
              </a:cxnLst>
              <a:rect l="0" t="0" r="r" b="b"/>
              <a:pathLst>
                <a:path w="41" h="36">
                  <a:moveTo>
                    <a:pt x="29" y="12"/>
                  </a:moveTo>
                  <a:cubicBezTo>
                    <a:pt x="30" y="8"/>
                    <a:pt x="30" y="6"/>
                    <a:pt x="26" y="6"/>
                  </a:cubicBezTo>
                  <a:cubicBezTo>
                    <a:pt x="26" y="6"/>
                    <a:pt x="24" y="6"/>
                    <a:pt x="24" y="6"/>
                  </a:cubicBezTo>
                  <a:cubicBezTo>
                    <a:pt x="20" y="6"/>
                    <a:pt x="19" y="8"/>
                    <a:pt x="17" y="12"/>
                  </a:cubicBezTo>
                  <a:cubicBezTo>
                    <a:pt x="17" y="13"/>
                    <a:pt x="13" y="24"/>
                    <a:pt x="13" y="25"/>
                  </a:cubicBezTo>
                  <a:cubicBezTo>
                    <a:pt x="12" y="28"/>
                    <a:pt x="13" y="30"/>
                    <a:pt x="16" y="30"/>
                  </a:cubicBezTo>
                  <a:cubicBezTo>
                    <a:pt x="16" y="30"/>
                    <a:pt x="18" y="30"/>
                    <a:pt x="18" y="30"/>
                  </a:cubicBezTo>
                  <a:cubicBezTo>
                    <a:pt x="22" y="30"/>
                    <a:pt x="23" y="29"/>
                    <a:pt x="24" y="25"/>
                  </a:cubicBezTo>
                  <a:cubicBezTo>
                    <a:pt x="25" y="23"/>
                    <a:pt x="28" y="13"/>
                    <a:pt x="29" y="12"/>
                  </a:cubicBezTo>
                  <a:close/>
                  <a:moveTo>
                    <a:pt x="16" y="36"/>
                  </a:moveTo>
                  <a:cubicBezTo>
                    <a:pt x="16" y="36"/>
                    <a:pt x="13" y="36"/>
                    <a:pt x="13" y="36"/>
                  </a:cubicBezTo>
                  <a:cubicBezTo>
                    <a:pt x="1" y="36"/>
                    <a:pt x="0" y="28"/>
                    <a:pt x="4" y="18"/>
                  </a:cubicBezTo>
                  <a:cubicBezTo>
                    <a:pt x="8" y="7"/>
                    <a:pt x="12" y="0"/>
                    <a:pt x="26" y="0"/>
                  </a:cubicBezTo>
                  <a:cubicBezTo>
                    <a:pt x="26" y="0"/>
                    <a:pt x="29" y="0"/>
                    <a:pt x="29" y="0"/>
                  </a:cubicBezTo>
                  <a:cubicBezTo>
                    <a:pt x="41" y="0"/>
                    <a:pt x="41" y="7"/>
                    <a:pt x="38" y="18"/>
                  </a:cubicBezTo>
                  <a:cubicBezTo>
                    <a:pt x="34" y="29"/>
                    <a:pt x="29" y="36"/>
                    <a:pt x="16" y="36"/>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4" name="Freeform 141">
              <a:extLst>
                <a:ext uri="{FF2B5EF4-FFF2-40B4-BE49-F238E27FC236}">
                  <a16:creationId xmlns:a16="http://schemas.microsoft.com/office/drawing/2014/main" id="{32FA6036-6260-4282-A230-4360D1BB4434}"/>
                </a:ext>
              </a:extLst>
            </p:cNvPr>
            <p:cNvSpPr>
              <a:spLocks noEditPoints="1"/>
            </p:cNvSpPr>
            <p:nvPr userDrawn="1"/>
          </p:nvSpPr>
          <p:spPr bwMode="auto">
            <a:xfrm>
              <a:off x="5330" y="4040"/>
              <a:ext cx="80" cy="70"/>
            </a:xfrm>
            <a:custGeom>
              <a:avLst/>
              <a:gdLst/>
              <a:ahLst/>
              <a:cxnLst>
                <a:cxn ang="0">
                  <a:pos x="28" y="12"/>
                </a:cxn>
                <a:cxn ang="0">
                  <a:pos x="25" y="6"/>
                </a:cxn>
                <a:cxn ang="0">
                  <a:pos x="24" y="6"/>
                </a:cxn>
                <a:cxn ang="0">
                  <a:pos x="17" y="12"/>
                </a:cxn>
                <a:cxn ang="0">
                  <a:pos x="13" y="25"/>
                </a:cxn>
                <a:cxn ang="0">
                  <a:pos x="16" y="30"/>
                </a:cxn>
                <a:cxn ang="0">
                  <a:pos x="18" y="30"/>
                </a:cxn>
                <a:cxn ang="0">
                  <a:pos x="24" y="25"/>
                </a:cxn>
                <a:cxn ang="0">
                  <a:pos x="28" y="12"/>
                </a:cxn>
                <a:cxn ang="0">
                  <a:pos x="16" y="36"/>
                </a:cxn>
                <a:cxn ang="0">
                  <a:pos x="12" y="36"/>
                </a:cxn>
                <a:cxn ang="0">
                  <a:pos x="4" y="18"/>
                </a:cxn>
                <a:cxn ang="0">
                  <a:pos x="25" y="0"/>
                </a:cxn>
                <a:cxn ang="0">
                  <a:pos x="29" y="0"/>
                </a:cxn>
                <a:cxn ang="0">
                  <a:pos x="38" y="18"/>
                </a:cxn>
                <a:cxn ang="0">
                  <a:pos x="16" y="36"/>
                </a:cxn>
              </a:cxnLst>
              <a:rect l="0" t="0" r="r" b="b"/>
              <a:pathLst>
                <a:path w="41" h="36">
                  <a:moveTo>
                    <a:pt x="28" y="12"/>
                  </a:moveTo>
                  <a:cubicBezTo>
                    <a:pt x="30" y="8"/>
                    <a:pt x="29" y="6"/>
                    <a:pt x="25" y="6"/>
                  </a:cubicBezTo>
                  <a:cubicBezTo>
                    <a:pt x="25" y="6"/>
                    <a:pt x="24" y="6"/>
                    <a:pt x="24" y="6"/>
                  </a:cubicBezTo>
                  <a:cubicBezTo>
                    <a:pt x="19" y="6"/>
                    <a:pt x="18" y="8"/>
                    <a:pt x="17" y="12"/>
                  </a:cubicBezTo>
                  <a:cubicBezTo>
                    <a:pt x="16" y="13"/>
                    <a:pt x="13" y="24"/>
                    <a:pt x="13" y="25"/>
                  </a:cubicBezTo>
                  <a:cubicBezTo>
                    <a:pt x="11" y="28"/>
                    <a:pt x="12" y="30"/>
                    <a:pt x="16" y="30"/>
                  </a:cubicBezTo>
                  <a:cubicBezTo>
                    <a:pt x="16" y="30"/>
                    <a:pt x="18" y="30"/>
                    <a:pt x="18" y="30"/>
                  </a:cubicBezTo>
                  <a:cubicBezTo>
                    <a:pt x="21" y="30"/>
                    <a:pt x="23" y="29"/>
                    <a:pt x="24" y="25"/>
                  </a:cubicBezTo>
                  <a:cubicBezTo>
                    <a:pt x="25" y="23"/>
                    <a:pt x="28" y="13"/>
                    <a:pt x="28" y="12"/>
                  </a:cubicBezTo>
                  <a:close/>
                  <a:moveTo>
                    <a:pt x="16" y="36"/>
                  </a:moveTo>
                  <a:cubicBezTo>
                    <a:pt x="15" y="36"/>
                    <a:pt x="13" y="36"/>
                    <a:pt x="12" y="36"/>
                  </a:cubicBezTo>
                  <a:cubicBezTo>
                    <a:pt x="1" y="36"/>
                    <a:pt x="0" y="28"/>
                    <a:pt x="4" y="18"/>
                  </a:cubicBezTo>
                  <a:cubicBezTo>
                    <a:pt x="7" y="7"/>
                    <a:pt x="12" y="0"/>
                    <a:pt x="25" y="0"/>
                  </a:cubicBezTo>
                  <a:cubicBezTo>
                    <a:pt x="26" y="0"/>
                    <a:pt x="28" y="0"/>
                    <a:pt x="29" y="0"/>
                  </a:cubicBezTo>
                  <a:cubicBezTo>
                    <a:pt x="41" y="0"/>
                    <a:pt x="41" y="7"/>
                    <a:pt x="38" y="18"/>
                  </a:cubicBezTo>
                  <a:cubicBezTo>
                    <a:pt x="34" y="29"/>
                    <a:pt x="29" y="36"/>
                    <a:pt x="16" y="36"/>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5" name="Freeform 142">
              <a:extLst>
                <a:ext uri="{FF2B5EF4-FFF2-40B4-BE49-F238E27FC236}">
                  <a16:creationId xmlns:a16="http://schemas.microsoft.com/office/drawing/2014/main" id="{1A8466F4-644D-49BB-AB59-1FB590AC7DF3}"/>
                </a:ext>
              </a:extLst>
            </p:cNvPr>
            <p:cNvSpPr>
              <a:spLocks/>
            </p:cNvSpPr>
            <p:nvPr userDrawn="1"/>
          </p:nvSpPr>
          <p:spPr bwMode="auto">
            <a:xfrm>
              <a:off x="4799" y="4042"/>
              <a:ext cx="93" cy="66"/>
            </a:xfrm>
            <a:custGeom>
              <a:avLst/>
              <a:gdLst/>
              <a:ahLst/>
              <a:cxnLst>
                <a:cxn ang="0">
                  <a:pos x="37" y="34"/>
                </a:cxn>
                <a:cxn ang="0">
                  <a:pos x="28" y="34"/>
                </a:cxn>
                <a:cxn ang="0">
                  <a:pos x="21" y="29"/>
                </a:cxn>
                <a:cxn ang="0">
                  <a:pos x="17" y="8"/>
                </a:cxn>
                <a:cxn ang="0">
                  <a:pos x="9" y="34"/>
                </a:cxn>
                <a:cxn ang="0">
                  <a:pos x="0" y="34"/>
                </a:cxn>
                <a:cxn ang="0">
                  <a:pos x="11" y="0"/>
                </a:cxn>
                <a:cxn ang="0">
                  <a:pos x="21" y="0"/>
                </a:cxn>
                <a:cxn ang="0">
                  <a:pos x="27" y="5"/>
                </a:cxn>
                <a:cxn ang="0">
                  <a:pos x="32" y="25"/>
                </a:cxn>
                <a:cxn ang="0">
                  <a:pos x="39" y="0"/>
                </a:cxn>
                <a:cxn ang="0">
                  <a:pos x="48" y="0"/>
                </a:cxn>
                <a:cxn ang="0">
                  <a:pos x="37" y="34"/>
                </a:cxn>
              </a:cxnLst>
              <a:rect l="0" t="0" r="r" b="b"/>
              <a:pathLst>
                <a:path w="48" h="34">
                  <a:moveTo>
                    <a:pt x="37" y="34"/>
                  </a:moveTo>
                  <a:cubicBezTo>
                    <a:pt x="37" y="34"/>
                    <a:pt x="31" y="34"/>
                    <a:pt x="28" y="34"/>
                  </a:cubicBezTo>
                  <a:cubicBezTo>
                    <a:pt x="24" y="34"/>
                    <a:pt x="22" y="33"/>
                    <a:pt x="21" y="29"/>
                  </a:cubicBezTo>
                  <a:cubicBezTo>
                    <a:pt x="21" y="24"/>
                    <a:pt x="17" y="8"/>
                    <a:pt x="17" y="8"/>
                  </a:cubicBezTo>
                  <a:cubicBezTo>
                    <a:pt x="9" y="34"/>
                    <a:pt x="9" y="34"/>
                    <a:pt x="9" y="34"/>
                  </a:cubicBezTo>
                  <a:cubicBezTo>
                    <a:pt x="0" y="34"/>
                    <a:pt x="0" y="34"/>
                    <a:pt x="0" y="34"/>
                  </a:cubicBezTo>
                  <a:cubicBezTo>
                    <a:pt x="11" y="0"/>
                    <a:pt x="11" y="0"/>
                    <a:pt x="11" y="0"/>
                  </a:cubicBezTo>
                  <a:cubicBezTo>
                    <a:pt x="11" y="0"/>
                    <a:pt x="17" y="0"/>
                    <a:pt x="21" y="0"/>
                  </a:cubicBezTo>
                  <a:cubicBezTo>
                    <a:pt x="25" y="0"/>
                    <a:pt x="26" y="1"/>
                    <a:pt x="27" y="5"/>
                  </a:cubicBezTo>
                  <a:cubicBezTo>
                    <a:pt x="28" y="7"/>
                    <a:pt x="32" y="25"/>
                    <a:pt x="32" y="25"/>
                  </a:cubicBezTo>
                  <a:cubicBezTo>
                    <a:pt x="39" y="0"/>
                    <a:pt x="39" y="0"/>
                    <a:pt x="39" y="0"/>
                  </a:cubicBezTo>
                  <a:cubicBezTo>
                    <a:pt x="48" y="0"/>
                    <a:pt x="48" y="0"/>
                    <a:pt x="48" y="0"/>
                  </a:cubicBezTo>
                  <a:cubicBezTo>
                    <a:pt x="37" y="34"/>
                    <a:pt x="37" y="34"/>
                    <a:pt x="37" y="34"/>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6" name="Freeform 143">
              <a:extLst>
                <a:ext uri="{FF2B5EF4-FFF2-40B4-BE49-F238E27FC236}">
                  <a16:creationId xmlns:a16="http://schemas.microsoft.com/office/drawing/2014/main" id="{282186F6-1DA9-4B80-B296-06D49FE5736D}"/>
                </a:ext>
              </a:extLst>
            </p:cNvPr>
            <p:cNvSpPr>
              <a:spLocks/>
            </p:cNvSpPr>
            <p:nvPr userDrawn="1"/>
          </p:nvSpPr>
          <p:spPr bwMode="auto">
            <a:xfrm>
              <a:off x="5141" y="4042"/>
              <a:ext cx="94" cy="66"/>
            </a:xfrm>
            <a:custGeom>
              <a:avLst/>
              <a:gdLst/>
              <a:ahLst/>
              <a:cxnLst>
                <a:cxn ang="0">
                  <a:pos x="37" y="34"/>
                </a:cxn>
                <a:cxn ang="0">
                  <a:pos x="27" y="34"/>
                </a:cxn>
                <a:cxn ang="0">
                  <a:pos x="21" y="29"/>
                </a:cxn>
                <a:cxn ang="0">
                  <a:pos x="16" y="8"/>
                </a:cxn>
                <a:cxn ang="0">
                  <a:pos x="9" y="34"/>
                </a:cxn>
                <a:cxn ang="0">
                  <a:pos x="0" y="34"/>
                </a:cxn>
                <a:cxn ang="0">
                  <a:pos x="11" y="0"/>
                </a:cxn>
                <a:cxn ang="0">
                  <a:pos x="21" y="0"/>
                </a:cxn>
                <a:cxn ang="0">
                  <a:pos x="27" y="5"/>
                </a:cxn>
                <a:cxn ang="0">
                  <a:pos x="31" y="25"/>
                </a:cxn>
                <a:cxn ang="0">
                  <a:pos x="39" y="0"/>
                </a:cxn>
                <a:cxn ang="0">
                  <a:pos x="48" y="0"/>
                </a:cxn>
                <a:cxn ang="0">
                  <a:pos x="37" y="34"/>
                </a:cxn>
              </a:cxnLst>
              <a:rect l="0" t="0" r="r" b="b"/>
              <a:pathLst>
                <a:path w="48" h="34">
                  <a:moveTo>
                    <a:pt x="37" y="34"/>
                  </a:moveTo>
                  <a:cubicBezTo>
                    <a:pt x="37" y="34"/>
                    <a:pt x="31" y="34"/>
                    <a:pt x="27" y="34"/>
                  </a:cubicBezTo>
                  <a:cubicBezTo>
                    <a:pt x="23" y="34"/>
                    <a:pt x="22" y="33"/>
                    <a:pt x="21" y="29"/>
                  </a:cubicBezTo>
                  <a:cubicBezTo>
                    <a:pt x="20" y="24"/>
                    <a:pt x="16" y="8"/>
                    <a:pt x="16" y="8"/>
                  </a:cubicBezTo>
                  <a:cubicBezTo>
                    <a:pt x="9" y="34"/>
                    <a:pt x="9" y="34"/>
                    <a:pt x="9" y="34"/>
                  </a:cubicBezTo>
                  <a:cubicBezTo>
                    <a:pt x="0" y="34"/>
                    <a:pt x="0" y="34"/>
                    <a:pt x="0" y="34"/>
                  </a:cubicBezTo>
                  <a:cubicBezTo>
                    <a:pt x="11" y="0"/>
                    <a:pt x="11" y="0"/>
                    <a:pt x="11" y="0"/>
                  </a:cubicBezTo>
                  <a:cubicBezTo>
                    <a:pt x="11" y="0"/>
                    <a:pt x="17" y="0"/>
                    <a:pt x="21" y="0"/>
                  </a:cubicBezTo>
                  <a:cubicBezTo>
                    <a:pt x="25" y="0"/>
                    <a:pt x="26" y="1"/>
                    <a:pt x="27" y="5"/>
                  </a:cubicBezTo>
                  <a:cubicBezTo>
                    <a:pt x="27" y="7"/>
                    <a:pt x="31" y="25"/>
                    <a:pt x="31" y="25"/>
                  </a:cubicBezTo>
                  <a:cubicBezTo>
                    <a:pt x="39" y="0"/>
                    <a:pt x="39" y="0"/>
                    <a:pt x="39" y="0"/>
                  </a:cubicBezTo>
                  <a:cubicBezTo>
                    <a:pt x="48" y="0"/>
                    <a:pt x="48" y="0"/>
                    <a:pt x="48" y="0"/>
                  </a:cubicBezTo>
                  <a:cubicBezTo>
                    <a:pt x="37" y="34"/>
                    <a:pt x="37" y="34"/>
                    <a:pt x="37" y="34"/>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7" name="Freeform 144">
              <a:extLst>
                <a:ext uri="{FF2B5EF4-FFF2-40B4-BE49-F238E27FC236}">
                  <a16:creationId xmlns:a16="http://schemas.microsoft.com/office/drawing/2014/main" id="{63C6532C-B893-4E82-AB95-FB23AC35776D}"/>
                </a:ext>
              </a:extLst>
            </p:cNvPr>
            <p:cNvSpPr>
              <a:spLocks/>
            </p:cNvSpPr>
            <p:nvPr userDrawn="1"/>
          </p:nvSpPr>
          <p:spPr bwMode="auto">
            <a:xfrm>
              <a:off x="4887" y="4042"/>
              <a:ext cx="42" cy="66"/>
            </a:xfrm>
            <a:custGeom>
              <a:avLst/>
              <a:gdLst/>
              <a:ahLst/>
              <a:cxnLst>
                <a:cxn ang="0">
                  <a:pos x="21" y="66"/>
                </a:cxn>
                <a:cxn ang="0">
                  <a:pos x="0" y="66"/>
                </a:cxn>
                <a:cxn ang="0">
                  <a:pos x="19" y="0"/>
                </a:cxn>
                <a:cxn ang="0">
                  <a:pos x="42" y="0"/>
                </a:cxn>
                <a:cxn ang="0">
                  <a:pos x="21" y="66"/>
                </a:cxn>
              </a:cxnLst>
              <a:rect l="0" t="0" r="r" b="b"/>
              <a:pathLst>
                <a:path w="42" h="66">
                  <a:moveTo>
                    <a:pt x="21" y="66"/>
                  </a:moveTo>
                  <a:lnTo>
                    <a:pt x="0" y="66"/>
                  </a:lnTo>
                  <a:lnTo>
                    <a:pt x="19" y="0"/>
                  </a:lnTo>
                  <a:lnTo>
                    <a:pt x="42" y="0"/>
                  </a:lnTo>
                  <a:lnTo>
                    <a:pt x="21" y="66"/>
                  </a:lnTo>
                  <a:close/>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8" name="Freeform 145">
              <a:extLst>
                <a:ext uri="{FF2B5EF4-FFF2-40B4-BE49-F238E27FC236}">
                  <a16:creationId xmlns:a16="http://schemas.microsoft.com/office/drawing/2014/main" id="{E26E1966-8D03-44F7-BF81-1AFD5004810B}"/>
                </a:ext>
              </a:extLst>
            </p:cNvPr>
            <p:cNvSpPr>
              <a:spLocks/>
            </p:cNvSpPr>
            <p:nvPr userDrawn="1"/>
          </p:nvSpPr>
          <p:spPr bwMode="auto">
            <a:xfrm>
              <a:off x="4887" y="4042"/>
              <a:ext cx="42" cy="66"/>
            </a:xfrm>
            <a:custGeom>
              <a:avLst/>
              <a:gdLst/>
              <a:ahLst/>
              <a:cxnLst>
                <a:cxn ang="0">
                  <a:pos x="21" y="66"/>
                </a:cxn>
                <a:cxn ang="0">
                  <a:pos x="0" y="66"/>
                </a:cxn>
                <a:cxn ang="0">
                  <a:pos x="19" y="0"/>
                </a:cxn>
                <a:cxn ang="0">
                  <a:pos x="42" y="0"/>
                </a:cxn>
                <a:cxn ang="0">
                  <a:pos x="21" y="66"/>
                </a:cxn>
              </a:cxnLst>
              <a:rect l="0" t="0" r="r" b="b"/>
              <a:pathLst>
                <a:path w="42" h="66">
                  <a:moveTo>
                    <a:pt x="21" y="66"/>
                  </a:moveTo>
                  <a:lnTo>
                    <a:pt x="0" y="66"/>
                  </a:lnTo>
                  <a:lnTo>
                    <a:pt x="19" y="0"/>
                  </a:lnTo>
                  <a:lnTo>
                    <a:pt x="42" y="0"/>
                  </a:lnTo>
                  <a:lnTo>
                    <a:pt x="21" y="66"/>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29" name="Freeform 146">
              <a:extLst>
                <a:ext uri="{FF2B5EF4-FFF2-40B4-BE49-F238E27FC236}">
                  <a16:creationId xmlns:a16="http://schemas.microsoft.com/office/drawing/2014/main" id="{3F885C23-8F80-49E2-834C-E42BF421712B}"/>
                </a:ext>
              </a:extLst>
            </p:cNvPr>
            <p:cNvSpPr>
              <a:spLocks/>
            </p:cNvSpPr>
            <p:nvPr userDrawn="1"/>
          </p:nvSpPr>
          <p:spPr bwMode="auto">
            <a:xfrm>
              <a:off x="5252" y="4042"/>
              <a:ext cx="45" cy="66"/>
            </a:xfrm>
            <a:custGeom>
              <a:avLst/>
              <a:gdLst/>
              <a:ahLst/>
              <a:cxnLst>
                <a:cxn ang="0">
                  <a:pos x="24" y="66"/>
                </a:cxn>
                <a:cxn ang="0">
                  <a:pos x="0" y="66"/>
                </a:cxn>
                <a:cxn ang="0">
                  <a:pos x="22" y="0"/>
                </a:cxn>
                <a:cxn ang="0">
                  <a:pos x="45" y="0"/>
                </a:cxn>
                <a:cxn ang="0">
                  <a:pos x="24" y="66"/>
                </a:cxn>
              </a:cxnLst>
              <a:rect l="0" t="0" r="r" b="b"/>
              <a:pathLst>
                <a:path w="45" h="66">
                  <a:moveTo>
                    <a:pt x="24" y="66"/>
                  </a:moveTo>
                  <a:lnTo>
                    <a:pt x="0" y="66"/>
                  </a:lnTo>
                  <a:lnTo>
                    <a:pt x="22" y="0"/>
                  </a:lnTo>
                  <a:lnTo>
                    <a:pt x="45" y="0"/>
                  </a:lnTo>
                  <a:lnTo>
                    <a:pt x="24" y="66"/>
                  </a:lnTo>
                  <a:close/>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0" name="Freeform 147">
              <a:extLst>
                <a:ext uri="{FF2B5EF4-FFF2-40B4-BE49-F238E27FC236}">
                  <a16:creationId xmlns:a16="http://schemas.microsoft.com/office/drawing/2014/main" id="{D986777D-20D5-4B8B-BC5B-203ACE28C6D4}"/>
                </a:ext>
              </a:extLst>
            </p:cNvPr>
            <p:cNvSpPr>
              <a:spLocks/>
            </p:cNvSpPr>
            <p:nvPr userDrawn="1"/>
          </p:nvSpPr>
          <p:spPr bwMode="auto">
            <a:xfrm>
              <a:off x="5252" y="4042"/>
              <a:ext cx="45" cy="66"/>
            </a:xfrm>
            <a:custGeom>
              <a:avLst/>
              <a:gdLst/>
              <a:ahLst/>
              <a:cxnLst>
                <a:cxn ang="0">
                  <a:pos x="24" y="66"/>
                </a:cxn>
                <a:cxn ang="0">
                  <a:pos x="0" y="66"/>
                </a:cxn>
                <a:cxn ang="0">
                  <a:pos x="22" y="0"/>
                </a:cxn>
                <a:cxn ang="0">
                  <a:pos x="45" y="0"/>
                </a:cxn>
                <a:cxn ang="0">
                  <a:pos x="24" y="66"/>
                </a:cxn>
              </a:cxnLst>
              <a:rect l="0" t="0" r="r" b="b"/>
              <a:pathLst>
                <a:path w="45" h="66">
                  <a:moveTo>
                    <a:pt x="24" y="66"/>
                  </a:moveTo>
                  <a:lnTo>
                    <a:pt x="0" y="66"/>
                  </a:lnTo>
                  <a:lnTo>
                    <a:pt x="22" y="0"/>
                  </a:lnTo>
                  <a:lnTo>
                    <a:pt x="45" y="0"/>
                  </a:lnTo>
                  <a:lnTo>
                    <a:pt x="24" y="66"/>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1" name="Freeform 148">
              <a:extLst>
                <a:ext uri="{FF2B5EF4-FFF2-40B4-BE49-F238E27FC236}">
                  <a16:creationId xmlns:a16="http://schemas.microsoft.com/office/drawing/2014/main" id="{B54A4523-E35C-4103-BCA0-FBC055B7AFA9}"/>
                </a:ext>
              </a:extLst>
            </p:cNvPr>
            <p:cNvSpPr>
              <a:spLocks/>
            </p:cNvSpPr>
            <p:nvPr userDrawn="1"/>
          </p:nvSpPr>
          <p:spPr bwMode="auto">
            <a:xfrm>
              <a:off x="5468" y="4042"/>
              <a:ext cx="45" cy="66"/>
            </a:xfrm>
            <a:custGeom>
              <a:avLst/>
              <a:gdLst/>
              <a:ahLst/>
              <a:cxnLst>
                <a:cxn ang="0">
                  <a:pos x="23" y="66"/>
                </a:cxn>
                <a:cxn ang="0">
                  <a:pos x="0" y="66"/>
                </a:cxn>
                <a:cxn ang="0">
                  <a:pos x="22" y="0"/>
                </a:cxn>
                <a:cxn ang="0">
                  <a:pos x="45" y="0"/>
                </a:cxn>
                <a:cxn ang="0">
                  <a:pos x="23" y="66"/>
                </a:cxn>
              </a:cxnLst>
              <a:rect l="0" t="0" r="r" b="b"/>
              <a:pathLst>
                <a:path w="45" h="66">
                  <a:moveTo>
                    <a:pt x="23" y="66"/>
                  </a:moveTo>
                  <a:lnTo>
                    <a:pt x="0" y="66"/>
                  </a:lnTo>
                  <a:lnTo>
                    <a:pt x="22" y="0"/>
                  </a:lnTo>
                  <a:lnTo>
                    <a:pt x="45" y="0"/>
                  </a:lnTo>
                  <a:lnTo>
                    <a:pt x="23" y="66"/>
                  </a:lnTo>
                  <a:close/>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2" name="Freeform 149">
              <a:extLst>
                <a:ext uri="{FF2B5EF4-FFF2-40B4-BE49-F238E27FC236}">
                  <a16:creationId xmlns:a16="http://schemas.microsoft.com/office/drawing/2014/main" id="{87253859-52AC-4B81-80B4-D0474E8CD8BB}"/>
                </a:ext>
              </a:extLst>
            </p:cNvPr>
            <p:cNvSpPr>
              <a:spLocks/>
            </p:cNvSpPr>
            <p:nvPr userDrawn="1"/>
          </p:nvSpPr>
          <p:spPr bwMode="auto">
            <a:xfrm>
              <a:off x="5468" y="4042"/>
              <a:ext cx="45" cy="66"/>
            </a:xfrm>
            <a:custGeom>
              <a:avLst/>
              <a:gdLst/>
              <a:ahLst/>
              <a:cxnLst>
                <a:cxn ang="0">
                  <a:pos x="23" y="66"/>
                </a:cxn>
                <a:cxn ang="0">
                  <a:pos x="0" y="66"/>
                </a:cxn>
                <a:cxn ang="0">
                  <a:pos x="22" y="0"/>
                </a:cxn>
                <a:cxn ang="0">
                  <a:pos x="45" y="0"/>
                </a:cxn>
                <a:cxn ang="0">
                  <a:pos x="23" y="66"/>
                </a:cxn>
              </a:cxnLst>
              <a:rect l="0" t="0" r="r" b="b"/>
              <a:pathLst>
                <a:path w="45" h="66">
                  <a:moveTo>
                    <a:pt x="23" y="66"/>
                  </a:moveTo>
                  <a:lnTo>
                    <a:pt x="0" y="66"/>
                  </a:lnTo>
                  <a:lnTo>
                    <a:pt x="22" y="0"/>
                  </a:lnTo>
                  <a:lnTo>
                    <a:pt x="45" y="0"/>
                  </a:lnTo>
                  <a:lnTo>
                    <a:pt x="23" y="66"/>
                  </a:lnTo>
                </a:path>
              </a:pathLst>
            </a:custGeom>
            <a:no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3" name="Freeform 150">
              <a:extLst>
                <a:ext uri="{FF2B5EF4-FFF2-40B4-BE49-F238E27FC236}">
                  <a16:creationId xmlns:a16="http://schemas.microsoft.com/office/drawing/2014/main" id="{A6E2AA8D-ADD2-444F-A583-B70006152668}"/>
                </a:ext>
              </a:extLst>
            </p:cNvPr>
            <p:cNvSpPr>
              <a:spLocks/>
            </p:cNvSpPr>
            <p:nvPr userDrawn="1"/>
          </p:nvSpPr>
          <p:spPr bwMode="auto">
            <a:xfrm>
              <a:off x="5289" y="4071"/>
              <a:ext cx="37" cy="37"/>
            </a:xfrm>
            <a:custGeom>
              <a:avLst/>
              <a:gdLst/>
              <a:ahLst/>
              <a:cxnLst>
                <a:cxn ang="0">
                  <a:pos x="0" y="1"/>
                </a:cxn>
                <a:cxn ang="0">
                  <a:pos x="5" y="15"/>
                </a:cxn>
                <a:cxn ang="0">
                  <a:pos x="11" y="19"/>
                </a:cxn>
                <a:cxn ang="0">
                  <a:pos x="19" y="19"/>
                </a:cxn>
                <a:cxn ang="0">
                  <a:pos x="10" y="0"/>
                </a:cxn>
                <a:cxn ang="0">
                  <a:pos x="0" y="1"/>
                </a:cxn>
              </a:cxnLst>
              <a:rect l="0" t="0" r="r" b="b"/>
              <a:pathLst>
                <a:path w="19" h="19">
                  <a:moveTo>
                    <a:pt x="0" y="1"/>
                  </a:moveTo>
                  <a:cubicBezTo>
                    <a:pt x="0" y="2"/>
                    <a:pt x="4" y="13"/>
                    <a:pt x="5" y="15"/>
                  </a:cubicBezTo>
                  <a:cubicBezTo>
                    <a:pt x="6" y="18"/>
                    <a:pt x="8" y="19"/>
                    <a:pt x="11" y="19"/>
                  </a:cubicBezTo>
                  <a:cubicBezTo>
                    <a:pt x="14" y="19"/>
                    <a:pt x="19" y="19"/>
                    <a:pt x="19" y="19"/>
                  </a:cubicBezTo>
                  <a:cubicBezTo>
                    <a:pt x="10" y="0"/>
                    <a:pt x="10" y="0"/>
                    <a:pt x="10" y="0"/>
                  </a:cubicBezTo>
                  <a:cubicBezTo>
                    <a:pt x="0" y="1"/>
                    <a:pt x="0" y="1"/>
                    <a:pt x="0" y="1"/>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4" name="Freeform 151">
              <a:extLst>
                <a:ext uri="{FF2B5EF4-FFF2-40B4-BE49-F238E27FC236}">
                  <a16:creationId xmlns:a16="http://schemas.microsoft.com/office/drawing/2014/main" id="{DC1653DA-698C-4CB6-A338-90527A5F5287}"/>
                </a:ext>
              </a:extLst>
            </p:cNvPr>
            <p:cNvSpPr>
              <a:spLocks/>
            </p:cNvSpPr>
            <p:nvPr userDrawn="1"/>
          </p:nvSpPr>
          <p:spPr bwMode="auto">
            <a:xfrm>
              <a:off x="5404" y="4042"/>
              <a:ext cx="74" cy="66"/>
            </a:xfrm>
            <a:custGeom>
              <a:avLst/>
              <a:gdLst/>
              <a:ahLst/>
              <a:cxnLst>
                <a:cxn ang="0">
                  <a:pos x="11" y="0"/>
                </a:cxn>
                <a:cxn ang="0">
                  <a:pos x="0" y="34"/>
                </a:cxn>
                <a:cxn ang="0">
                  <a:pos x="24" y="34"/>
                </a:cxn>
                <a:cxn ang="0">
                  <a:pos x="28" y="32"/>
                </a:cxn>
                <a:cxn ang="0">
                  <a:pos x="30" y="28"/>
                </a:cxn>
                <a:cxn ang="0">
                  <a:pos x="13" y="28"/>
                </a:cxn>
                <a:cxn ang="0">
                  <a:pos x="16" y="20"/>
                </a:cxn>
                <a:cxn ang="0">
                  <a:pos x="22" y="20"/>
                </a:cxn>
                <a:cxn ang="0">
                  <a:pos x="31" y="16"/>
                </a:cxn>
                <a:cxn ang="0">
                  <a:pos x="32" y="13"/>
                </a:cxn>
                <a:cxn ang="0">
                  <a:pos x="18" y="13"/>
                </a:cxn>
                <a:cxn ang="0">
                  <a:pos x="20" y="6"/>
                </a:cxn>
                <a:cxn ang="0">
                  <a:pos x="31" y="6"/>
                </a:cxn>
                <a:cxn ang="0">
                  <a:pos x="37" y="3"/>
                </a:cxn>
                <a:cxn ang="0">
                  <a:pos x="38" y="0"/>
                </a:cxn>
                <a:cxn ang="0">
                  <a:pos x="11" y="0"/>
                </a:cxn>
              </a:cxnLst>
              <a:rect l="0" t="0" r="r" b="b"/>
              <a:pathLst>
                <a:path w="38" h="34">
                  <a:moveTo>
                    <a:pt x="11" y="0"/>
                  </a:moveTo>
                  <a:cubicBezTo>
                    <a:pt x="8" y="8"/>
                    <a:pt x="3" y="23"/>
                    <a:pt x="0" y="34"/>
                  </a:cubicBezTo>
                  <a:cubicBezTo>
                    <a:pt x="5" y="34"/>
                    <a:pt x="19" y="34"/>
                    <a:pt x="24" y="34"/>
                  </a:cubicBezTo>
                  <a:cubicBezTo>
                    <a:pt x="26" y="34"/>
                    <a:pt x="27" y="34"/>
                    <a:pt x="28" y="32"/>
                  </a:cubicBezTo>
                  <a:cubicBezTo>
                    <a:pt x="29" y="30"/>
                    <a:pt x="30" y="28"/>
                    <a:pt x="30" y="28"/>
                  </a:cubicBezTo>
                  <a:cubicBezTo>
                    <a:pt x="13" y="28"/>
                    <a:pt x="13" y="28"/>
                    <a:pt x="13" y="28"/>
                  </a:cubicBezTo>
                  <a:cubicBezTo>
                    <a:pt x="16" y="20"/>
                    <a:pt x="16" y="20"/>
                    <a:pt x="16" y="20"/>
                  </a:cubicBezTo>
                  <a:cubicBezTo>
                    <a:pt x="16" y="20"/>
                    <a:pt x="17" y="20"/>
                    <a:pt x="22" y="20"/>
                  </a:cubicBezTo>
                  <a:cubicBezTo>
                    <a:pt x="26" y="20"/>
                    <a:pt x="29" y="19"/>
                    <a:pt x="31" y="16"/>
                  </a:cubicBezTo>
                  <a:cubicBezTo>
                    <a:pt x="31" y="16"/>
                    <a:pt x="32" y="14"/>
                    <a:pt x="32" y="13"/>
                  </a:cubicBezTo>
                  <a:cubicBezTo>
                    <a:pt x="28" y="13"/>
                    <a:pt x="18" y="13"/>
                    <a:pt x="18" y="13"/>
                  </a:cubicBezTo>
                  <a:cubicBezTo>
                    <a:pt x="20" y="6"/>
                    <a:pt x="20" y="6"/>
                    <a:pt x="20" y="6"/>
                  </a:cubicBezTo>
                  <a:cubicBezTo>
                    <a:pt x="20" y="6"/>
                    <a:pt x="29" y="6"/>
                    <a:pt x="31" y="6"/>
                  </a:cubicBezTo>
                  <a:cubicBezTo>
                    <a:pt x="34" y="6"/>
                    <a:pt x="36" y="5"/>
                    <a:pt x="37" y="3"/>
                  </a:cubicBezTo>
                  <a:cubicBezTo>
                    <a:pt x="38" y="1"/>
                    <a:pt x="38" y="0"/>
                    <a:pt x="38" y="0"/>
                  </a:cubicBezTo>
                  <a:cubicBezTo>
                    <a:pt x="38" y="0"/>
                    <a:pt x="17" y="0"/>
                    <a:pt x="11" y="0"/>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5" name="Freeform 152">
              <a:extLst>
                <a:ext uri="{FF2B5EF4-FFF2-40B4-BE49-F238E27FC236}">
                  <a16:creationId xmlns:a16="http://schemas.microsoft.com/office/drawing/2014/main" id="{9B9B60CC-8C6D-4DD5-BB28-C4C59148C42A}"/>
                </a:ext>
              </a:extLst>
            </p:cNvPr>
            <p:cNvSpPr>
              <a:spLocks noEditPoints="1"/>
            </p:cNvSpPr>
            <p:nvPr userDrawn="1"/>
          </p:nvSpPr>
          <p:spPr bwMode="auto">
            <a:xfrm>
              <a:off x="4993" y="4042"/>
              <a:ext cx="78" cy="66"/>
            </a:xfrm>
            <a:custGeom>
              <a:avLst/>
              <a:gdLst/>
              <a:ahLst/>
              <a:cxnLst>
                <a:cxn ang="0">
                  <a:pos x="28" y="10"/>
                </a:cxn>
                <a:cxn ang="0">
                  <a:pos x="28" y="12"/>
                </a:cxn>
                <a:cxn ang="0">
                  <a:pos x="17" y="20"/>
                </a:cxn>
                <a:cxn ang="0">
                  <a:pos x="15" y="20"/>
                </a:cxn>
                <a:cxn ang="0">
                  <a:pos x="20" y="5"/>
                </a:cxn>
                <a:cxn ang="0">
                  <a:pos x="25" y="5"/>
                </a:cxn>
                <a:cxn ang="0">
                  <a:pos x="28" y="10"/>
                </a:cxn>
                <a:cxn ang="0">
                  <a:pos x="37" y="2"/>
                </a:cxn>
                <a:cxn ang="0">
                  <a:pos x="27" y="0"/>
                </a:cxn>
                <a:cxn ang="0">
                  <a:pos x="10" y="0"/>
                </a:cxn>
                <a:cxn ang="0">
                  <a:pos x="0" y="34"/>
                </a:cxn>
                <a:cxn ang="0">
                  <a:pos x="11" y="34"/>
                </a:cxn>
                <a:cxn ang="0">
                  <a:pos x="14" y="24"/>
                </a:cxn>
                <a:cxn ang="0">
                  <a:pos x="20" y="24"/>
                </a:cxn>
                <a:cxn ang="0">
                  <a:pos x="39" y="12"/>
                </a:cxn>
                <a:cxn ang="0">
                  <a:pos x="37" y="2"/>
                </a:cxn>
              </a:cxnLst>
              <a:rect l="0" t="0" r="r" b="b"/>
              <a:pathLst>
                <a:path w="40" h="34">
                  <a:moveTo>
                    <a:pt x="28" y="10"/>
                  </a:moveTo>
                  <a:cubicBezTo>
                    <a:pt x="28" y="10"/>
                    <a:pt x="28" y="12"/>
                    <a:pt x="28" y="12"/>
                  </a:cubicBezTo>
                  <a:cubicBezTo>
                    <a:pt x="26" y="17"/>
                    <a:pt x="23" y="20"/>
                    <a:pt x="17" y="20"/>
                  </a:cubicBezTo>
                  <a:cubicBezTo>
                    <a:pt x="15" y="20"/>
                    <a:pt x="15" y="20"/>
                    <a:pt x="15" y="20"/>
                  </a:cubicBezTo>
                  <a:cubicBezTo>
                    <a:pt x="20" y="5"/>
                    <a:pt x="20" y="5"/>
                    <a:pt x="20" y="5"/>
                  </a:cubicBezTo>
                  <a:cubicBezTo>
                    <a:pt x="25" y="5"/>
                    <a:pt x="25" y="5"/>
                    <a:pt x="25" y="5"/>
                  </a:cubicBezTo>
                  <a:cubicBezTo>
                    <a:pt x="28" y="5"/>
                    <a:pt x="29" y="7"/>
                    <a:pt x="28" y="10"/>
                  </a:cubicBezTo>
                  <a:close/>
                  <a:moveTo>
                    <a:pt x="37" y="2"/>
                  </a:moveTo>
                  <a:cubicBezTo>
                    <a:pt x="35" y="0"/>
                    <a:pt x="32" y="0"/>
                    <a:pt x="27" y="0"/>
                  </a:cubicBezTo>
                  <a:cubicBezTo>
                    <a:pt x="10" y="0"/>
                    <a:pt x="10" y="0"/>
                    <a:pt x="10" y="0"/>
                  </a:cubicBezTo>
                  <a:cubicBezTo>
                    <a:pt x="0" y="34"/>
                    <a:pt x="0" y="34"/>
                    <a:pt x="0" y="34"/>
                  </a:cubicBezTo>
                  <a:cubicBezTo>
                    <a:pt x="0" y="34"/>
                    <a:pt x="6" y="34"/>
                    <a:pt x="11" y="34"/>
                  </a:cubicBezTo>
                  <a:cubicBezTo>
                    <a:pt x="12" y="30"/>
                    <a:pt x="14" y="24"/>
                    <a:pt x="14" y="24"/>
                  </a:cubicBezTo>
                  <a:cubicBezTo>
                    <a:pt x="15" y="24"/>
                    <a:pt x="20" y="24"/>
                    <a:pt x="20" y="24"/>
                  </a:cubicBezTo>
                  <a:cubicBezTo>
                    <a:pt x="30" y="24"/>
                    <a:pt x="36" y="20"/>
                    <a:pt x="39" y="12"/>
                  </a:cubicBezTo>
                  <a:cubicBezTo>
                    <a:pt x="40" y="8"/>
                    <a:pt x="40" y="4"/>
                    <a:pt x="37" y="2"/>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6" name="Freeform 153">
              <a:extLst>
                <a:ext uri="{FF2B5EF4-FFF2-40B4-BE49-F238E27FC236}">
                  <a16:creationId xmlns:a16="http://schemas.microsoft.com/office/drawing/2014/main" id="{557A98B0-F27A-4F55-8AF3-6CE12D4C8C70}"/>
                </a:ext>
              </a:extLst>
            </p:cNvPr>
            <p:cNvSpPr>
              <a:spLocks noEditPoints="1"/>
            </p:cNvSpPr>
            <p:nvPr userDrawn="1"/>
          </p:nvSpPr>
          <p:spPr bwMode="auto">
            <a:xfrm>
              <a:off x="4922" y="4042"/>
              <a:ext cx="77" cy="66"/>
            </a:xfrm>
            <a:custGeom>
              <a:avLst/>
              <a:gdLst/>
              <a:ahLst/>
              <a:cxnLst>
                <a:cxn ang="0">
                  <a:pos x="28" y="10"/>
                </a:cxn>
                <a:cxn ang="0">
                  <a:pos x="28" y="12"/>
                </a:cxn>
                <a:cxn ang="0">
                  <a:pos x="17" y="20"/>
                </a:cxn>
                <a:cxn ang="0">
                  <a:pos x="15" y="20"/>
                </a:cxn>
                <a:cxn ang="0">
                  <a:pos x="20" y="5"/>
                </a:cxn>
                <a:cxn ang="0">
                  <a:pos x="25" y="5"/>
                </a:cxn>
                <a:cxn ang="0">
                  <a:pos x="28" y="10"/>
                </a:cxn>
                <a:cxn ang="0">
                  <a:pos x="37" y="2"/>
                </a:cxn>
                <a:cxn ang="0">
                  <a:pos x="27" y="0"/>
                </a:cxn>
                <a:cxn ang="0">
                  <a:pos x="11" y="0"/>
                </a:cxn>
                <a:cxn ang="0">
                  <a:pos x="0" y="34"/>
                </a:cxn>
                <a:cxn ang="0">
                  <a:pos x="11" y="34"/>
                </a:cxn>
                <a:cxn ang="0">
                  <a:pos x="14" y="24"/>
                </a:cxn>
                <a:cxn ang="0">
                  <a:pos x="20" y="24"/>
                </a:cxn>
                <a:cxn ang="0">
                  <a:pos x="39" y="12"/>
                </a:cxn>
                <a:cxn ang="0">
                  <a:pos x="37" y="2"/>
                </a:cxn>
              </a:cxnLst>
              <a:rect l="0" t="0" r="r" b="b"/>
              <a:pathLst>
                <a:path w="40" h="34">
                  <a:moveTo>
                    <a:pt x="28" y="10"/>
                  </a:moveTo>
                  <a:cubicBezTo>
                    <a:pt x="28" y="10"/>
                    <a:pt x="28" y="12"/>
                    <a:pt x="28" y="12"/>
                  </a:cubicBezTo>
                  <a:cubicBezTo>
                    <a:pt x="26" y="17"/>
                    <a:pt x="24" y="20"/>
                    <a:pt x="17" y="20"/>
                  </a:cubicBezTo>
                  <a:cubicBezTo>
                    <a:pt x="15" y="20"/>
                    <a:pt x="15" y="20"/>
                    <a:pt x="15" y="20"/>
                  </a:cubicBezTo>
                  <a:cubicBezTo>
                    <a:pt x="20" y="5"/>
                    <a:pt x="20" y="5"/>
                    <a:pt x="20" y="5"/>
                  </a:cubicBezTo>
                  <a:cubicBezTo>
                    <a:pt x="25" y="5"/>
                    <a:pt x="25" y="5"/>
                    <a:pt x="25" y="5"/>
                  </a:cubicBezTo>
                  <a:cubicBezTo>
                    <a:pt x="28" y="5"/>
                    <a:pt x="29" y="7"/>
                    <a:pt x="28" y="10"/>
                  </a:cubicBezTo>
                  <a:close/>
                  <a:moveTo>
                    <a:pt x="37" y="2"/>
                  </a:moveTo>
                  <a:cubicBezTo>
                    <a:pt x="35" y="0"/>
                    <a:pt x="32" y="0"/>
                    <a:pt x="27" y="0"/>
                  </a:cubicBezTo>
                  <a:cubicBezTo>
                    <a:pt x="11" y="0"/>
                    <a:pt x="11" y="0"/>
                    <a:pt x="11" y="0"/>
                  </a:cubicBezTo>
                  <a:cubicBezTo>
                    <a:pt x="0" y="34"/>
                    <a:pt x="0" y="34"/>
                    <a:pt x="0" y="34"/>
                  </a:cubicBezTo>
                  <a:cubicBezTo>
                    <a:pt x="0" y="34"/>
                    <a:pt x="6" y="34"/>
                    <a:pt x="11" y="34"/>
                  </a:cubicBezTo>
                  <a:cubicBezTo>
                    <a:pt x="12" y="30"/>
                    <a:pt x="14" y="24"/>
                    <a:pt x="14" y="24"/>
                  </a:cubicBezTo>
                  <a:cubicBezTo>
                    <a:pt x="15" y="24"/>
                    <a:pt x="20" y="24"/>
                    <a:pt x="20" y="24"/>
                  </a:cubicBezTo>
                  <a:cubicBezTo>
                    <a:pt x="30" y="24"/>
                    <a:pt x="36" y="20"/>
                    <a:pt x="39" y="12"/>
                  </a:cubicBezTo>
                  <a:cubicBezTo>
                    <a:pt x="40" y="8"/>
                    <a:pt x="40" y="4"/>
                    <a:pt x="37" y="2"/>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sp>
          <p:nvSpPr>
            <p:cNvPr id="37" name="Freeform 154">
              <a:extLst>
                <a:ext uri="{FF2B5EF4-FFF2-40B4-BE49-F238E27FC236}">
                  <a16:creationId xmlns:a16="http://schemas.microsoft.com/office/drawing/2014/main" id="{55A12602-5B2C-402E-96AB-92A4C8CF25F8}"/>
                </a:ext>
              </a:extLst>
            </p:cNvPr>
            <p:cNvSpPr>
              <a:spLocks/>
            </p:cNvSpPr>
            <p:nvPr userDrawn="1"/>
          </p:nvSpPr>
          <p:spPr bwMode="auto">
            <a:xfrm>
              <a:off x="5289" y="4040"/>
              <a:ext cx="55" cy="33"/>
            </a:xfrm>
            <a:custGeom>
              <a:avLst/>
              <a:gdLst/>
              <a:ahLst/>
              <a:cxnLst>
                <a:cxn ang="0">
                  <a:pos x="21" y="0"/>
                </a:cxn>
                <a:cxn ang="0">
                  <a:pos x="11" y="5"/>
                </a:cxn>
                <a:cxn ang="0">
                  <a:pos x="0" y="17"/>
                </a:cxn>
                <a:cxn ang="0">
                  <a:pos x="5" y="17"/>
                </a:cxn>
                <a:cxn ang="0">
                  <a:pos x="22" y="7"/>
                </a:cxn>
                <a:cxn ang="0">
                  <a:pos x="28" y="0"/>
                </a:cxn>
                <a:cxn ang="0">
                  <a:pos x="21" y="0"/>
                </a:cxn>
              </a:cxnLst>
              <a:rect l="0" t="0" r="r" b="b"/>
              <a:pathLst>
                <a:path w="28" h="17">
                  <a:moveTo>
                    <a:pt x="21" y="0"/>
                  </a:moveTo>
                  <a:cubicBezTo>
                    <a:pt x="17" y="0"/>
                    <a:pt x="14" y="2"/>
                    <a:pt x="11" y="5"/>
                  </a:cubicBezTo>
                  <a:cubicBezTo>
                    <a:pt x="6" y="13"/>
                    <a:pt x="4" y="16"/>
                    <a:pt x="0" y="17"/>
                  </a:cubicBezTo>
                  <a:cubicBezTo>
                    <a:pt x="1" y="17"/>
                    <a:pt x="4" y="17"/>
                    <a:pt x="5" y="17"/>
                  </a:cubicBezTo>
                  <a:cubicBezTo>
                    <a:pt x="14" y="16"/>
                    <a:pt x="17" y="15"/>
                    <a:pt x="22" y="7"/>
                  </a:cubicBezTo>
                  <a:cubicBezTo>
                    <a:pt x="24" y="4"/>
                    <a:pt x="26" y="1"/>
                    <a:pt x="28" y="0"/>
                  </a:cubicBezTo>
                  <a:cubicBezTo>
                    <a:pt x="28" y="0"/>
                    <a:pt x="23" y="0"/>
                    <a:pt x="21" y="0"/>
                  </a:cubicBezTo>
                </a:path>
              </a:pathLst>
            </a:custGeom>
            <a:solidFill>
              <a:srgbClr val="FFFFFF"/>
            </a:solidFill>
            <a:ln w="9525">
              <a:noFill/>
              <a:round/>
              <a:headEnd/>
              <a:tailEnd/>
            </a:ln>
          </p:spPr>
          <p:txBody>
            <a:bodyPr/>
            <a:lstStyle/>
            <a:p>
              <a:pPr defTabSz="371446">
                <a:defRPr/>
              </a:pPr>
              <a:endParaRPr kumimoji="0" lang="ja-JP" altLang="en-US" sz="1463">
                <a:solidFill>
                  <a:srgbClr val="000000"/>
                </a:solidFill>
                <a:latin typeface="Myriad Pro" pitchFamily="34" charset="0"/>
              </a:endParaRPr>
            </a:p>
          </p:txBody>
        </p:sp>
      </p:grpSp>
      <p:sp>
        <p:nvSpPr>
          <p:cNvPr id="39" name="Rectangle 6">
            <a:extLst>
              <a:ext uri="{FF2B5EF4-FFF2-40B4-BE49-F238E27FC236}">
                <a16:creationId xmlns:a16="http://schemas.microsoft.com/office/drawing/2014/main" id="{0E8F5F9A-BFC6-4C83-9B0C-D7029CFC00D9}"/>
              </a:ext>
            </a:extLst>
          </p:cNvPr>
          <p:cNvSpPr>
            <a:spLocks noGrp="1" noChangeArrowheads="1"/>
          </p:cNvSpPr>
          <p:nvPr>
            <p:ph type="sldNum" sz="quarter" idx="4"/>
          </p:nvPr>
        </p:nvSpPr>
        <p:spPr bwMode="auto">
          <a:xfrm>
            <a:off x="7947032" y="6524625"/>
            <a:ext cx="873125" cy="279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975">
                <a:latin typeface="+mn-lt"/>
              </a:defRPr>
            </a:lvl1pPr>
          </a:lstStyle>
          <a:p>
            <a:fld id="{8C42D5D6-E460-48BF-97C0-501242A0426B}" type="slidenum">
              <a:rPr lang="en-US" altLang="ja-JP">
                <a:solidFill>
                  <a:srgbClr val="000000"/>
                </a:solidFill>
              </a:rPr>
              <a:pPr/>
              <a:t>‹#›</a:t>
            </a:fld>
            <a:endParaRPr lang="en-US" altLang="ja-JP" dirty="0">
              <a:solidFill>
                <a:srgbClr val="000000"/>
              </a:solidFill>
            </a:endParaRPr>
          </a:p>
        </p:txBody>
      </p:sp>
    </p:spTree>
    <p:extLst>
      <p:ext uri="{BB962C8B-B14F-4D97-AF65-F5344CB8AC3E}">
        <p14:creationId xmlns:p14="http://schemas.microsoft.com/office/powerpoint/2010/main" val="2494601999"/>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3_白紙２">
    <p:spTree>
      <p:nvGrpSpPr>
        <p:cNvPr id="1" name=""/>
        <p:cNvGrpSpPr/>
        <p:nvPr/>
      </p:nvGrpSpPr>
      <p:grpSpPr>
        <a:xfrm>
          <a:off x="0" y="0"/>
          <a:ext cx="0" cy="0"/>
          <a:chOff x="0" y="0"/>
          <a:chExt cx="0" cy="0"/>
        </a:xfrm>
      </p:grpSpPr>
      <p:sp>
        <p:nvSpPr>
          <p:cNvPr id="16" name="スライド番号プレースホルダー 5"/>
          <p:cNvSpPr>
            <a:spLocks noGrp="1"/>
          </p:cNvSpPr>
          <p:nvPr>
            <p:ph type="sldNum" sz="quarter" idx="12"/>
          </p:nvPr>
        </p:nvSpPr>
        <p:spPr>
          <a:xfrm>
            <a:off x="6276643" y="6581326"/>
            <a:ext cx="2743200" cy="253093"/>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17" name="テキスト ボックス 16"/>
          <p:cNvSpPr txBox="1"/>
          <p:nvPr userDrawn="1"/>
        </p:nvSpPr>
        <p:spPr>
          <a:xfrm>
            <a:off x="6661443" y="6642560"/>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17786057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パタン③">
    <p:spTree>
      <p:nvGrpSpPr>
        <p:cNvPr id="1" name=""/>
        <p:cNvGrpSpPr/>
        <p:nvPr/>
      </p:nvGrpSpPr>
      <p:grpSpPr>
        <a:xfrm>
          <a:off x="0" y="0"/>
          <a:ext cx="0" cy="0"/>
          <a:chOff x="0" y="0"/>
          <a:chExt cx="0" cy="0"/>
        </a:xfrm>
      </p:grpSpPr>
      <p:cxnSp>
        <p:nvCxnSpPr>
          <p:cNvPr id="12" name="直線コネクタ 11"/>
          <p:cNvCxnSpPr/>
          <p:nvPr userDrawn="1"/>
        </p:nvCxnSpPr>
        <p:spPr>
          <a:xfrm>
            <a:off x="257466" y="883281"/>
            <a:ext cx="866649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スライド番号プレースホルダー 5"/>
          <p:cNvSpPr>
            <a:spLocks noGrp="1"/>
          </p:cNvSpPr>
          <p:nvPr>
            <p:ph type="sldNum" sz="quarter" idx="12"/>
          </p:nvPr>
        </p:nvSpPr>
        <p:spPr>
          <a:xfrm>
            <a:off x="6989445" y="6498135"/>
            <a:ext cx="2057400" cy="365125"/>
          </a:xfrm>
          <a:prstGeom prst="rect">
            <a:avLst/>
          </a:prstGeom>
        </p:spPr>
        <p:txBody>
          <a:bodyPr/>
          <a:lstStyle>
            <a:lvl1pPr algn="r">
              <a:defRPr sz="854"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23" name="テキスト ボックス 22"/>
          <p:cNvSpPr txBox="1"/>
          <p:nvPr userDrawn="1"/>
        </p:nvSpPr>
        <p:spPr>
          <a:xfrm>
            <a:off x="7343751" y="6538914"/>
            <a:ext cx="1285929" cy="167418"/>
          </a:xfrm>
          <a:prstGeom prst="rect">
            <a:avLst/>
          </a:prstGeom>
          <a:noFill/>
        </p:spPr>
        <p:txBody>
          <a:bodyPr wrap="none" rtlCol="0">
            <a:spAutoFit/>
          </a:bodyPr>
          <a:lstStyle/>
          <a:p>
            <a:pPr defTabSz="371446"/>
            <a:r>
              <a:rPr lang="en-US" altLang="ja-JP" sz="488"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488"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488" dirty="0">
                <a:solidFill>
                  <a:prstClr val="white">
                    <a:lumMod val="50000"/>
                  </a:prstClr>
                </a:solidFill>
                <a:latin typeface="Times New Roman" panose="02020603050405020304" pitchFamily="18" charset="0"/>
                <a:cs typeface="Times New Roman" panose="02020603050405020304" pitchFamily="18" charset="0"/>
              </a:rPr>
              <a:t>©</a:t>
            </a:r>
            <a:r>
              <a:rPr lang="en-US" altLang="ja-JP" sz="488"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488" dirty="0">
                <a:solidFill>
                  <a:prstClr val="white">
                    <a:lumMod val="50000"/>
                  </a:prstClr>
                </a:solidFill>
                <a:latin typeface="Times New Roman" panose="02020603050405020304" pitchFamily="18" charset="0"/>
                <a:cs typeface="Times New Roman" panose="02020603050405020304" pitchFamily="18" charset="0"/>
              </a:rPr>
              <a:t> </a:t>
            </a:r>
            <a:r>
              <a:rPr lang="en-US" altLang="ja-JP" sz="488"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488" dirty="0">
              <a:solidFill>
                <a:prstClr val="white">
                  <a:lumMod val="50000"/>
                </a:prstClr>
              </a:solidFill>
              <a:latin typeface="Times New Roman" panose="02020603050405020304" pitchFamily="18" charset="0"/>
              <a:cs typeface="Times New Roman" panose="02020603050405020304" pitchFamily="18" charset="0"/>
            </a:endParaRPr>
          </a:p>
        </p:txBody>
      </p:sp>
      <p:pic>
        <p:nvPicPr>
          <p:cNvPr id="8" name="PCKKロゴ.png" descr="PCKKロゴ.png"/>
          <p:cNvPicPr>
            <a:picLocks noChangeAspect="1"/>
          </p:cNvPicPr>
          <p:nvPr userDrawn="1"/>
        </p:nvPicPr>
        <p:blipFill rotWithShape="1">
          <a:blip r:embed="rId2" cstate="print">
            <a:extLst>
              <a:ext uri="{28A0092B-C50C-407E-A947-70E740481C1C}">
                <a14:useLocalDpi xmlns:a14="http://schemas.microsoft.com/office/drawing/2010/main"/>
              </a:ext>
            </a:extLst>
          </a:blip>
          <a:srcRect/>
          <a:stretch/>
        </p:blipFill>
        <p:spPr>
          <a:xfrm>
            <a:off x="6731008" y="30983"/>
            <a:ext cx="2315845" cy="849552"/>
          </a:xfrm>
          <a:prstGeom prst="rect">
            <a:avLst/>
          </a:prstGeom>
          <a:ln w="12700">
            <a:miter lim="400000"/>
          </a:ln>
        </p:spPr>
      </p:pic>
    </p:spTree>
    <p:extLst>
      <p:ext uri="{BB962C8B-B14F-4D97-AF65-F5344CB8AC3E}">
        <p14:creationId xmlns:p14="http://schemas.microsoft.com/office/powerpoint/2010/main" val="687198329"/>
      </p:ext>
    </p:extLst>
  </p:cSld>
  <p:clrMapOvr>
    <a:masterClrMapping/>
  </p:clrMapOvr>
  <p:extLst>
    <p:ext uri="{DCECCB84-F9BA-43D5-87BE-67443E8EF086}">
      <p15:sldGuideLst xmlns:p15="http://schemas.microsoft.com/office/powerpoint/2012/main">
        <p15:guide id="1" pos="195" userDrawn="1">
          <p15:clr>
            <a:srgbClr val="FBAE40"/>
          </p15:clr>
        </p15:guide>
        <p15:guide id="2" orient="horz" pos="572" userDrawn="1">
          <p15:clr>
            <a:srgbClr val="FBAE40"/>
          </p15:clr>
        </p15:guide>
        <p15:guide id="3" orient="horz" pos="3975" userDrawn="1">
          <p15:clr>
            <a:srgbClr val="FBAE40"/>
          </p15:clr>
        </p15:guide>
        <p15:guide id="4" pos="6915" userDrawn="1">
          <p15:clr>
            <a:srgbClr val="FBAE40"/>
          </p15:clr>
        </p15:guide>
      </p15:sldGuideLst>
    </p:ext>
  </p:extLst>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白紙２(タイトルなし）">
    <p:spTree>
      <p:nvGrpSpPr>
        <p:cNvPr id="1" name=""/>
        <p:cNvGrpSpPr/>
        <p:nvPr/>
      </p:nvGrpSpPr>
      <p:grpSpPr>
        <a:xfrm>
          <a:off x="0" y="0"/>
          <a:ext cx="0" cy="0"/>
          <a:chOff x="0" y="0"/>
          <a:chExt cx="0" cy="0"/>
        </a:xfrm>
      </p:grpSpPr>
      <p:pic>
        <p:nvPicPr>
          <p:cNvPr id="12" name="図 11"/>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399871" y="194663"/>
            <a:ext cx="1052252" cy="1052252"/>
          </a:xfrm>
          <a:prstGeom prst="rect">
            <a:avLst/>
          </a:prstGeom>
        </p:spPr>
      </p:pic>
      <p:cxnSp>
        <p:nvCxnSpPr>
          <p:cNvPr id="8" name="直線コネクタ 7"/>
          <p:cNvCxnSpPr/>
          <p:nvPr userDrawn="1"/>
        </p:nvCxnSpPr>
        <p:spPr>
          <a:xfrm>
            <a:off x="1468024" y="1047403"/>
            <a:ext cx="7344000"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スライド番号プレースホルダー 5"/>
          <p:cNvSpPr>
            <a:spLocks noGrp="1"/>
          </p:cNvSpPr>
          <p:nvPr>
            <p:ph type="sldNum" sz="quarter" idx="12"/>
          </p:nvPr>
        </p:nvSpPr>
        <p:spPr>
          <a:xfrm>
            <a:off x="6276640" y="6531807"/>
            <a:ext cx="2743200" cy="253093"/>
          </a:xfrm>
          <a:prstGeom prst="rect">
            <a:avLst/>
          </a:prstGeom>
        </p:spPr>
        <p:txBody>
          <a:bodyPr/>
          <a:lstStyle>
            <a:lvl1pPr algn="r">
              <a:defRPr sz="1138"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10" name="テキスト ボックス 9"/>
          <p:cNvSpPr txBox="1"/>
          <p:nvPr userDrawn="1"/>
        </p:nvSpPr>
        <p:spPr>
          <a:xfrm>
            <a:off x="6661442" y="6595907"/>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409342745"/>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obj" preserve="1">
  <p:cSld name="6_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a:xfrm>
            <a:off x="457200" y="6356360"/>
            <a:ext cx="2133600" cy="365125"/>
          </a:xfrm>
          <a:prstGeom prst="rect">
            <a:avLst/>
          </a:prstGeom>
        </p:spPr>
        <p:txBody>
          <a:bodyPr/>
          <a:lstStyle/>
          <a:p>
            <a:pPr defTabSz="371446"/>
            <a:fld id="{2E948DDF-66EE-4523-82A9-646A60ECF18E}" type="datetime1">
              <a:rPr lang="ja-JP" altLang="en-US" smtClean="0">
                <a:solidFill>
                  <a:prstClr val="black"/>
                </a:solidFill>
              </a:rPr>
              <a:t>2024/8/19</a:t>
            </a:fld>
            <a:endParaRPr lang="ja-JP" altLang="en-US">
              <a:solidFill>
                <a:prstClr val="black"/>
              </a:solidFill>
            </a:endParaRPr>
          </a:p>
        </p:txBody>
      </p:sp>
      <p:sp>
        <p:nvSpPr>
          <p:cNvPr id="5" name="フッター プレースホルダー 4"/>
          <p:cNvSpPr>
            <a:spLocks noGrp="1"/>
          </p:cNvSpPr>
          <p:nvPr>
            <p:ph type="ftr" sz="quarter" idx="11"/>
          </p:nvPr>
        </p:nvSpPr>
        <p:spPr>
          <a:xfrm>
            <a:off x="3124200" y="6356360"/>
            <a:ext cx="2895600" cy="365125"/>
          </a:xfrm>
          <a:prstGeom prst="rect">
            <a:avLst/>
          </a:prstGeom>
        </p:spPr>
        <p:txBody>
          <a:bodyPr/>
          <a:lstStyle/>
          <a:p>
            <a:pPr defTabSz="371446"/>
            <a:endParaRPr lang="ja-JP" altLang="en-US">
              <a:solidFill>
                <a:prstClr val="black"/>
              </a:solidFill>
            </a:endParaRPr>
          </a:p>
        </p:txBody>
      </p:sp>
      <p:sp>
        <p:nvSpPr>
          <p:cNvPr id="6" name="スライド番号プレースホルダー 5"/>
          <p:cNvSpPr>
            <a:spLocks noGrp="1"/>
          </p:cNvSpPr>
          <p:nvPr>
            <p:ph type="sldNum" sz="quarter" idx="12"/>
          </p:nvPr>
        </p:nvSpPr>
        <p:spPr>
          <a:xfrm>
            <a:off x="6553200" y="6356360"/>
            <a:ext cx="2133600" cy="365125"/>
          </a:xfrm>
          <a:prstGeom prst="rect">
            <a:avLst/>
          </a:prstGeom>
        </p:spPr>
        <p:txBody>
          <a:bodyPr/>
          <a:lstStyle/>
          <a:p>
            <a:pPr defTabSz="371446"/>
            <a:fld id="{D2D8002D-B5B0-4BAC-B1F6-782DDCCE6D9C}" type="slidenum">
              <a:rPr lang="ja-JP" altLang="en-US" smtClean="0">
                <a:solidFill>
                  <a:prstClr val="black"/>
                </a:solidFill>
              </a:rPr>
              <a:pPr defTabSz="371446"/>
              <a:t>‹#›</a:t>
            </a:fld>
            <a:endParaRPr lang="ja-JP" altLang="en-US">
              <a:solidFill>
                <a:prstClr val="black"/>
              </a:solidFill>
            </a:endParaRPr>
          </a:p>
        </p:txBody>
      </p:sp>
    </p:spTree>
    <p:extLst>
      <p:ext uri="{BB962C8B-B14F-4D97-AF65-F5344CB8AC3E}">
        <p14:creationId xmlns:p14="http://schemas.microsoft.com/office/powerpoint/2010/main" val="12505393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17_タイトルとコンテンツ">
    <p:spTree>
      <p:nvGrpSpPr>
        <p:cNvPr id="1" name=""/>
        <p:cNvGrpSpPr/>
        <p:nvPr/>
      </p:nvGrpSpPr>
      <p:grpSpPr>
        <a:xfrm>
          <a:off x="0" y="0"/>
          <a:ext cx="0" cy="0"/>
          <a:chOff x="0" y="0"/>
          <a:chExt cx="0" cy="0"/>
        </a:xfrm>
      </p:grpSpPr>
      <p:sp>
        <p:nvSpPr>
          <p:cNvPr id="4" name="日付プレースホルダ 3"/>
          <p:cNvSpPr>
            <a:spLocks noGrp="1"/>
          </p:cNvSpPr>
          <p:nvPr>
            <p:ph type="dt" sz="half" idx="10"/>
          </p:nvPr>
        </p:nvSpPr>
        <p:spPr>
          <a:xfrm>
            <a:off x="457200" y="6356360"/>
            <a:ext cx="2133600" cy="365125"/>
          </a:xfrm>
          <a:prstGeom prst="rect">
            <a:avLst/>
          </a:prstGeom>
        </p:spPr>
        <p:txBody>
          <a:bodyPr/>
          <a:lstStyle/>
          <a:p>
            <a:pPr defTabSz="371446"/>
            <a:fld id="{1A05B2CB-E38D-4DC2-92FC-1957F6798B28}" type="datetime1">
              <a:rPr lang="ja-JP" altLang="en-US" smtClean="0">
                <a:solidFill>
                  <a:prstClr val="black"/>
                </a:solidFill>
              </a:rPr>
              <a:t>2024/8/19</a:t>
            </a:fld>
            <a:endParaRPr lang="ja-JP" altLang="en-US">
              <a:solidFill>
                <a:prstClr val="black"/>
              </a:solidFill>
            </a:endParaRPr>
          </a:p>
        </p:txBody>
      </p:sp>
      <p:sp>
        <p:nvSpPr>
          <p:cNvPr id="5" name="フッター プレースホルダ 4"/>
          <p:cNvSpPr>
            <a:spLocks noGrp="1"/>
          </p:cNvSpPr>
          <p:nvPr>
            <p:ph type="ftr" sz="quarter" idx="11"/>
          </p:nvPr>
        </p:nvSpPr>
        <p:spPr>
          <a:xfrm>
            <a:off x="3124200" y="6356360"/>
            <a:ext cx="2895600" cy="365125"/>
          </a:xfrm>
          <a:prstGeom prst="rect">
            <a:avLst/>
          </a:prstGeom>
        </p:spPr>
        <p:txBody>
          <a:bodyPr/>
          <a:lstStyle/>
          <a:p>
            <a:pPr defTabSz="371446"/>
            <a:endParaRPr lang="ja-JP" altLang="en-US">
              <a:solidFill>
                <a:prstClr val="black"/>
              </a:solidFill>
            </a:endParaRPr>
          </a:p>
        </p:txBody>
      </p:sp>
      <p:sp>
        <p:nvSpPr>
          <p:cNvPr id="6" name="スライド番号プレースホルダ 5"/>
          <p:cNvSpPr>
            <a:spLocks noGrp="1"/>
          </p:cNvSpPr>
          <p:nvPr>
            <p:ph type="sldNum" sz="quarter" idx="12"/>
          </p:nvPr>
        </p:nvSpPr>
        <p:spPr>
          <a:xfrm>
            <a:off x="8604448" y="183564"/>
            <a:ext cx="442392" cy="365125"/>
          </a:xfrm>
          <a:prstGeom prst="rect">
            <a:avLst/>
          </a:prstGeom>
          <a:ln w="22225">
            <a:solidFill>
              <a:schemeClr val="tx1"/>
            </a:solidFill>
          </a:ln>
        </p:spPr>
        <p:txBody>
          <a:bodyPr/>
          <a:lstStyle>
            <a:lvl1pPr algn="ctr">
              <a:defRPr sz="1300">
                <a:solidFill>
                  <a:schemeClr val="tx1"/>
                </a:solidFill>
                <a:latin typeface="HGP創英角ｺﾞｼｯｸUB" panose="020B0900000000000000" pitchFamily="50" charset="-128"/>
                <a:ea typeface="HGP創英角ｺﾞｼｯｸUB" panose="020B0900000000000000" pitchFamily="50" charset="-128"/>
              </a:defRPr>
            </a:lvl1pPr>
          </a:lstStyle>
          <a:p>
            <a:pPr defTabSz="371446"/>
            <a:fld id="{77A688F9-1B82-4AE7-B40A-7C3106EBD933}" type="slidenum">
              <a:rPr kumimoji="0" lang="ja-JP" altLang="en-US" smtClean="0">
                <a:solidFill>
                  <a:prstClr val="black"/>
                </a:solidFill>
              </a:rPr>
              <a:pPr defTabSz="371446"/>
              <a:t>‹#›</a:t>
            </a:fld>
            <a:endParaRPr kumimoji="0" lang="ja-JP" altLang="en-US" dirty="0">
              <a:solidFill>
                <a:prstClr val="black"/>
              </a:solidFill>
            </a:endParaRPr>
          </a:p>
        </p:txBody>
      </p:sp>
      <p:sp>
        <p:nvSpPr>
          <p:cNvPr id="7" name="正方形/長方形 6"/>
          <p:cNvSpPr/>
          <p:nvPr userDrawn="1"/>
        </p:nvSpPr>
        <p:spPr>
          <a:xfrm>
            <a:off x="0" y="756810"/>
            <a:ext cx="9144000" cy="79919"/>
          </a:xfrm>
          <a:prstGeom prst="rect">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371446"/>
            <a:endParaRPr lang="ja-JP" altLang="en-US" sz="1463">
              <a:solidFill>
                <a:prstClr val="white"/>
              </a:solidFill>
            </a:endParaRPr>
          </a:p>
        </p:txBody>
      </p:sp>
    </p:spTree>
    <p:extLst>
      <p:ext uri="{BB962C8B-B14F-4D97-AF65-F5344CB8AC3E}">
        <p14:creationId xmlns:p14="http://schemas.microsoft.com/office/powerpoint/2010/main" val="3296825963"/>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objOnly" preserve="1">
  <p:cSld name="コンテンツ">
    <p:spTree>
      <p:nvGrpSpPr>
        <p:cNvPr id="1" name=""/>
        <p:cNvGrpSpPr/>
        <p:nvPr/>
      </p:nvGrpSpPr>
      <p:grpSpPr>
        <a:xfrm>
          <a:off x="0" y="0"/>
          <a:ext cx="0" cy="0"/>
          <a:chOff x="0" y="0"/>
          <a:chExt cx="0" cy="0"/>
        </a:xfrm>
      </p:grpSpPr>
      <p:sp>
        <p:nvSpPr>
          <p:cNvPr id="2" name="コンテンツ プレースホルダー 1"/>
          <p:cNvSpPr>
            <a:spLocks noGrp="1"/>
          </p:cNvSpPr>
          <p:nvPr>
            <p:ph/>
          </p:nvPr>
        </p:nvSpPr>
        <p:spPr>
          <a:xfrm>
            <a:off x="395294" y="11"/>
            <a:ext cx="8548688" cy="6130925"/>
          </a:xfrm>
          <a:prstGeom prst="rect">
            <a:avLst/>
          </a:prstGeo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3" name="スライド番号プレースホルダー 2"/>
          <p:cNvSpPr>
            <a:spLocks noGrp="1"/>
          </p:cNvSpPr>
          <p:nvPr>
            <p:ph type="sldNum" sz="quarter" idx="10"/>
          </p:nvPr>
        </p:nvSpPr>
        <p:spPr>
          <a:xfrm>
            <a:off x="7238611" y="6400225"/>
            <a:ext cx="1905397" cy="457776"/>
          </a:xfrm>
          <a:prstGeom prst="rect">
            <a:avLst/>
          </a:prstGeom>
        </p:spPr>
        <p:txBody>
          <a:bodyPr/>
          <a:lstStyle>
            <a:lvl1pPr algn="r">
              <a:defRPr/>
            </a:lvl1pPr>
          </a:lstStyle>
          <a:p>
            <a:pPr defTabSz="252620">
              <a:defRPr/>
            </a:pPr>
            <a:fld id="{462B84E2-ED3E-412E-B327-94839C6D7E43}" type="slidenum">
              <a:rPr kumimoji="0" lang="en-US" altLang="ja-JP" smtClean="0">
                <a:solidFill>
                  <a:prstClr val="black"/>
                </a:solidFill>
              </a:rPr>
              <a:pPr defTabSz="252620">
                <a:defRPr/>
              </a:pPr>
              <a:t>‹#›</a:t>
            </a:fld>
            <a:endParaRPr kumimoji="0" lang="en-US" altLang="ja-JP" dirty="0">
              <a:solidFill>
                <a:prstClr val="black"/>
              </a:solidFill>
            </a:endParaRPr>
          </a:p>
        </p:txBody>
      </p:sp>
    </p:spTree>
    <p:extLst>
      <p:ext uri="{BB962C8B-B14F-4D97-AF65-F5344CB8AC3E}">
        <p14:creationId xmlns:p14="http://schemas.microsoft.com/office/powerpoint/2010/main" val="3394546998"/>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パタン②">
    <p:spTree>
      <p:nvGrpSpPr>
        <p:cNvPr id="1" name=""/>
        <p:cNvGrpSpPr/>
        <p:nvPr/>
      </p:nvGrpSpPr>
      <p:grpSpPr>
        <a:xfrm>
          <a:off x="0" y="0"/>
          <a:ext cx="0" cy="0"/>
          <a:chOff x="0" y="0"/>
          <a:chExt cx="0" cy="0"/>
        </a:xfrm>
      </p:grpSpPr>
      <p:pic>
        <p:nvPicPr>
          <p:cNvPr id="19" name="図 18"/>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431800" y="200871"/>
            <a:ext cx="1148504" cy="1148504"/>
          </a:xfrm>
          <a:prstGeom prst="rect">
            <a:avLst/>
          </a:prstGeom>
        </p:spPr>
      </p:pic>
      <p:sp>
        <p:nvSpPr>
          <p:cNvPr id="15" name="テキスト プレースホルダー 11"/>
          <p:cNvSpPr>
            <a:spLocks noGrp="1"/>
          </p:cNvSpPr>
          <p:nvPr>
            <p:ph type="body" sz="quarter" idx="13" hasCustomPrompt="1"/>
          </p:nvPr>
        </p:nvSpPr>
        <p:spPr>
          <a:xfrm>
            <a:off x="1620411" y="941249"/>
            <a:ext cx="7092000" cy="360000"/>
          </a:xfrm>
          <a:prstGeom prst="rect">
            <a:avLst/>
          </a:prstGeom>
        </p:spPr>
        <p:txBody>
          <a:bodyPr anchor="ctr">
            <a:normAutofit/>
          </a:bodyPr>
          <a:lstStyle>
            <a:lvl1pPr marL="0" indent="0" algn="l">
              <a:buNone/>
              <a:defRPr sz="1138">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ートタイトル</a:t>
            </a:r>
          </a:p>
        </p:txBody>
      </p:sp>
      <p:sp>
        <p:nvSpPr>
          <p:cNvPr id="17" name="テキスト プレースホルダー 11"/>
          <p:cNvSpPr>
            <a:spLocks noGrp="1"/>
          </p:cNvSpPr>
          <p:nvPr>
            <p:ph type="body" sz="quarter" idx="16" hasCustomPrompt="1"/>
          </p:nvPr>
        </p:nvSpPr>
        <p:spPr>
          <a:xfrm>
            <a:off x="1620411" y="374125"/>
            <a:ext cx="7092000" cy="432000"/>
          </a:xfrm>
          <a:prstGeom prst="rect">
            <a:avLst/>
          </a:prstGeom>
        </p:spPr>
        <p:txBody>
          <a:bodyPr anchor="ctr">
            <a:normAutofit/>
          </a:bodyPr>
          <a:lstStyle>
            <a:lvl1pPr marL="0" indent="0" algn="l">
              <a:buNone/>
              <a:defRPr sz="1950" b="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cxnSp>
        <p:nvCxnSpPr>
          <p:cNvPr id="20" name="直線コネクタ 19"/>
          <p:cNvCxnSpPr/>
          <p:nvPr userDrawn="1"/>
        </p:nvCxnSpPr>
        <p:spPr>
          <a:xfrm>
            <a:off x="1620417" y="883281"/>
            <a:ext cx="708789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スライド番号プレースホルダー 5"/>
          <p:cNvSpPr>
            <a:spLocks noGrp="1"/>
          </p:cNvSpPr>
          <p:nvPr>
            <p:ph type="sldNum" sz="quarter" idx="12"/>
          </p:nvPr>
        </p:nvSpPr>
        <p:spPr>
          <a:xfrm>
            <a:off x="6068829" y="6322056"/>
            <a:ext cx="2643376" cy="365125"/>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26" name="テキスト ボックス 25"/>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
        <p:nvSpPr>
          <p:cNvPr id="27" name="テキスト プレースホルダー 11"/>
          <p:cNvSpPr>
            <a:spLocks noGrp="1"/>
          </p:cNvSpPr>
          <p:nvPr>
            <p:ph type="body" sz="quarter" idx="17" hasCustomPrompt="1"/>
          </p:nvPr>
        </p:nvSpPr>
        <p:spPr>
          <a:xfrm>
            <a:off x="431800" y="6322047"/>
            <a:ext cx="5400000" cy="360000"/>
          </a:xfrm>
          <a:prstGeom prst="rect">
            <a:avLst/>
          </a:prstGeom>
        </p:spPr>
        <p:txBody>
          <a:bodyPr anchor="ctr">
            <a:normAutofit/>
          </a:bodyPr>
          <a:lstStyle>
            <a:lvl1pPr marL="0" indent="0" algn="l">
              <a:buNone/>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プタータイトル</a:t>
            </a:r>
          </a:p>
        </p:txBody>
      </p:sp>
    </p:spTree>
    <p:extLst>
      <p:ext uri="{BB962C8B-B14F-4D97-AF65-F5344CB8AC3E}">
        <p14:creationId xmlns:p14="http://schemas.microsoft.com/office/powerpoint/2010/main" val="2655488860"/>
      </p:ext>
    </p:extLst>
  </p:cSld>
  <p:clrMapOvr>
    <a:masterClrMapping/>
  </p:clrMapOvr>
  <p:extLst>
    <p:ext uri="{DCECCB84-F9BA-43D5-87BE-67443E8EF086}">
      <p15:sldGuideLst xmlns:p15="http://schemas.microsoft.com/office/powerpoint/2012/main">
        <p15:guide id="1" pos="251" userDrawn="1">
          <p15:clr>
            <a:srgbClr val="FBAE40"/>
          </p15:clr>
        </p15:guide>
        <p15:guide id="2" pos="5067" userDrawn="1">
          <p15:clr>
            <a:srgbClr val="FBAE40"/>
          </p15:clr>
        </p15:guide>
        <p15:guide id="3" orient="horz" pos="3975" userDrawn="1">
          <p15:clr>
            <a:srgbClr val="FBAE40"/>
          </p15:clr>
        </p15:guide>
        <p15:guide id="4" orient="horz" pos="845" userDrawn="1">
          <p15:clr>
            <a:srgbClr val="FBAE40"/>
          </p15:clr>
        </p15:guide>
        <p15:guide id="5" orient="horz" pos="572" userDrawn="1">
          <p15:clr>
            <a:srgbClr val="FBAE40"/>
          </p15:clr>
        </p15:guide>
        <p15:guide id="6" orient="horz" pos="119" userDrawn="1">
          <p15:clr>
            <a:srgbClr val="FBAE40"/>
          </p15:clr>
        </p15:guide>
      </p15:sldGuideLst>
    </p:ext>
  </p:extLst>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パタン⑤">
    <p:spTree>
      <p:nvGrpSpPr>
        <p:cNvPr id="1" name=""/>
        <p:cNvGrpSpPr/>
        <p:nvPr/>
      </p:nvGrpSpPr>
      <p:grpSpPr>
        <a:xfrm>
          <a:off x="0" y="0"/>
          <a:ext cx="0" cy="0"/>
          <a:chOff x="0" y="0"/>
          <a:chExt cx="0" cy="0"/>
        </a:xfrm>
      </p:grpSpPr>
      <p:pic>
        <p:nvPicPr>
          <p:cNvPr id="19" name="図 18"/>
          <p:cNvPicPr>
            <a:picLocks noChangeAspect="1"/>
          </p:cNvPicPr>
          <p:nvPr userDrawn="1"/>
        </p:nvPicPr>
        <p:blipFill>
          <a:blip r:embed="rId2">
            <a:extLst>
              <a:ext uri="{28A0092B-C50C-407E-A947-70E740481C1C}">
                <a14:useLocalDpi xmlns:a14="http://schemas.microsoft.com/office/drawing/2010/main"/>
              </a:ext>
            </a:extLst>
          </a:blip>
          <a:stretch>
            <a:fillRect/>
          </a:stretch>
        </p:blipFill>
        <p:spPr>
          <a:xfrm>
            <a:off x="431800" y="200871"/>
            <a:ext cx="1148504" cy="1148504"/>
          </a:xfrm>
          <a:prstGeom prst="rect">
            <a:avLst/>
          </a:prstGeom>
        </p:spPr>
      </p:pic>
      <p:sp>
        <p:nvSpPr>
          <p:cNvPr id="15" name="テキスト プレースホルダー 11"/>
          <p:cNvSpPr>
            <a:spLocks noGrp="1"/>
          </p:cNvSpPr>
          <p:nvPr>
            <p:ph type="body" sz="quarter" idx="13" hasCustomPrompt="1"/>
          </p:nvPr>
        </p:nvSpPr>
        <p:spPr>
          <a:xfrm>
            <a:off x="1620411" y="941249"/>
            <a:ext cx="7092000" cy="360000"/>
          </a:xfrm>
          <a:prstGeom prst="rect">
            <a:avLst/>
          </a:prstGeom>
        </p:spPr>
        <p:txBody>
          <a:bodyPr anchor="ctr">
            <a:normAutofit/>
          </a:bodyPr>
          <a:lstStyle>
            <a:lvl1pPr marL="0" indent="0" algn="l">
              <a:buNone/>
              <a:defRPr sz="1138">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ートタイトル</a:t>
            </a:r>
          </a:p>
        </p:txBody>
      </p:sp>
      <p:sp>
        <p:nvSpPr>
          <p:cNvPr id="17" name="テキスト プレースホルダー 11"/>
          <p:cNvSpPr>
            <a:spLocks noGrp="1"/>
          </p:cNvSpPr>
          <p:nvPr>
            <p:ph type="body" sz="quarter" idx="16" hasCustomPrompt="1"/>
          </p:nvPr>
        </p:nvSpPr>
        <p:spPr>
          <a:xfrm>
            <a:off x="1620411" y="374125"/>
            <a:ext cx="7092000" cy="432000"/>
          </a:xfrm>
          <a:prstGeom prst="rect">
            <a:avLst/>
          </a:prstGeom>
        </p:spPr>
        <p:txBody>
          <a:bodyPr anchor="ctr">
            <a:normAutofit/>
          </a:bodyPr>
          <a:lstStyle>
            <a:lvl1pPr marL="0" indent="0" algn="l">
              <a:buNone/>
              <a:defRPr sz="1950" b="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メッセージ</a:t>
            </a:r>
          </a:p>
        </p:txBody>
      </p:sp>
      <p:cxnSp>
        <p:nvCxnSpPr>
          <p:cNvPr id="20" name="直線コネクタ 19"/>
          <p:cNvCxnSpPr/>
          <p:nvPr userDrawn="1"/>
        </p:nvCxnSpPr>
        <p:spPr>
          <a:xfrm>
            <a:off x="1620417" y="883281"/>
            <a:ext cx="7087895" cy="0"/>
          </a:xfrm>
          <a:prstGeom prst="line">
            <a:avLst/>
          </a:prstGeom>
          <a:ln w="9525">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スライド番号プレースホルダー 5"/>
          <p:cNvSpPr>
            <a:spLocks noGrp="1"/>
          </p:cNvSpPr>
          <p:nvPr>
            <p:ph type="sldNum" sz="quarter" idx="12"/>
          </p:nvPr>
        </p:nvSpPr>
        <p:spPr>
          <a:xfrm>
            <a:off x="6068829" y="6322056"/>
            <a:ext cx="2643376" cy="365125"/>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26" name="テキスト ボックス 25"/>
          <p:cNvSpPr txBox="1"/>
          <p:nvPr userDrawn="1"/>
        </p:nvSpPr>
        <p:spPr>
          <a:xfrm>
            <a:off x="6838414" y="6538916"/>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
        <p:nvSpPr>
          <p:cNvPr id="27" name="テキスト プレースホルダー 11"/>
          <p:cNvSpPr>
            <a:spLocks noGrp="1"/>
          </p:cNvSpPr>
          <p:nvPr>
            <p:ph type="body" sz="quarter" idx="17" hasCustomPrompt="1"/>
          </p:nvPr>
        </p:nvSpPr>
        <p:spPr>
          <a:xfrm>
            <a:off x="431800" y="6322047"/>
            <a:ext cx="5400000" cy="360000"/>
          </a:xfrm>
          <a:prstGeom prst="rect">
            <a:avLst/>
          </a:prstGeom>
        </p:spPr>
        <p:txBody>
          <a:bodyPr anchor="ctr">
            <a:normAutofit/>
          </a:bodyPr>
          <a:lstStyle>
            <a:lvl1pPr marL="0" indent="0" algn="l">
              <a:buNone/>
              <a:defRPr sz="731">
                <a:latin typeface="メイリオ" panose="020B0604030504040204" pitchFamily="50" charset="-128"/>
                <a:ea typeface="メイリオ" panose="020B0604030504040204" pitchFamily="50" charset="-128"/>
                <a:cs typeface="メイリオ" panose="020B0604030504040204" pitchFamily="50" charset="-128"/>
              </a:defRPr>
            </a:lvl1pPr>
          </a:lstStyle>
          <a:p>
            <a:pPr lvl="0"/>
            <a:r>
              <a:rPr kumimoji="1" lang="ja-JP" altLang="en-US" dirty="0"/>
              <a:t>チャプタータイトル</a:t>
            </a:r>
          </a:p>
        </p:txBody>
      </p:sp>
      <p:sp>
        <p:nvSpPr>
          <p:cNvPr id="12" name="縦書きテキスト プレースホルダー 2"/>
          <p:cNvSpPr>
            <a:spLocks noGrp="1"/>
          </p:cNvSpPr>
          <p:nvPr>
            <p:ph type="body" orient="vert" idx="18"/>
          </p:nvPr>
        </p:nvSpPr>
        <p:spPr>
          <a:xfrm>
            <a:off x="431805" y="1374680"/>
            <a:ext cx="8280400" cy="4896000"/>
          </a:xfrm>
          <a:prstGeom prst="rect">
            <a:avLst/>
          </a:prstGeom>
        </p:spPr>
        <p:txBody>
          <a:bodyPr vert="horz">
            <a:normAutofit/>
          </a:bodyPr>
          <a:lstStyle>
            <a:lvl1pPr marL="139292" indent="-139292" algn="l">
              <a:buFont typeface="Wingdings" panose="05000000000000000000" pitchFamily="2" charset="2"/>
              <a:buChar char="n"/>
              <a:defRPr sz="1300">
                <a:latin typeface="メイリオ" panose="020B0604030504040204" pitchFamily="50" charset="-128"/>
                <a:ea typeface="メイリオ" panose="020B0604030504040204" pitchFamily="50" charset="-128"/>
                <a:cs typeface="メイリオ" panose="020B0604030504040204" pitchFamily="50" charset="-128"/>
              </a:defRPr>
            </a:lvl1pPr>
            <a:lvl2pPr marL="417875" indent="-139292" algn="l">
              <a:buFont typeface="Wingdings" panose="05000000000000000000" pitchFamily="2" charset="2"/>
              <a:buChar char=""/>
              <a:defRPr sz="1300">
                <a:latin typeface="メイリオ" panose="020B0604030504040204" pitchFamily="50" charset="-128"/>
                <a:ea typeface="メイリオ" panose="020B0604030504040204" pitchFamily="50" charset="-128"/>
                <a:cs typeface="メイリオ" panose="020B0604030504040204" pitchFamily="50" charset="-128"/>
              </a:defRPr>
            </a:lvl2pPr>
            <a:lvl3pPr marL="696459" indent="-139292" algn="l">
              <a:buFont typeface="小塚ゴシック Pro L" panose="020B0200000000000000" pitchFamily="34" charset="-128"/>
              <a:buChar char="→"/>
              <a:defRPr sz="1300">
                <a:latin typeface="メイリオ" panose="020B0604030504040204" pitchFamily="50" charset="-128"/>
                <a:ea typeface="メイリオ" panose="020B0604030504040204" pitchFamily="50" charset="-128"/>
                <a:cs typeface="メイリオ" panose="020B0604030504040204" pitchFamily="50" charset="-128"/>
              </a:defRPr>
            </a:lvl3pPr>
            <a:lvl4pPr marL="975043" indent="-139292" algn="l">
              <a:buFont typeface="小塚ゴシック Pro L" panose="020B0200000000000000" pitchFamily="34" charset="-128"/>
              <a:buChar char="▷"/>
              <a:defRPr sz="1300">
                <a:latin typeface="メイリオ" panose="020B0604030504040204" pitchFamily="50" charset="-128"/>
                <a:ea typeface="メイリオ" panose="020B0604030504040204" pitchFamily="50" charset="-128"/>
                <a:cs typeface="メイリオ" panose="020B0604030504040204" pitchFamily="50" charset="-128"/>
              </a:defRPr>
            </a:lvl4pPr>
            <a:lvl5pPr marL="1253627" indent="-139292" algn="l">
              <a:buFont typeface="Wingdings" panose="05000000000000000000" pitchFamily="2" charset="2"/>
              <a:buChar char=""/>
              <a:defRPr>
                <a:latin typeface="メイリオ" panose="020B0604030504040204" pitchFamily="50" charset="-128"/>
                <a:ea typeface="メイリオ" panose="020B0604030504040204" pitchFamily="50" charset="-128"/>
                <a:cs typeface="メイリオ" panose="020B0604030504040204" pitchFamily="50" charset="-128"/>
              </a:defRPr>
            </a:lvl5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p:txBody>
      </p:sp>
    </p:spTree>
    <p:extLst>
      <p:ext uri="{BB962C8B-B14F-4D97-AF65-F5344CB8AC3E}">
        <p14:creationId xmlns:p14="http://schemas.microsoft.com/office/powerpoint/2010/main" val="1403742782"/>
      </p:ext>
    </p:extLst>
  </p:cSld>
  <p:clrMapOvr>
    <a:masterClrMapping/>
  </p:clrMapOvr>
  <p:extLst>
    <p:ext uri="{DCECCB84-F9BA-43D5-87BE-67443E8EF086}">
      <p15:sldGuideLst xmlns:p15="http://schemas.microsoft.com/office/powerpoint/2012/main">
        <p15:guide id="1" pos="251" userDrawn="1">
          <p15:clr>
            <a:srgbClr val="FBAE40"/>
          </p15:clr>
        </p15:guide>
        <p15:guide id="2" pos="5067" userDrawn="1">
          <p15:clr>
            <a:srgbClr val="FBAE40"/>
          </p15:clr>
        </p15:guide>
        <p15:guide id="3" orient="horz" pos="3975" userDrawn="1">
          <p15:clr>
            <a:srgbClr val="FBAE40"/>
          </p15:clr>
        </p15:guide>
        <p15:guide id="4" orient="horz" pos="845" userDrawn="1">
          <p15:clr>
            <a:srgbClr val="FBAE40"/>
          </p15:clr>
        </p15:guide>
        <p15:guide id="5" orient="horz" pos="572" userDrawn="1">
          <p15:clr>
            <a:srgbClr val="FBAE40"/>
          </p15:clr>
        </p15:guide>
        <p15:guide id="6" orient="horz" pos="119" userDrawn="1">
          <p15:clr>
            <a:srgbClr val="FBAE40"/>
          </p15:clr>
        </p15:guide>
      </p15:sldGuideLst>
    </p:ext>
  </p:extLst>
</p:sldLayout>
</file>

<file path=ppt/slideLayouts/slideLayout28.xml><?xml version="1.0" encoding="utf-8"?>
<p:sldLayout xmlns:a="http://schemas.openxmlformats.org/drawingml/2006/main" xmlns:r="http://schemas.openxmlformats.org/officeDocument/2006/relationships" xmlns:p="http://schemas.openxmlformats.org/presentationml/2006/main" type="blank">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lvl1pPr>
              <a:defRPr/>
            </a:lvl1pPr>
          </a:lstStyle>
          <a:p>
            <a:fld id="{8FD04295-A8BF-4DC9-BEEC-0E0BB3A59404}" type="datetime1">
              <a:rPr lang="ja-JP" altLang="en-US" smtClean="0">
                <a:solidFill>
                  <a:srgbClr val="000000"/>
                </a:solidFill>
              </a:rPr>
              <a:t>2024/8/19</a:t>
            </a:fld>
            <a:endParaRPr lang="en-US" altLang="ja-JP">
              <a:solidFill>
                <a:srgbClr val="000000"/>
              </a:solidFill>
            </a:endParaRPr>
          </a:p>
        </p:txBody>
      </p:sp>
      <p:sp>
        <p:nvSpPr>
          <p:cNvPr id="3" name="フッター プレースホルダ 2"/>
          <p:cNvSpPr>
            <a:spLocks noGrp="1"/>
          </p:cNvSpPr>
          <p:nvPr>
            <p:ph type="ftr" sz="quarter" idx="11"/>
          </p:nvPr>
        </p:nvSpPr>
        <p:spPr/>
        <p:txBody>
          <a:bodyPr/>
          <a:lstStyle>
            <a:lvl1pPr>
              <a:defRPr/>
            </a:lvl1pPr>
          </a:lstStyle>
          <a:p>
            <a:endParaRPr lang="en-US" altLang="ja-JP">
              <a:solidFill>
                <a:srgbClr val="000000"/>
              </a:solidFill>
            </a:endParaRPr>
          </a:p>
        </p:txBody>
      </p:sp>
      <p:sp>
        <p:nvSpPr>
          <p:cNvPr id="4" name="スライド番号プレースホルダ 3"/>
          <p:cNvSpPr>
            <a:spLocks noGrp="1"/>
          </p:cNvSpPr>
          <p:nvPr>
            <p:ph type="sldNum" sz="quarter" idx="12"/>
          </p:nvPr>
        </p:nvSpPr>
        <p:spPr/>
        <p:txBody>
          <a:bodyPr/>
          <a:lstStyle>
            <a:lvl1pPr>
              <a:defRPr/>
            </a:lvl1pPr>
          </a:lstStyle>
          <a:p>
            <a:fld id="{350E13FB-DCAF-430E-9FD5-74CCF70954EF}"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2545970890"/>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obj">
  <p:cSld name="Blank">
    <p:spTree>
      <p:nvGrpSpPr>
        <p:cNvPr id="1" name=""/>
        <p:cNvGrpSpPr/>
        <p:nvPr/>
      </p:nvGrpSpPr>
      <p:grpSpPr>
        <a:xfrm>
          <a:off x="0" y="0"/>
          <a:ext cx="0" cy="0"/>
          <a:chOff x="0" y="0"/>
          <a:chExt cx="0" cy="0"/>
        </a:xfrm>
      </p:grpSpPr>
      <p:sp>
        <p:nvSpPr>
          <p:cNvPr id="2" name="Holder 2"/>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3" name="Holder 3"/>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8/19/2024</a:t>
            </a:fld>
            <a:endParaRPr lang="en-US"/>
          </a:p>
        </p:txBody>
      </p:sp>
      <p:sp>
        <p:nvSpPr>
          <p:cNvPr id="4" name="Holder 4"/>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3077985421"/>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コンテンツ プレースホルダ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日付プレースホルダ 3"/>
          <p:cNvSpPr>
            <a:spLocks noGrp="1"/>
          </p:cNvSpPr>
          <p:nvPr>
            <p:ph type="dt" sz="half" idx="10"/>
          </p:nvPr>
        </p:nvSpPr>
        <p:spPr/>
        <p:txBody>
          <a:bodyPr/>
          <a:lstStyle>
            <a:lvl1pPr>
              <a:defRPr/>
            </a:lvl1pPr>
          </a:lstStyle>
          <a:p>
            <a:fld id="{3DDD9573-D514-4BA9-ACFE-FD4CBD217D78}" type="datetime1">
              <a:rPr lang="ja-JP" altLang="en-US" smtClean="0">
                <a:solidFill>
                  <a:srgbClr val="000000"/>
                </a:solidFill>
              </a:rPr>
              <a:t>2024/8/19</a:t>
            </a:fld>
            <a:endParaRPr lang="en-US" altLang="ja-JP">
              <a:solidFill>
                <a:srgbClr val="000000"/>
              </a:solidFill>
            </a:endParaRPr>
          </a:p>
        </p:txBody>
      </p:sp>
      <p:sp>
        <p:nvSpPr>
          <p:cNvPr id="5" name="フッター プレースホルダ 4"/>
          <p:cNvSpPr>
            <a:spLocks noGrp="1"/>
          </p:cNvSpPr>
          <p:nvPr>
            <p:ph type="ftr" sz="quarter" idx="11"/>
          </p:nvPr>
        </p:nvSpPr>
        <p:spPr/>
        <p:txBody>
          <a:bodyPr/>
          <a:lstStyle>
            <a:lvl1pPr>
              <a:defRPr/>
            </a:lvl1pPr>
          </a:lstStyle>
          <a:p>
            <a:endParaRPr lang="en-US" altLang="ja-JP">
              <a:solidFill>
                <a:srgbClr val="000000"/>
              </a:solidFill>
            </a:endParaRPr>
          </a:p>
        </p:txBody>
      </p:sp>
      <p:sp>
        <p:nvSpPr>
          <p:cNvPr id="6" name="スライド番号プレースホルダ 5"/>
          <p:cNvSpPr>
            <a:spLocks noGrp="1"/>
          </p:cNvSpPr>
          <p:nvPr>
            <p:ph type="sldNum" sz="quarter" idx="12"/>
          </p:nvPr>
        </p:nvSpPr>
        <p:spPr/>
        <p:txBody>
          <a:bodyPr/>
          <a:lstStyle>
            <a:lvl1pPr>
              <a:defRPr/>
            </a:lvl1pPr>
          </a:lstStyle>
          <a:p>
            <a:fld id="{0D4B1D02-E406-44D3-B4FB-C9088C6DDDC1}"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240061664"/>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showMasterSp="0" type="obj">
  <p:cSld name="Title Only">
    <p:bg>
      <p:bgPr>
        <a:solidFill>
          <a:schemeClr val="bg1"/>
        </a:solidFill>
        <a:effectLst/>
      </p:bgPr>
    </p:bg>
    <p:spTree>
      <p:nvGrpSpPr>
        <p:cNvPr id="1" name=""/>
        <p:cNvGrpSpPr/>
        <p:nvPr/>
      </p:nvGrpSpPr>
      <p:grpSpPr>
        <a:xfrm>
          <a:off x="0" y="0"/>
          <a:ext cx="0" cy="0"/>
          <a:chOff x="0" y="0"/>
          <a:chExt cx="0" cy="0"/>
        </a:xfrm>
      </p:grpSpPr>
      <p:sp>
        <p:nvSpPr>
          <p:cNvPr id="2" name="Holder 2"/>
          <p:cNvSpPr>
            <a:spLocks noGrp="1"/>
          </p:cNvSpPr>
          <p:nvPr>
            <p:ph type="title"/>
          </p:nvPr>
        </p:nvSpPr>
        <p:spPr/>
        <p:txBody>
          <a:bodyPr lIns="0" tIns="0" rIns="0" bIns="0"/>
          <a:lstStyle>
            <a:lvl1pPr>
              <a:defRPr sz="2052" b="1" i="0">
                <a:solidFill>
                  <a:srgbClr val="3F87C8"/>
                </a:solidFill>
                <a:latin typeface="Meiryo UI"/>
                <a:cs typeface="Meiryo UI"/>
              </a:defRPr>
            </a:lvl1pPr>
          </a:lstStyle>
          <a:p>
            <a:endParaRPr/>
          </a:p>
        </p:txBody>
      </p:sp>
      <p:sp>
        <p:nvSpPr>
          <p:cNvPr id="3" name="Holder 3"/>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4" name="Holder 4"/>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8/19/2024</a:t>
            </a:fld>
            <a:endParaRPr lang="en-US"/>
          </a:p>
        </p:txBody>
      </p:sp>
      <p:sp>
        <p:nvSpPr>
          <p:cNvPr id="5" name="Holder 5"/>
          <p:cNvSpPr>
            <a:spLocks noGrp="1"/>
          </p:cNvSpPr>
          <p:nvPr>
            <p:ph type="sldNum" sz="quarter" idx="7"/>
          </p:nvPr>
        </p:nvSpPr>
        <p:spPr/>
        <p:txBody>
          <a:bodyPr lIns="0" tIns="0" rIns="0" bIns="0"/>
          <a:lstStyle>
            <a:lvl1pPr>
              <a:defRPr sz="1368" b="0" i="0">
                <a:solidFill>
                  <a:schemeClr val="tx1"/>
                </a:solidFill>
                <a:latin typeface="Meiryo UI"/>
                <a:cs typeface="Meiryo UI"/>
              </a:defRPr>
            </a:lvl1pPr>
          </a:lstStyle>
          <a:p>
            <a:pPr marL="108054">
              <a:spcBef>
                <a:spcPts val="162"/>
              </a:spcBef>
            </a:pPr>
            <a:fld id="{81D60167-4931-47E6-BA6A-407CBD079E47}" type="slidenum">
              <a:rPr lang="en-US" altLang="ja-JP" spc="-43" smtClean="0"/>
              <a:pPr marL="108054">
                <a:spcBef>
                  <a:spcPts val="162"/>
                </a:spcBef>
              </a:pPr>
              <a:t>‹#›</a:t>
            </a:fld>
            <a:endParaRPr lang="en-US" altLang="ja-JP" spc="-43" dirty="0"/>
          </a:p>
        </p:txBody>
      </p:sp>
    </p:spTree>
    <p:extLst>
      <p:ext uri="{BB962C8B-B14F-4D97-AF65-F5344CB8AC3E}">
        <p14:creationId xmlns:p14="http://schemas.microsoft.com/office/powerpoint/2010/main" val="1662581735"/>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type="obj">
  <p:cSld name="Two Content">
    <p:bg>
      <p:bgPr>
        <a:solidFill>
          <a:schemeClr val="bg1"/>
        </a:solidFill>
        <a:effectLst/>
      </p:bgPr>
    </p:bg>
    <p:spTree>
      <p:nvGrpSpPr>
        <p:cNvPr id="1" name=""/>
        <p:cNvGrpSpPr/>
        <p:nvPr/>
      </p:nvGrpSpPr>
      <p:grpSpPr>
        <a:xfrm>
          <a:off x="0" y="0"/>
          <a:ext cx="0" cy="0"/>
          <a:chOff x="0" y="0"/>
          <a:chExt cx="0" cy="0"/>
        </a:xfrm>
      </p:grpSpPr>
      <p:pic>
        <p:nvPicPr>
          <p:cNvPr id="16" name="bg object 16"/>
          <p:cNvPicPr/>
          <p:nvPr/>
        </p:nvPicPr>
        <p:blipFill>
          <a:blip r:embed="rId2" cstate="print"/>
          <a:stretch>
            <a:fillRect/>
          </a:stretch>
        </p:blipFill>
        <p:spPr>
          <a:xfrm>
            <a:off x="334918" y="750408"/>
            <a:ext cx="8470689" cy="63569"/>
          </a:xfrm>
          <a:prstGeom prst="rect">
            <a:avLst/>
          </a:prstGeom>
        </p:spPr>
      </p:pic>
      <p:pic>
        <p:nvPicPr>
          <p:cNvPr id="17" name="bg object 17"/>
          <p:cNvPicPr/>
          <p:nvPr/>
        </p:nvPicPr>
        <p:blipFill>
          <a:blip r:embed="rId3" cstate="print"/>
          <a:stretch>
            <a:fillRect/>
          </a:stretch>
        </p:blipFill>
        <p:spPr>
          <a:xfrm>
            <a:off x="6006369" y="317852"/>
            <a:ext cx="2799237" cy="458812"/>
          </a:xfrm>
          <a:prstGeom prst="rect">
            <a:avLst/>
          </a:prstGeom>
        </p:spPr>
      </p:pic>
      <p:pic>
        <p:nvPicPr>
          <p:cNvPr id="18" name="bg object 18"/>
          <p:cNvPicPr/>
          <p:nvPr/>
        </p:nvPicPr>
        <p:blipFill>
          <a:blip r:embed="rId4" cstate="print"/>
          <a:stretch>
            <a:fillRect/>
          </a:stretch>
        </p:blipFill>
        <p:spPr>
          <a:xfrm>
            <a:off x="1868764" y="317852"/>
            <a:ext cx="4226222" cy="458812"/>
          </a:xfrm>
          <a:prstGeom prst="rect">
            <a:avLst/>
          </a:prstGeom>
        </p:spPr>
      </p:pic>
      <p:pic>
        <p:nvPicPr>
          <p:cNvPr id="19" name="bg object 19"/>
          <p:cNvPicPr/>
          <p:nvPr/>
        </p:nvPicPr>
        <p:blipFill>
          <a:blip r:embed="rId5" cstate="print"/>
          <a:stretch>
            <a:fillRect/>
          </a:stretch>
        </p:blipFill>
        <p:spPr>
          <a:xfrm>
            <a:off x="334918" y="317852"/>
            <a:ext cx="2635035" cy="458812"/>
          </a:xfrm>
          <a:prstGeom prst="rect">
            <a:avLst/>
          </a:prstGeom>
        </p:spPr>
      </p:pic>
      <p:pic>
        <p:nvPicPr>
          <p:cNvPr id="20" name="bg object 20"/>
          <p:cNvPicPr/>
          <p:nvPr/>
        </p:nvPicPr>
        <p:blipFill>
          <a:blip r:embed="rId6" cstate="print"/>
          <a:stretch>
            <a:fillRect/>
          </a:stretch>
        </p:blipFill>
        <p:spPr>
          <a:xfrm>
            <a:off x="7365590" y="317852"/>
            <a:ext cx="1440017" cy="305413"/>
          </a:xfrm>
          <a:prstGeom prst="rect">
            <a:avLst/>
          </a:prstGeom>
        </p:spPr>
      </p:pic>
      <p:pic>
        <p:nvPicPr>
          <p:cNvPr id="21" name="bg object 21"/>
          <p:cNvPicPr/>
          <p:nvPr/>
        </p:nvPicPr>
        <p:blipFill>
          <a:blip r:embed="rId7" cstate="print"/>
          <a:stretch>
            <a:fillRect/>
          </a:stretch>
        </p:blipFill>
        <p:spPr>
          <a:xfrm>
            <a:off x="947414" y="1162233"/>
            <a:ext cx="7537610" cy="5306749"/>
          </a:xfrm>
          <a:prstGeom prst="rect">
            <a:avLst/>
          </a:prstGeom>
        </p:spPr>
      </p:pic>
      <p:sp>
        <p:nvSpPr>
          <p:cNvPr id="22" name="bg object 22"/>
          <p:cNvSpPr/>
          <p:nvPr/>
        </p:nvSpPr>
        <p:spPr>
          <a:xfrm>
            <a:off x="952627" y="1167760"/>
            <a:ext cx="7528596" cy="5297531"/>
          </a:xfrm>
          <a:custGeom>
            <a:avLst/>
            <a:gdLst/>
            <a:ahLst/>
            <a:cxnLst/>
            <a:rect l="l" t="t" r="r" b="b"/>
            <a:pathLst>
              <a:path w="8804275" h="5842000">
                <a:moveTo>
                  <a:pt x="8804148" y="0"/>
                </a:moveTo>
                <a:lnTo>
                  <a:pt x="4367783" y="0"/>
                </a:lnTo>
                <a:lnTo>
                  <a:pt x="4367783" y="1290827"/>
                </a:lnTo>
                <a:lnTo>
                  <a:pt x="0" y="1290827"/>
                </a:lnTo>
                <a:lnTo>
                  <a:pt x="0" y="5841497"/>
                </a:lnTo>
                <a:lnTo>
                  <a:pt x="8804148" y="5841497"/>
                </a:lnTo>
                <a:lnTo>
                  <a:pt x="8804148" y="0"/>
                </a:lnTo>
                <a:close/>
              </a:path>
            </a:pathLst>
          </a:custGeom>
          <a:ln w="56388">
            <a:solidFill>
              <a:srgbClr val="E46B0A"/>
            </a:solidFill>
          </a:ln>
        </p:spPr>
        <p:txBody>
          <a:bodyPr wrap="square" lIns="0" tIns="0" rIns="0" bIns="0" rtlCol="0"/>
          <a:lstStyle/>
          <a:p>
            <a:endParaRPr sz="1749"/>
          </a:p>
        </p:txBody>
      </p:sp>
      <p:sp>
        <p:nvSpPr>
          <p:cNvPr id="23" name="bg object 23"/>
          <p:cNvSpPr/>
          <p:nvPr/>
        </p:nvSpPr>
        <p:spPr>
          <a:xfrm>
            <a:off x="500423" y="809830"/>
            <a:ext cx="8016204" cy="5692543"/>
          </a:xfrm>
          <a:custGeom>
            <a:avLst/>
            <a:gdLst/>
            <a:ahLst/>
            <a:cxnLst/>
            <a:rect l="l" t="t" r="r" b="b"/>
            <a:pathLst>
              <a:path w="9374505" h="6277609">
                <a:moveTo>
                  <a:pt x="483108" y="0"/>
                </a:moveTo>
                <a:lnTo>
                  <a:pt x="483108" y="6277361"/>
                </a:lnTo>
              </a:path>
              <a:path w="9374505" h="6277609">
                <a:moveTo>
                  <a:pt x="4925568" y="0"/>
                </a:moveTo>
                <a:lnTo>
                  <a:pt x="4925568" y="6277361"/>
                </a:lnTo>
              </a:path>
              <a:path w="9374505" h="6277609">
                <a:moveTo>
                  <a:pt x="0" y="376428"/>
                </a:moveTo>
                <a:lnTo>
                  <a:pt x="9374124" y="376428"/>
                </a:lnTo>
              </a:path>
              <a:path w="9374505" h="6277609">
                <a:moveTo>
                  <a:pt x="0" y="1650492"/>
                </a:moveTo>
                <a:lnTo>
                  <a:pt x="9374124" y="1650492"/>
                </a:lnTo>
              </a:path>
              <a:path w="9374505" h="6277609">
                <a:moveTo>
                  <a:pt x="6096" y="0"/>
                </a:moveTo>
                <a:lnTo>
                  <a:pt x="6096" y="6277361"/>
                </a:lnTo>
              </a:path>
              <a:path w="9374505" h="6277609">
                <a:moveTo>
                  <a:pt x="9368028" y="0"/>
                </a:moveTo>
                <a:lnTo>
                  <a:pt x="9368028" y="6277361"/>
                </a:lnTo>
              </a:path>
              <a:path w="9374505" h="6277609">
                <a:moveTo>
                  <a:pt x="0" y="6096"/>
                </a:moveTo>
                <a:lnTo>
                  <a:pt x="9374124" y="6096"/>
                </a:lnTo>
              </a:path>
              <a:path w="9374505" h="6277609">
                <a:moveTo>
                  <a:pt x="0" y="6271265"/>
                </a:moveTo>
                <a:lnTo>
                  <a:pt x="9374124" y="6271265"/>
                </a:lnTo>
              </a:path>
            </a:pathLst>
          </a:custGeom>
          <a:ln w="12192">
            <a:solidFill>
              <a:srgbClr val="000000"/>
            </a:solidFill>
          </a:ln>
        </p:spPr>
        <p:txBody>
          <a:bodyPr wrap="square" lIns="0" tIns="0" rIns="0" bIns="0" rtlCol="0"/>
          <a:lstStyle/>
          <a:p>
            <a:endParaRPr sz="1749"/>
          </a:p>
        </p:txBody>
      </p:sp>
      <p:pic>
        <p:nvPicPr>
          <p:cNvPr id="24" name="bg object 24"/>
          <p:cNvPicPr/>
          <p:nvPr/>
        </p:nvPicPr>
        <p:blipFill>
          <a:blip r:embed="rId8" cstate="print"/>
          <a:stretch>
            <a:fillRect/>
          </a:stretch>
        </p:blipFill>
        <p:spPr>
          <a:xfrm>
            <a:off x="4764437" y="1249296"/>
            <a:ext cx="88616" cy="93973"/>
          </a:xfrm>
          <a:prstGeom prst="rect">
            <a:avLst/>
          </a:prstGeom>
        </p:spPr>
      </p:pic>
      <p:sp>
        <p:nvSpPr>
          <p:cNvPr id="2" name="Holder 2"/>
          <p:cNvSpPr>
            <a:spLocks noGrp="1"/>
          </p:cNvSpPr>
          <p:nvPr>
            <p:ph type="title"/>
          </p:nvPr>
        </p:nvSpPr>
        <p:spPr/>
        <p:txBody>
          <a:bodyPr lIns="0" tIns="0" rIns="0" bIns="0"/>
          <a:lstStyle>
            <a:lvl1pPr>
              <a:defRPr sz="2052" b="1" i="0">
                <a:solidFill>
                  <a:srgbClr val="3F87C8"/>
                </a:solidFill>
                <a:latin typeface="Meiryo UI"/>
                <a:cs typeface="Meiryo UI"/>
              </a:defRPr>
            </a:lvl1pPr>
          </a:lstStyle>
          <a:p>
            <a:endParaRPr/>
          </a:p>
        </p:txBody>
      </p:sp>
      <p:sp>
        <p:nvSpPr>
          <p:cNvPr id="3" name="Holder 3"/>
          <p:cNvSpPr>
            <a:spLocks noGrp="1"/>
          </p:cNvSpPr>
          <p:nvPr>
            <p:ph sz="half" idx="2"/>
          </p:nvPr>
        </p:nvSpPr>
        <p:spPr>
          <a:xfrm>
            <a:off x="457200" y="1577340"/>
            <a:ext cx="3977640" cy="242823"/>
          </a:xfrm>
          <a:prstGeom prst="rect">
            <a:avLst/>
          </a:prstGeom>
        </p:spPr>
        <p:txBody>
          <a:bodyPr wrap="square" lIns="0" tIns="0" rIns="0" bIns="0">
            <a:spAutoFit/>
          </a:bodyPr>
          <a:lstStyle>
            <a:lvl1pPr>
              <a:defRPr/>
            </a:lvl1pPr>
          </a:lstStyle>
          <a:p>
            <a:endParaRPr/>
          </a:p>
        </p:txBody>
      </p:sp>
      <p:sp>
        <p:nvSpPr>
          <p:cNvPr id="4" name="Holder 4"/>
          <p:cNvSpPr>
            <a:spLocks noGrp="1"/>
          </p:cNvSpPr>
          <p:nvPr>
            <p:ph sz="half" idx="3"/>
          </p:nvPr>
        </p:nvSpPr>
        <p:spPr>
          <a:xfrm>
            <a:off x="4709160" y="1577340"/>
            <a:ext cx="3977640" cy="242823"/>
          </a:xfrm>
          <a:prstGeom prst="rect">
            <a:avLst/>
          </a:prstGeom>
        </p:spPr>
        <p:txBody>
          <a:bodyPr wrap="square" lIns="0" tIns="0" rIns="0" bIns="0">
            <a:spAutoFit/>
          </a:bodyPr>
          <a:lstStyle>
            <a:lvl1pPr>
              <a:defRPr/>
            </a:lvl1pPr>
          </a:lstStyle>
          <a:p>
            <a:endParaRPr/>
          </a:p>
        </p:txBody>
      </p:sp>
      <p:sp>
        <p:nvSpPr>
          <p:cNvPr id="5" name="Holder 5"/>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6" name="Holder 6"/>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8/19/2024</a:t>
            </a:fld>
            <a:endParaRPr lang="en-US"/>
          </a:p>
        </p:txBody>
      </p:sp>
      <p:sp>
        <p:nvSpPr>
          <p:cNvPr id="7" name="Holder 7"/>
          <p:cNvSpPr>
            <a:spLocks noGrp="1"/>
          </p:cNvSpPr>
          <p:nvPr>
            <p:ph type="sldNum" sz="quarter" idx="7"/>
          </p:nvPr>
        </p:nvSpPr>
        <p:spPr/>
        <p:txBody>
          <a:bodyPr lIns="0" tIns="0" rIns="0" bIns="0"/>
          <a:lstStyle>
            <a:lvl1pPr>
              <a:defRPr sz="1368" b="0" i="0">
                <a:solidFill>
                  <a:schemeClr val="tx1"/>
                </a:solidFill>
                <a:latin typeface="Meiryo UI"/>
                <a:cs typeface="Meiryo UI"/>
              </a:defRPr>
            </a:lvl1pPr>
          </a:lstStyle>
          <a:p>
            <a:pPr marL="108054">
              <a:spcBef>
                <a:spcPts val="162"/>
              </a:spcBef>
            </a:pPr>
            <a:fld id="{81D60167-4931-47E6-BA6A-407CBD079E47}" type="slidenum">
              <a:rPr lang="en-US" altLang="ja-JP" spc="-43" smtClean="0"/>
              <a:pPr marL="108054">
                <a:spcBef>
                  <a:spcPts val="162"/>
                </a:spcBef>
              </a:pPr>
              <a:t>‹#›</a:t>
            </a:fld>
            <a:endParaRPr lang="en-US" altLang="ja-JP" spc="-43" dirty="0"/>
          </a:p>
        </p:txBody>
      </p:sp>
    </p:spTree>
    <p:extLst>
      <p:ext uri="{BB962C8B-B14F-4D97-AF65-F5344CB8AC3E}">
        <p14:creationId xmlns:p14="http://schemas.microsoft.com/office/powerpoint/2010/main" val="3151420898"/>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cSld name="タイトルと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F360B10A-E411-46C2-BE7C-3C2BF48EFA14}" type="datetime1">
              <a:rPr kumimoji="1" lang="ja-JP" altLang="en-US" smtClean="0"/>
              <a:t>2024/8/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1695246350"/>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showMasterSp="0" type="title" preserve="1">
  <p:cSld name="タイトル スライド">
    <p:bg>
      <p:bgPr>
        <a:solidFill>
          <a:schemeClr val="bg1"/>
        </a:solidFill>
        <a:effectLst/>
      </p:bgPr>
    </p:bg>
    <p:spTree>
      <p:nvGrpSpPr>
        <p:cNvPr id="1" name=""/>
        <p:cNvGrpSpPr/>
        <p:nvPr/>
      </p:nvGrpSpPr>
      <p:grpSpPr>
        <a:xfrm>
          <a:off x="0" y="0"/>
          <a:ext cx="0" cy="0"/>
          <a:chOff x="0" y="0"/>
          <a:chExt cx="0" cy="0"/>
        </a:xfrm>
      </p:grpSpPr>
      <p:pic>
        <p:nvPicPr>
          <p:cNvPr id="4" name="図 3"/>
          <p:cNvPicPr>
            <a:picLocks noChangeAspect="1"/>
          </p:cNvPicPr>
          <p:nvPr userDrawn="1"/>
        </p:nvPicPr>
        <p:blipFill>
          <a:blip r:embed="rId2" cstate="print">
            <a:extLst>
              <a:ext uri="{28A0092B-C50C-407E-A947-70E740481C1C}">
                <a14:useLocalDpi xmlns:a14="http://schemas.microsoft.com/office/drawing/2010/main"/>
              </a:ext>
            </a:extLst>
          </a:blip>
          <a:stretch>
            <a:fillRect/>
          </a:stretch>
        </p:blipFill>
        <p:spPr>
          <a:xfrm>
            <a:off x="2569989" y="5279615"/>
            <a:ext cx="6609108" cy="1126331"/>
          </a:xfrm>
          <a:prstGeom prst="rect">
            <a:avLst/>
          </a:prstGeom>
          <a:effectLst>
            <a:reflection stA="33000" endPos="38000" dir="5400000" sy="-100000" algn="bl" rotWithShape="0"/>
          </a:effectLst>
        </p:spPr>
      </p:pic>
      <p:pic>
        <p:nvPicPr>
          <p:cNvPr id="5" name="図 4"/>
          <p:cNvPicPr>
            <a:picLocks noChangeAspect="1"/>
          </p:cNvPicPr>
          <p:nvPr userDrawn="1"/>
        </p:nvPicPr>
        <p:blipFill>
          <a:blip r:embed="rId3" cstate="print">
            <a:extLst>
              <a:ext uri="{28A0092B-C50C-407E-A947-70E740481C1C}">
                <a14:useLocalDpi xmlns:a14="http://schemas.microsoft.com/office/drawing/2010/main"/>
              </a:ext>
            </a:extLst>
          </a:blip>
          <a:stretch>
            <a:fillRect/>
          </a:stretch>
        </p:blipFill>
        <p:spPr>
          <a:xfrm>
            <a:off x="214359" y="6023585"/>
            <a:ext cx="647028" cy="399511"/>
          </a:xfrm>
          <a:prstGeom prst="rect">
            <a:avLst/>
          </a:prstGeom>
          <a:effectLst>
            <a:reflection blurRad="6350" stA="50000" endA="300" endPos="55000" dir="5400000" sy="-100000" algn="bl" rotWithShape="0"/>
          </a:effectLst>
        </p:spPr>
      </p:pic>
      <p:cxnSp>
        <p:nvCxnSpPr>
          <p:cNvPr id="6" name="直線コネクタ 5"/>
          <p:cNvCxnSpPr/>
          <p:nvPr userDrawn="1"/>
        </p:nvCxnSpPr>
        <p:spPr>
          <a:xfrm>
            <a:off x="-19048" y="115888"/>
            <a:ext cx="9163051" cy="0"/>
          </a:xfrm>
          <a:prstGeom prst="line">
            <a:avLst/>
          </a:prstGeom>
          <a:ln w="38100">
            <a:solidFill>
              <a:schemeClr val="accent4"/>
            </a:solidFill>
            <a:prstDash val="sysDot"/>
          </a:ln>
        </p:spPr>
        <p:style>
          <a:lnRef idx="1">
            <a:schemeClr val="accent1"/>
          </a:lnRef>
          <a:fillRef idx="0">
            <a:schemeClr val="accent1"/>
          </a:fillRef>
          <a:effectRef idx="0">
            <a:schemeClr val="accent1"/>
          </a:effectRef>
          <a:fontRef idx="minor">
            <a:schemeClr val="tx1"/>
          </a:fontRef>
        </p:style>
      </p:cxnSp>
      <p:sp>
        <p:nvSpPr>
          <p:cNvPr id="9" name="Title Placeholder 8"/>
          <p:cNvSpPr>
            <a:spLocks noGrp="1"/>
          </p:cNvSpPr>
          <p:nvPr>
            <p:ph type="title"/>
          </p:nvPr>
        </p:nvSpPr>
        <p:spPr>
          <a:xfrm>
            <a:off x="685800" y="1412892"/>
            <a:ext cx="7772400" cy="1470025"/>
          </a:xfrm>
          <a:noFill/>
          <a:ln>
            <a:noFill/>
          </a:ln>
        </p:spPr>
        <p:txBody>
          <a:bodyPr>
            <a:normAutofit/>
            <a:sp3d prstMaterial="softEdge">
              <a:bevelT w="25400" h="25400"/>
            </a:sp3d>
          </a:bodyPr>
          <a:lstStyle>
            <a:lvl1pPr algn="ctr">
              <a:defRPr smtClean="0">
                <a:effectLst/>
              </a:defRPr>
            </a:lvl1pPr>
          </a:lstStyle>
          <a:p>
            <a:pPr lvl="0"/>
            <a:r>
              <a:rPr lang="ja-JP" altLang="en-US" noProof="0"/>
              <a:t>マスタ タイトルの書式設定</a:t>
            </a:r>
          </a:p>
        </p:txBody>
      </p:sp>
      <p:sp>
        <p:nvSpPr>
          <p:cNvPr id="30" name="Text Placeholder 29"/>
          <p:cNvSpPr>
            <a:spLocks noGrp="1"/>
          </p:cNvSpPr>
          <p:nvPr>
            <p:ph type="body" idx="1"/>
          </p:nvPr>
        </p:nvSpPr>
        <p:spPr>
          <a:xfrm>
            <a:off x="1371600" y="3332163"/>
            <a:ext cx="6400800" cy="1752600"/>
          </a:xfrm>
        </p:spPr>
        <p:txBody>
          <a:bodyPr wrap="square" lIns="91440" tIns="45720" rIns="91440" bIns="45720" numCol="1" anchor="t" anchorCtr="0" compatLnSpc="1">
            <a:prstTxWarp prst="textNoShape">
              <a:avLst/>
            </a:prstTxWarp>
          </a:bodyPr>
          <a:lstStyle>
            <a:lvl1pPr marL="88992" indent="0" algn="ctr">
              <a:buFont typeface="Wingdings 3" pitchFamily="18" charset="2"/>
              <a:buNone/>
              <a:defRPr smtClean="0"/>
            </a:lvl1pPr>
          </a:lstStyle>
          <a:p>
            <a:pPr lvl="0"/>
            <a:r>
              <a:rPr lang="ja-JP" altLang="en-US" noProof="0"/>
              <a:t>マスタ サブタイトルの書式設定</a:t>
            </a:r>
          </a:p>
        </p:txBody>
      </p:sp>
      <p:sp>
        <p:nvSpPr>
          <p:cNvPr id="7" name="Footer Placeholder 21"/>
          <p:cNvSpPr>
            <a:spLocks noGrp="1"/>
          </p:cNvSpPr>
          <p:nvPr>
            <p:ph type="ftr" sz="quarter" idx="10"/>
          </p:nvPr>
        </p:nvSpPr>
        <p:spPr>
          <a:xfrm>
            <a:off x="3779844" y="6245233"/>
            <a:ext cx="2016125" cy="476251"/>
          </a:xfrm>
        </p:spPr>
        <p:txBody>
          <a:bodyPr/>
          <a:lstStyle>
            <a:lvl1pPr>
              <a:defRPr/>
            </a:lvl1pPr>
          </a:lstStyle>
          <a:p>
            <a:pPr>
              <a:defRPr/>
            </a:pPr>
            <a:endParaRPr lang="en-US" altLang="ja-JP"/>
          </a:p>
        </p:txBody>
      </p:sp>
      <p:sp>
        <p:nvSpPr>
          <p:cNvPr id="8" name="Slide Number Placeholder 17"/>
          <p:cNvSpPr>
            <a:spLocks noGrp="1"/>
          </p:cNvSpPr>
          <p:nvPr>
            <p:ph type="sldNum" sz="quarter" idx="11"/>
          </p:nvPr>
        </p:nvSpPr>
        <p:spPr>
          <a:xfrm>
            <a:off x="6553200" y="6423033"/>
            <a:ext cx="2133600" cy="298451"/>
          </a:xfrm>
          <a:prstGeom prst="rect">
            <a:avLst/>
          </a:prstGeom>
        </p:spPr>
        <p:txBody>
          <a:bodyPr/>
          <a:lstStyle>
            <a:lvl1pPr algn="r" fontAlgn="auto" latinLnBrk="0">
              <a:spcBef>
                <a:spcPts val="0"/>
              </a:spcBef>
              <a:spcAft>
                <a:spcPts val="0"/>
              </a:spcAft>
              <a:defRPr kumimoji="1" lang="ja-JP" sz="975" b="0">
                <a:solidFill>
                  <a:schemeClr val="accent4">
                    <a:lumMod val="75000"/>
                  </a:schemeClr>
                </a:solidFill>
                <a:latin typeface="+mn-lt"/>
                <a:ea typeface="+mn-ea"/>
              </a:defRPr>
            </a:lvl1pPr>
            <a:extLst/>
          </a:lstStyle>
          <a:p>
            <a:pPr defTabSz="371446">
              <a:defRPr/>
            </a:pPr>
            <a:fld id="{A56B847E-82FF-406C-A1FF-26E125053829}" type="slidenum">
              <a:rPr lang="en-US" altLang="ja-JP" smtClean="0">
                <a:solidFill>
                  <a:srgbClr val="0C8228">
                    <a:lumMod val="75000"/>
                  </a:srgbClr>
                </a:solidFill>
              </a:rPr>
              <a:pPr defTabSz="371446">
                <a:defRPr/>
              </a:pPr>
              <a:t>‹#›</a:t>
            </a:fld>
            <a:endParaRPr lang="en-US" dirty="0">
              <a:solidFill>
                <a:srgbClr val="0C8228">
                  <a:lumMod val="75000"/>
                </a:srgbClr>
              </a:solidFill>
            </a:endParaRPr>
          </a:p>
        </p:txBody>
      </p:sp>
    </p:spTree>
    <p:extLst>
      <p:ext uri="{BB962C8B-B14F-4D97-AF65-F5344CB8AC3E}">
        <p14:creationId xmlns:p14="http://schemas.microsoft.com/office/powerpoint/2010/main" val="3413967080"/>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4" name="正方形/長方形 10"/>
          <p:cNvSpPr>
            <a:spLocks noChangeArrowheads="1"/>
          </p:cNvSpPr>
          <p:nvPr userDrawn="1"/>
        </p:nvSpPr>
        <p:spPr bwMode="auto">
          <a:xfrm>
            <a:off x="144463" y="6581784"/>
            <a:ext cx="4572000" cy="2173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371446"/>
            <a:r>
              <a:rPr kumimoji="0" lang="en-US" altLang="ja-JP" sz="812" dirty="0">
                <a:solidFill>
                  <a:srgbClr val="3B4F18"/>
                </a:solidFill>
              </a:rPr>
              <a:t>© CTI Engineering Co., Ltd. </a:t>
            </a:r>
          </a:p>
        </p:txBody>
      </p:sp>
      <p:sp>
        <p:nvSpPr>
          <p:cNvPr id="2" name="タイトル 1"/>
          <p:cNvSpPr>
            <a:spLocks noGrp="1"/>
          </p:cNvSpPr>
          <p:nvPr>
            <p:ph type="title"/>
          </p:nvPr>
        </p:nvSpPr>
        <p:spPr>
          <a:xfrm>
            <a:off x="179397" y="260351"/>
            <a:ext cx="8785225" cy="431800"/>
          </a:xfrm>
        </p:spPr>
        <p:txBody>
          <a:bodyPr/>
          <a:lstStyle/>
          <a:p>
            <a:r>
              <a:rPr lang="ja-JP" altLang="en-US"/>
              <a:t>マスター タイトルの書式設定</a:t>
            </a:r>
          </a:p>
        </p:txBody>
      </p:sp>
      <p:sp>
        <p:nvSpPr>
          <p:cNvPr id="3" name="コンテンツ プレースホルダー 2"/>
          <p:cNvSpPr>
            <a:spLocks noGrp="1"/>
          </p:cNvSpPr>
          <p:nvPr>
            <p:ph idx="1"/>
          </p:nvPr>
        </p:nvSpPr>
        <p:spPr>
          <a:xfrm>
            <a:off x="179397" y="765179"/>
            <a:ext cx="8785225" cy="5472113"/>
          </a:xfrm>
        </p:spPr>
        <p:txBody>
          <a:bodyPr/>
          <a:lstStyle/>
          <a:p>
            <a:pPr lvl="0"/>
            <a:r>
              <a:rPr lang="ja-JP" altLang="en-US" dirty="0"/>
              <a:t>マスター テキストの書式設定</a:t>
            </a:r>
          </a:p>
          <a:p>
            <a:pPr lvl="1"/>
            <a:r>
              <a:rPr lang="ja-JP" altLang="en-US" dirty="0"/>
              <a:t>第 </a:t>
            </a:r>
            <a:r>
              <a:rPr lang="en-US" altLang="ja-JP" dirty="0"/>
              <a:t>2 </a:t>
            </a:r>
            <a:r>
              <a:rPr lang="ja-JP" altLang="en-US" dirty="0"/>
              <a:t>レベル</a:t>
            </a:r>
          </a:p>
          <a:p>
            <a:pPr lvl="2"/>
            <a:r>
              <a:rPr lang="ja-JP" altLang="en-US" dirty="0"/>
              <a:t>第 </a:t>
            </a:r>
            <a:r>
              <a:rPr lang="en-US" altLang="ja-JP" dirty="0"/>
              <a:t>3 </a:t>
            </a:r>
            <a:r>
              <a:rPr lang="ja-JP" altLang="en-US" dirty="0"/>
              <a:t>レベル</a:t>
            </a:r>
          </a:p>
          <a:p>
            <a:pPr lvl="3"/>
            <a:r>
              <a:rPr lang="ja-JP" altLang="en-US" dirty="0"/>
              <a:t>第 </a:t>
            </a:r>
            <a:r>
              <a:rPr lang="en-US" altLang="ja-JP" dirty="0"/>
              <a:t>4 </a:t>
            </a:r>
            <a:r>
              <a:rPr lang="ja-JP" altLang="en-US" dirty="0"/>
              <a:t>レベル</a:t>
            </a:r>
          </a:p>
          <a:p>
            <a:pPr lvl="4"/>
            <a:r>
              <a:rPr lang="ja-JP" altLang="en-US" dirty="0"/>
              <a:t>第 </a:t>
            </a:r>
            <a:r>
              <a:rPr lang="en-US" altLang="ja-JP" dirty="0"/>
              <a:t>5 </a:t>
            </a:r>
            <a:r>
              <a:rPr lang="ja-JP" altLang="en-US" dirty="0"/>
              <a:t>レベル</a:t>
            </a:r>
          </a:p>
        </p:txBody>
      </p:sp>
      <p:sp>
        <p:nvSpPr>
          <p:cNvPr id="5" name="日付プレースホルダー 3"/>
          <p:cNvSpPr>
            <a:spLocks noGrp="1"/>
          </p:cNvSpPr>
          <p:nvPr>
            <p:ph type="dt" sz="half" idx="10"/>
          </p:nvPr>
        </p:nvSpPr>
        <p:spPr/>
        <p:txBody>
          <a:bodyPr/>
          <a:lstStyle>
            <a:lvl1pPr>
              <a:defRPr/>
            </a:lvl1pPr>
          </a:lstStyle>
          <a:p>
            <a:pPr>
              <a:defRPr/>
            </a:pPr>
            <a:fld id="{D9D9F653-C9DE-4D5B-BE88-86028D178645}" type="datetime1">
              <a:rPr lang="ja-JP" altLang="en-US" smtClean="0">
                <a:solidFill>
                  <a:srgbClr val="0C8228">
                    <a:lumMod val="75000"/>
                  </a:srgbClr>
                </a:solidFill>
              </a:rPr>
              <a:t>2024/8/19</a:t>
            </a:fld>
            <a:endParaRPr lang="en-US" altLang="en-US" dirty="0">
              <a:solidFill>
                <a:srgbClr val="0C8228">
                  <a:lumMod val="75000"/>
                </a:srgbClr>
              </a:solidFill>
            </a:endParaRPr>
          </a:p>
        </p:txBody>
      </p:sp>
      <p:sp>
        <p:nvSpPr>
          <p:cNvPr id="6" name="フッター プレースホルダー 4"/>
          <p:cNvSpPr>
            <a:spLocks noGrp="1"/>
          </p:cNvSpPr>
          <p:nvPr>
            <p:ph type="ftr" sz="quarter" idx="11"/>
          </p:nvPr>
        </p:nvSpPr>
        <p:spPr>
          <a:xfrm>
            <a:off x="3708400" y="6548453"/>
            <a:ext cx="2376488" cy="260351"/>
          </a:xfrm>
        </p:spPr>
        <p:txBody>
          <a:bodyPr/>
          <a:lstStyle>
            <a:lvl1pPr>
              <a:defRPr/>
            </a:lvl1pPr>
          </a:lstStyle>
          <a:p>
            <a:pPr>
              <a:defRPr/>
            </a:pPr>
            <a:endParaRPr lang="en-US" altLang="ja-JP"/>
          </a:p>
        </p:txBody>
      </p:sp>
      <p:sp>
        <p:nvSpPr>
          <p:cNvPr id="7" name="スライド番号プレースホルダー 5"/>
          <p:cNvSpPr>
            <a:spLocks noGrp="1"/>
          </p:cNvSpPr>
          <p:nvPr>
            <p:ph type="sldNum" sz="quarter" idx="12"/>
          </p:nvPr>
        </p:nvSpPr>
        <p:spPr>
          <a:xfrm>
            <a:off x="8316915" y="6521460"/>
            <a:ext cx="481012" cy="269875"/>
          </a:xfrm>
          <a:prstGeom prst="rect">
            <a:avLst/>
          </a:prstGeom>
        </p:spPr>
        <p:txBody>
          <a:bodyPr/>
          <a:lstStyle>
            <a:lvl1pPr>
              <a:defRPr/>
            </a:lvl1pPr>
          </a:lstStyle>
          <a:p>
            <a:pPr defTabSz="371446">
              <a:defRPr/>
            </a:pPr>
            <a:endParaRPr kumimoji="0" lang="en-US">
              <a:solidFill>
                <a:prstClr val="black"/>
              </a:solidFill>
            </a:endParaRPr>
          </a:p>
        </p:txBody>
      </p:sp>
    </p:spTree>
    <p:extLst>
      <p:ext uri="{BB962C8B-B14F-4D97-AF65-F5344CB8AC3E}">
        <p14:creationId xmlns:p14="http://schemas.microsoft.com/office/powerpoint/2010/main" val="2879441332"/>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45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45"/>
            <a:ext cx="6858000" cy="1655763"/>
          </a:xfrm>
        </p:spPr>
        <p:txBody>
          <a:bodyPr/>
          <a:lstStyle>
            <a:lvl1pPr marL="0" indent="0" algn="ctr">
              <a:buNone/>
              <a:defRPr sz="1800"/>
            </a:lvl1pPr>
            <a:lvl2pPr marL="342881" indent="0" algn="ctr">
              <a:buNone/>
              <a:defRPr sz="1501"/>
            </a:lvl2pPr>
            <a:lvl3pPr marL="685763" indent="0" algn="ctr">
              <a:buNone/>
              <a:defRPr sz="1352"/>
            </a:lvl3pPr>
            <a:lvl4pPr marL="1028642" indent="0" algn="ctr">
              <a:buNone/>
              <a:defRPr sz="1200"/>
            </a:lvl4pPr>
            <a:lvl5pPr marL="1371523" indent="0" algn="ctr">
              <a:buNone/>
              <a:defRPr sz="1200"/>
            </a:lvl5pPr>
            <a:lvl6pPr marL="1714405" indent="0" algn="ctr">
              <a:buNone/>
              <a:defRPr sz="1200"/>
            </a:lvl6pPr>
            <a:lvl7pPr marL="2057286" indent="0" algn="ctr">
              <a:buNone/>
              <a:defRPr sz="1200"/>
            </a:lvl7pPr>
            <a:lvl8pPr marL="2400167" indent="0" algn="ctr">
              <a:buNone/>
              <a:defRPr sz="1200"/>
            </a:lvl8pPr>
            <a:lvl9pPr marL="2743047" indent="0" algn="ctr">
              <a:buNone/>
              <a:defRPr sz="12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8045F130-C539-4CBF-8183-F6A2F7A622A6}" type="datetime1">
              <a:rPr lang="ja-JP" altLang="en-US" smtClean="0">
                <a:solidFill>
                  <a:prstClr val="black">
                    <a:tint val="75000"/>
                  </a:prstClr>
                </a:solidFill>
              </a:rPr>
              <a:t>2024/8/19</a:t>
            </a:fld>
            <a:endParaRPr lang="en-US" dirty="0">
              <a:solidFill>
                <a:prstClr val="black">
                  <a:tint val="75000"/>
                </a:prstClr>
              </a:solidFill>
            </a:endParaRPr>
          </a:p>
        </p:txBody>
      </p:sp>
      <p:sp>
        <p:nvSpPr>
          <p:cNvPr id="5" name="Footer Placeholder 4"/>
          <p:cNvSpPr>
            <a:spLocks noGrp="1"/>
          </p:cNvSpPr>
          <p:nvPr>
            <p:ph type="ftr" sz="quarter" idx="11"/>
          </p:nvPr>
        </p:nvSpPr>
        <p:spPr/>
        <p:txBody>
          <a:bodyPr/>
          <a:lstStyle/>
          <a:p>
            <a:endParaRPr lang="ja-JP" altLang="en-US" dirty="0">
              <a:solidFill>
                <a:prstClr val="white"/>
              </a:solidFill>
            </a:endParaRPr>
          </a:p>
        </p:txBody>
      </p:sp>
      <p:sp>
        <p:nvSpPr>
          <p:cNvPr id="6" name="Slide Number Placeholder 5"/>
          <p:cNvSpPr>
            <a:spLocks noGrp="1"/>
          </p:cNvSpPr>
          <p:nvPr>
            <p:ph type="sldNum" sz="quarter" idx="12"/>
          </p:nvPr>
        </p:nvSpPr>
        <p:spPr/>
        <p:txBody>
          <a:bodyPr/>
          <a:lstStyle/>
          <a:p>
            <a:fld id="{1B2CED70-23E7-4B67-A9EB-E84E8BE72CCA}" type="slidenum">
              <a:rPr lang="ja-JP" altLang="en-US" smtClean="0">
                <a:solidFill>
                  <a:prstClr val="white"/>
                </a:solidFill>
              </a:rPr>
              <a:pPr/>
              <a:t>‹#›</a:t>
            </a:fld>
            <a:r>
              <a:rPr lang="en-US" altLang="ja-JP">
                <a:solidFill>
                  <a:prstClr val="white"/>
                </a:solidFill>
              </a:rPr>
              <a:t>/51</a:t>
            </a:r>
            <a:endParaRPr lang="ja-JP" altLang="en-US" dirty="0">
              <a:solidFill>
                <a:prstClr val="white"/>
              </a:solidFill>
            </a:endParaRPr>
          </a:p>
        </p:txBody>
      </p:sp>
    </p:spTree>
    <p:extLst>
      <p:ext uri="{BB962C8B-B14F-4D97-AF65-F5344CB8AC3E}">
        <p14:creationId xmlns:p14="http://schemas.microsoft.com/office/powerpoint/2010/main" val="3575478563"/>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F03F6166-0FD5-4757-8C54-3CBF8199BBAF}" type="datetime1">
              <a:rPr lang="ja-JP" altLang="en-US" smtClean="0">
                <a:solidFill>
                  <a:prstClr val="black">
                    <a:tint val="75000"/>
                  </a:prstClr>
                </a:solidFill>
              </a:rPr>
              <a:t>2024/8/19</a:t>
            </a:fld>
            <a:endParaRPr lang="en-US" dirty="0">
              <a:solidFill>
                <a:prstClr val="black">
                  <a:tint val="75000"/>
                </a:prstClr>
              </a:solidFill>
            </a:endParaRPr>
          </a:p>
        </p:txBody>
      </p:sp>
      <p:sp>
        <p:nvSpPr>
          <p:cNvPr id="5" name="Footer Placeholder 4"/>
          <p:cNvSpPr>
            <a:spLocks noGrp="1"/>
          </p:cNvSpPr>
          <p:nvPr>
            <p:ph type="ftr" sz="quarter" idx="11"/>
          </p:nvPr>
        </p:nvSpPr>
        <p:spPr/>
        <p:txBody>
          <a:bodyPr/>
          <a:lstStyle/>
          <a:p>
            <a:endParaRPr kumimoji="1" lang="ja-JP" altLang="en-US" dirty="0">
              <a:solidFill>
                <a:prstClr val="black">
                  <a:tint val="75000"/>
                </a:prstClr>
              </a:solidFill>
            </a:endParaRPr>
          </a:p>
        </p:txBody>
      </p:sp>
      <p:sp>
        <p:nvSpPr>
          <p:cNvPr id="6" name="Slide Number Placeholder 5"/>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3415458753"/>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92" y="1709758"/>
            <a:ext cx="7886700" cy="2852737"/>
          </a:xfrm>
        </p:spPr>
        <p:txBody>
          <a:bodyPr anchor="b"/>
          <a:lstStyle>
            <a:lvl1pPr>
              <a:defRPr sz="45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92" y="4589476"/>
            <a:ext cx="7886700" cy="1500187"/>
          </a:xfrm>
        </p:spPr>
        <p:txBody>
          <a:bodyPr/>
          <a:lstStyle>
            <a:lvl1pPr marL="0" indent="0">
              <a:buNone/>
              <a:defRPr sz="1800">
                <a:solidFill>
                  <a:schemeClr val="tx1"/>
                </a:solidFill>
              </a:defRPr>
            </a:lvl1pPr>
            <a:lvl2pPr marL="342881" indent="0">
              <a:buNone/>
              <a:defRPr sz="1501">
                <a:solidFill>
                  <a:schemeClr val="tx1">
                    <a:tint val="75000"/>
                  </a:schemeClr>
                </a:solidFill>
              </a:defRPr>
            </a:lvl2pPr>
            <a:lvl3pPr marL="685763" indent="0">
              <a:buNone/>
              <a:defRPr sz="1352">
                <a:solidFill>
                  <a:schemeClr val="tx1">
                    <a:tint val="75000"/>
                  </a:schemeClr>
                </a:solidFill>
              </a:defRPr>
            </a:lvl3pPr>
            <a:lvl4pPr marL="1028642" indent="0">
              <a:buNone/>
              <a:defRPr sz="1200">
                <a:solidFill>
                  <a:schemeClr val="tx1">
                    <a:tint val="75000"/>
                  </a:schemeClr>
                </a:solidFill>
              </a:defRPr>
            </a:lvl4pPr>
            <a:lvl5pPr marL="1371523" indent="0">
              <a:buNone/>
              <a:defRPr sz="1200">
                <a:solidFill>
                  <a:schemeClr val="tx1">
                    <a:tint val="75000"/>
                  </a:schemeClr>
                </a:solidFill>
              </a:defRPr>
            </a:lvl5pPr>
            <a:lvl6pPr marL="1714405" indent="0">
              <a:buNone/>
              <a:defRPr sz="1200">
                <a:solidFill>
                  <a:schemeClr val="tx1">
                    <a:tint val="75000"/>
                  </a:schemeClr>
                </a:solidFill>
              </a:defRPr>
            </a:lvl6pPr>
            <a:lvl7pPr marL="2057286" indent="0">
              <a:buNone/>
              <a:defRPr sz="1200">
                <a:solidFill>
                  <a:schemeClr val="tx1">
                    <a:tint val="75000"/>
                  </a:schemeClr>
                </a:solidFill>
              </a:defRPr>
            </a:lvl7pPr>
            <a:lvl8pPr marL="2400167" indent="0">
              <a:buNone/>
              <a:defRPr sz="1200">
                <a:solidFill>
                  <a:schemeClr val="tx1">
                    <a:tint val="75000"/>
                  </a:schemeClr>
                </a:solidFill>
              </a:defRPr>
            </a:lvl8pPr>
            <a:lvl9pPr marL="2743047" indent="0">
              <a:buNone/>
              <a:defRPr sz="12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96A8E0D1-1087-452E-8778-B9B3FBA01846}" type="datetime1">
              <a:rPr lang="ja-JP" altLang="en-US" smtClean="0">
                <a:solidFill>
                  <a:prstClr val="black">
                    <a:tint val="75000"/>
                  </a:prstClr>
                </a:solidFill>
              </a:rPr>
              <a:t>2024/8/19</a:t>
            </a:fld>
            <a:endParaRPr lang="en-US" dirty="0">
              <a:solidFill>
                <a:prstClr val="black">
                  <a:tint val="75000"/>
                </a:prstClr>
              </a:solidFill>
            </a:endParaRPr>
          </a:p>
        </p:txBody>
      </p:sp>
      <p:sp>
        <p:nvSpPr>
          <p:cNvPr id="5" name="Footer Placeholder 4"/>
          <p:cNvSpPr>
            <a:spLocks noGrp="1"/>
          </p:cNvSpPr>
          <p:nvPr>
            <p:ph type="ftr" sz="quarter" idx="11"/>
          </p:nvPr>
        </p:nvSpPr>
        <p:spPr/>
        <p:txBody>
          <a:bodyPr/>
          <a:lstStyle/>
          <a:p>
            <a:endParaRPr lang="ja-JP" altLang="en-US" dirty="0">
              <a:solidFill>
                <a:prstClr val="black">
                  <a:tint val="75000"/>
                </a:prstClr>
              </a:solidFill>
            </a:endParaRPr>
          </a:p>
        </p:txBody>
      </p:sp>
      <p:sp>
        <p:nvSpPr>
          <p:cNvPr id="6" name="Slide Number Placeholder 5"/>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166445029"/>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1" y="1825625"/>
            <a:ext cx="3886200" cy="4351339"/>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1" y="1825625"/>
            <a:ext cx="3886200" cy="4351339"/>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3E1B4D78-C38B-461A-8027-09B28C772095}" type="datetime1">
              <a:rPr lang="ja-JP" altLang="en-US" smtClean="0">
                <a:solidFill>
                  <a:prstClr val="black">
                    <a:tint val="75000"/>
                  </a:prstClr>
                </a:solidFill>
              </a:rPr>
              <a:t>2024/8/19</a:t>
            </a:fld>
            <a:endParaRPr lang="en-US" dirty="0">
              <a:solidFill>
                <a:prstClr val="black">
                  <a:tint val="75000"/>
                </a:prstClr>
              </a:solidFill>
            </a:endParaRPr>
          </a:p>
        </p:txBody>
      </p:sp>
      <p:sp>
        <p:nvSpPr>
          <p:cNvPr id="6" name="Footer Placeholder 5"/>
          <p:cNvSpPr>
            <a:spLocks noGrp="1"/>
          </p:cNvSpPr>
          <p:nvPr>
            <p:ph type="ftr" sz="quarter" idx="11"/>
          </p:nvPr>
        </p:nvSpPr>
        <p:spPr/>
        <p:txBody>
          <a:bodyPr/>
          <a:lstStyle/>
          <a:p>
            <a:endParaRPr lang="ja-JP" altLang="en-US" dirty="0">
              <a:solidFill>
                <a:prstClr val="black">
                  <a:tint val="75000"/>
                </a:prstClr>
              </a:solidFill>
            </a:endParaRPr>
          </a:p>
        </p:txBody>
      </p:sp>
      <p:sp>
        <p:nvSpPr>
          <p:cNvPr id="7" name="Slide Number Placeholder 6"/>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967022619"/>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4" y="365129"/>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1800" b="1"/>
            </a:lvl1pPr>
            <a:lvl2pPr marL="342881" indent="0">
              <a:buNone/>
              <a:defRPr sz="1501" b="1"/>
            </a:lvl2pPr>
            <a:lvl3pPr marL="685763" indent="0">
              <a:buNone/>
              <a:defRPr sz="1352" b="1"/>
            </a:lvl3pPr>
            <a:lvl4pPr marL="1028642" indent="0">
              <a:buNone/>
              <a:defRPr sz="1200" b="1"/>
            </a:lvl4pPr>
            <a:lvl5pPr marL="1371523" indent="0">
              <a:buNone/>
              <a:defRPr sz="1200" b="1"/>
            </a:lvl5pPr>
            <a:lvl6pPr marL="1714405" indent="0">
              <a:buNone/>
              <a:defRPr sz="1200" b="1"/>
            </a:lvl6pPr>
            <a:lvl7pPr marL="2057286" indent="0">
              <a:buNone/>
              <a:defRPr sz="1200" b="1"/>
            </a:lvl7pPr>
            <a:lvl8pPr marL="2400167" indent="0">
              <a:buNone/>
              <a:defRPr sz="1200" b="1"/>
            </a:lvl8pPr>
            <a:lvl9pPr marL="2743047" indent="0">
              <a:buNone/>
              <a:defRPr sz="12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7"/>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8" y="1681163"/>
            <a:ext cx="3887391" cy="823912"/>
          </a:xfrm>
        </p:spPr>
        <p:txBody>
          <a:bodyPr anchor="b"/>
          <a:lstStyle>
            <a:lvl1pPr marL="0" indent="0">
              <a:buNone/>
              <a:defRPr sz="1800" b="1"/>
            </a:lvl1pPr>
            <a:lvl2pPr marL="342881" indent="0">
              <a:buNone/>
              <a:defRPr sz="1501" b="1"/>
            </a:lvl2pPr>
            <a:lvl3pPr marL="685763" indent="0">
              <a:buNone/>
              <a:defRPr sz="1352" b="1"/>
            </a:lvl3pPr>
            <a:lvl4pPr marL="1028642" indent="0">
              <a:buNone/>
              <a:defRPr sz="1200" b="1"/>
            </a:lvl4pPr>
            <a:lvl5pPr marL="1371523" indent="0">
              <a:buNone/>
              <a:defRPr sz="1200" b="1"/>
            </a:lvl5pPr>
            <a:lvl6pPr marL="1714405" indent="0">
              <a:buNone/>
              <a:defRPr sz="1200" b="1"/>
            </a:lvl6pPr>
            <a:lvl7pPr marL="2057286" indent="0">
              <a:buNone/>
              <a:defRPr sz="1200" b="1"/>
            </a:lvl7pPr>
            <a:lvl8pPr marL="2400167" indent="0">
              <a:buNone/>
              <a:defRPr sz="1200" b="1"/>
            </a:lvl8pPr>
            <a:lvl9pPr marL="2743047" indent="0">
              <a:buNone/>
              <a:defRPr sz="1200" b="1"/>
            </a:lvl9pPr>
          </a:lstStyle>
          <a:p>
            <a:pPr lvl="0"/>
            <a:r>
              <a:rPr lang="ja-JP" altLang="en-US"/>
              <a:t>マスター テキストの書式設定</a:t>
            </a:r>
          </a:p>
        </p:txBody>
      </p:sp>
      <p:sp>
        <p:nvSpPr>
          <p:cNvPr id="6" name="Content Placeholder 5"/>
          <p:cNvSpPr>
            <a:spLocks noGrp="1"/>
          </p:cNvSpPr>
          <p:nvPr>
            <p:ph sz="quarter" idx="4"/>
          </p:nvPr>
        </p:nvSpPr>
        <p:spPr>
          <a:xfrm>
            <a:off x="4629158" y="2505077"/>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FD7C69AE-0E4F-42BC-A860-6DB578E552A4}" type="datetime1">
              <a:rPr lang="ja-JP" altLang="en-US" smtClean="0">
                <a:solidFill>
                  <a:prstClr val="black">
                    <a:tint val="75000"/>
                  </a:prstClr>
                </a:solidFill>
              </a:rPr>
              <a:t>2024/8/19</a:t>
            </a:fld>
            <a:endParaRPr lang="en-US" dirty="0">
              <a:solidFill>
                <a:prstClr val="black">
                  <a:tint val="75000"/>
                </a:prstClr>
              </a:solidFill>
            </a:endParaRPr>
          </a:p>
        </p:txBody>
      </p:sp>
      <p:sp>
        <p:nvSpPr>
          <p:cNvPr id="8" name="Footer Placeholder 7"/>
          <p:cNvSpPr>
            <a:spLocks noGrp="1"/>
          </p:cNvSpPr>
          <p:nvPr>
            <p:ph type="ftr" sz="quarter" idx="11"/>
          </p:nvPr>
        </p:nvSpPr>
        <p:spPr/>
        <p:txBody>
          <a:bodyPr/>
          <a:lstStyle/>
          <a:p>
            <a:endParaRPr lang="ja-JP" altLang="en-US" dirty="0">
              <a:solidFill>
                <a:prstClr val="black">
                  <a:tint val="75000"/>
                </a:prstClr>
              </a:solidFill>
            </a:endParaRPr>
          </a:p>
        </p:txBody>
      </p:sp>
      <p:sp>
        <p:nvSpPr>
          <p:cNvPr id="9" name="Slide Number Placeholder 8"/>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70756769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12"/>
            <a:ext cx="7772400" cy="1362075"/>
          </a:xfrm>
        </p:spPr>
        <p:txBody>
          <a:bodyPr/>
          <a:lstStyle>
            <a:lvl1pPr algn="l">
              <a:defRPr sz="3250" b="1" u="none" cap="all"/>
            </a:lvl1pPr>
          </a:lstStyle>
          <a:p>
            <a:r>
              <a:rPr lang="ja-JP" altLang="en-US" dirty="0"/>
              <a:t>マスター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1625"/>
            </a:lvl1pPr>
            <a:lvl2pPr marL="371446" indent="0">
              <a:buNone/>
              <a:defRPr sz="1463"/>
            </a:lvl2pPr>
            <a:lvl3pPr marL="742892" indent="0">
              <a:buNone/>
              <a:defRPr sz="1300"/>
            </a:lvl3pPr>
            <a:lvl4pPr marL="1114336" indent="0">
              <a:buNone/>
              <a:defRPr sz="1138"/>
            </a:lvl4pPr>
            <a:lvl5pPr marL="1485780" indent="0">
              <a:buNone/>
              <a:defRPr sz="1138"/>
            </a:lvl5pPr>
            <a:lvl6pPr marL="1857225" indent="0">
              <a:buNone/>
              <a:defRPr sz="1138"/>
            </a:lvl6pPr>
            <a:lvl7pPr marL="2228670" indent="0">
              <a:buNone/>
              <a:defRPr sz="1138"/>
            </a:lvl7pPr>
            <a:lvl8pPr marL="2600115" indent="0">
              <a:buNone/>
              <a:defRPr sz="1138"/>
            </a:lvl8pPr>
            <a:lvl9pPr marL="2971561" indent="0">
              <a:buNone/>
              <a:defRPr sz="1138"/>
            </a:lvl9pPr>
          </a:lstStyle>
          <a:p>
            <a:pPr lvl="0"/>
            <a:r>
              <a:rPr lang="ja-JP" altLang="en-US"/>
              <a:t>マスター テキストの書式設定</a:t>
            </a:r>
          </a:p>
        </p:txBody>
      </p:sp>
      <p:sp>
        <p:nvSpPr>
          <p:cNvPr id="4" name="日付プレースホルダ 3"/>
          <p:cNvSpPr>
            <a:spLocks noGrp="1"/>
          </p:cNvSpPr>
          <p:nvPr>
            <p:ph type="dt" sz="half" idx="10"/>
          </p:nvPr>
        </p:nvSpPr>
        <p:spPr/>
        <p:txBody>
          <a:bodyPr/>
          <a:lstStyle>
            <a:lvl1pPr>
              <a:defRPr/>
            </a:lvl1pPr>
          </a:lstStyle>
          <a:p>
            <a:fld id="{8D81C9A0-2C3F-4A94-8CC7-7B88BD445A72}" type="datetime1">
              <a:rPr lang="ja-JP" altLang="en-US" smtClean="0">
                <a:solidFill>
                  <a:srgbClr val="000000"/>
                </a:solidFill>
              </a:rPr>
              <a:t>2024/8/19</a:t>
            </a:fld>
            <a:endParaRPr lang="en-US" altLang="ja-JP">
              <a:solidFill>
                <a:srgbClr val="000000"/>
              </a:solidFill>
            </a:endParaRPr>
          </a:p>
        </p:txBody>
      </p:sp>
      <p:sp>
        <p:nvSpPr>
          <p:cNvPr id="5" name="フッター プレースホルダ 4"/>
          <p:cNvSpPr>
            <a:spLocks noGrp="1"/>
          </p:cNvSpPr>
          <p:nvPr>
            <p:ph type="ftr" sz="quarter" idx="11"/>
          </p:nvPr>
        </p:nvSpPr>
        <p:spPr/>
        <p:txBody>
          <a:bodyPr/>
          <a:lstStyle>
            <a:lvl1pPr>
              <a:defRPr/>
            </a:lvl1pPr>
          </a:lstStyle>
          <a:p>
            <a:endParaRPr lang="en-US" altLang="ja-JP">
              <a:solidFill>
                <a:srgbClr val="000000"/>
              </a:solidFill>
            </a:endParaRPr>
          </a:p>
        </p:txBody>
      </p:sp>
      <p:sp>
        <p:nvSpPr>
          <p:cNvPr id="6" name="スライド番号プレースホルダ 5"/>
          <p:cNvSpPr>
            <a:spLocks noGrp="1"/>
          </p:cNvSpPr>
          <p:nvPr>
            <p:ph type="sldNum" sz="quarter" idx="12"/>
          </p:nvPr>
        </p:nvSpPr>
        <p:spPr/>
        <p:txBody>
          <a:bodyPr/>
          <a:lstStyle>
            <a:lvl1pPr>
              <a:defRPr/>
            </a:lvl1pPr>
          </a:lstStyle>
          <a:p>
            <a:fld id="{D0CC48D6-B6EB-4E96-B2A1-95FF5A497C02}"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2090203262"/>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C6EF08B7-3658-46A1-A0E8-4D803B947184}" type="datetime1">
              <a:rPr lang="ja-JP" altLang="en-US" smtClean="0">
                <a:solidFill>
                  <a:prstClr val="black">
                    <a:tint val="75000"/>
                  </a:prstClr>
                </a:solidFill>
              </a:rPr>
              <a:t>2024/8/19</a:t>
            </a:fld>
            <a:endParaRPr lang="en-US" dirty="0">
              <a:solidFill>
                <a:prstClr val="black">
                  <a:tint val="75000"/>
                </a:prstClr>
              </a:solidFill>
            </a:endParaRPr>
          </a:p>
        </p:txBody>
      </p:sp>
      <p:sp>
        <p:nvSpPr>
          <p:cNvPr id="4" name="Footer Placeholder 3"/>
          <p:cNvSpPr>
            <a:spLocks noGrp="1"/>
          </p:cNvSpPr>
          <p:nvPr>
            <p:ph type="ftr" sz="quarter" idx="11"/>
          </p:nvPr>
        </p:nvSpPr>
        <p:spPr/>
        <p:txBody>
          <a:bodyPr/>
          <a:lstStyle/>
          <a:p>
            <a:endParaRPr lang="ja-JP" altLang="en-US" dirty="0">
              <a:solidFill>
                <a:prstClr val="black">
                  <a:tint val="75000"/>
                </a:prstClr>
              </a:solidFill>
            </a:endParaRPr>
          </a:p>
        </p:txBody>
      </p:sp>
      <p:sp>
        <p:nvSpPr>
          <p:cNvPr id="5" name="Slide Number Placeholder 4"/>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4025592272"/>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99CDAAE-F43A-4DBB-B8B7-A9B5F68B1297}" type="datetime1">
              <a:rPr lang="ja-JP" altLang="en-US" smtClean="0">
                <a:solidFill>
                  <a:prstClr val="black">
                    <a:tint val="75000"/>
                  </a:prstClr>
                </a:solidFill>
              </a:rPr>
              <a:t>2024/8/19</a:t>
            </a:fld>
            <a:endParaRPr lang="en-US" dirty="0">
              <a:solidFill>
                <a:prstClr val="black">
                  <a:tint val="75000"/>
                </a:prstClr>
              </a:solidFill>
            </a:endParaRPr>
          </a:p>
        </p:txBody>
      </p:sp>
      <p:sp>
        <p:nvSpPr>
          <p:cNvPr id="3" name="Footer Placeholder 2"/>
          <p:cNvSpPr>
            <a:spLocks noGrp="1"/>
          </p:cNvSpPr>
          <p:nvPr>
            <p:ph type="ftr" sz="quarter" idx="11"/>
          </p:nvPr>
        </p:nvSpPr>
        <p:spPr/>
        <p:txBody>
          <a:bodyPr/>
          <a:lstStyle/>
          <a:p>
            <a:endParaRPr lang="ja-JP" altLang="en-US" dirty="0">
              <a:solidFill>
                <a:prstClr val="black">
                  <a:tint val="75000"/>
                </a:prstClr>
              </a:solidFill>
            </a:endParaRPr>
          </a:p>
        </p:txBody>
      </p:sp>
      <p:sp>
        <p:nvSpPr>
          <p:cNvPr id="4" name="Slide Number Placeholder 3"/>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272173162"/>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9" y="457200"/>
            <a:ext cx="2949179" cy="1600200"/>
          </a:xfrm>
        </p:spPr>
        <p:txBody>
          <a:bodyPr anchor="b"/>
          <a:lstStyle>
            <a:lvl1pPr>
              <a:defRPr sz="2401"/>
            </a:lvl1pPr>
          </a:lstStyle>
          <a:p>
            <a:r>
              <a:rPr lang="ja-JP" altLang="en-US"/>
              <a:t>マスター タイトルの書式設定</a:t>
            </a:r>
            <a:endParaRPr lang="en-US" dirty="0"/>
          </a:p>
        </p:txBody>
      </p:sp>
      <p:sp>
        <p:nvSpPr>
          <p:cNvPr id="3" name="Content Placeholder 2"/>
          <p:cNvSpPr>
            <a:spLocks noGrp="1"/>
          </p:cNvSpPr>
          <p:nvPr>
            <p:ph idx="1"/>
          </p:nvPr>
        </p:nvSpPr>
        <p:spPr>
          <a:xfrm>
            <a:off x="3887397" y="987445"/>
            <a:ext cx="4629151" cy="4873625"/>
          </a:xfrm>
        </p:spPr>
        <p:txBody>
          <a:bodyPr/>
          <a:lstStyle>
            <a:lvl1pPr>
              <a:defRPr sz="2401"/>
            </a:lvl1pPr>
            <a:lvl2pPr>
              <a:defRPr sz="2100"/>
            </a:lvl2pPr>
            <a:lvl3pPr>
              <a:defRPr sz="1800"/>
            </a:lvl3pPr>
            <a:lvl4pPr>
              <a:defRPr sz="1501"/>
            </a:lvl4pPr>
            <a:lvl5pPr>
              <a:defRPr sz="1501"/>
            </a:lvl5pPr>
            <a:lvl6pPr>
              <a:defRPr sz="1501"/>
            </a:lvl6pPr>
            <a:lvl7pPr>
              <a:defRPr sz="1501"/>
            </a:lvl7pPr>
            <a:lvl8pPr>
              <a:defRPr sz="1501"/>
            </a:lvl8pPr>
            <a:lvl9pPr>
              <a:defRPr sz="1501"/>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9" y="2057407"/>
            <a:ext cx="2949179" cy="3811588"/>
          </a:xfrm>
        </p:spPr>
        <p:txBody>
          <a:bodyPr/>
          <a:lstStyle>
            <a:lvl1pPr marL="0" indent="0">
              <a:buNone/>
              <a:defRPr sz="1200"/>
            </a:lvl1pPr>
            <a:lvl2pPr marL="342881" indent="0">
              <a:buNone/>
              <a:defRPr sz="1050"/>
            </a:lvl2pPr>
            <a:lvl3pPr marL="685763" indent="0">
              <a:buNone/>
              <a:defRPr sz="900"/>
            </a:lvl3pPr>
            <a:lvl4pPr marL="1028642" indent="0">
              <a:buNone/>
              <a:defRPr sz="750"/>
            </a:lvl4pPr>
            <a:lvl5pPr marL="1371523" indent="0">
              <a:buNone/>
              <a:defRPr sz="750"/>
            </a:lvl5pPr>
            <a:lvl6pPr marL="1714405" indent="0">
              <a:buNone/>
              <a:defRPr sz="750"/>
            </a:lvl6pPr>
            <a:lvl7pPr marL="2057286" indent="0">
              <a:buNone/>
              <a:defRPr sz="750"/>
            </a:lvl7pPr>
            <a:lvl8pPr marL="2400167" indent="0">
              <a:buNone/>
              <a:defRPr sz="750"/>
            </a:lvl8pPr>
            <a:lvl9pPr marL="2743047" indent="0">
              <a:buNone/>
              <a:defRPr sz="75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2924C5D2-C72A-4912-8B6D-D254F46BED9F}" type="datetime1">
              <a:rPr lang="ja-JP" altLang="en-US" smtClean="0">
                <a:solidFill>
                  <a:prstClr val="black">
                    <a:tint val="75000"/>
                  </a:prstClr>
                </a:solidFill>
              </a:rPr>
              <a:t>2024/8/19</a:t>
            </a:fld>
            <a:endParaRPr lang="en-US" dirty="0">
              <a:solidFill>
                <a:prstClr val="black">
                  <a:tint val="75000"/>
                </a:prstClr>
              </a:solidFill>
            </a:endParaRPr>
          </a:p>
        </p:txBody>
      </p:sp>
      <p:sp>
        <p:nvSpPr>
          <p:cNvPr id="6" name="Footer Placeholder 5"/>
          <p:cNvSpPr>
            <a:spLocks noGrp="1"/>
          </p:cNvSpPr>
          <p:nvPr>
            <p:ph type="ftr" sz="quarter" idx="11"/>
          </p:nvPr>
        </p:nvSpPr>
        <p:spPr/>
        <p:txBody>
          <a:bodyPr/>
          <a:lstStyle/>
          <a:p>
            <a:endParaRPr lang="ja-JP" altLang="en-US" dirty="0">
              <a:solidFill>
                <a:prstClr val="black">
                  <a:tint val="75000"/>
                </a:prstClr>
              </a:solidFill>
            </a:endParaRPr>
          </a:p>
        </p:txBody>
      </p:sp>
      <p:sp>
        <p:nvSpPr>
          <p:cNvPr id="7" name="Slide Number Placeholder 6"/>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372614769"/>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9" y="457200"/>
            <a:ext cx="2949179" cy="1600200"/>
          </a:xfrm>
        </p:spPr>
        <p:txBody>
          <a:bodyPr anchor="b"/>
          <a:lstStyle>
            <a:lvl1pPr>
              <a:defRPr sz="2401"/>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7" y="987445"/>
            <a:ext cx="4629151" cy="4873625"/>
          </a:xfrm>
        </p:spPr>
        <p:txBody>
          <a:bodyPr anchor="t"/>
          <a:lstStyle>
            <a:lvl1pPr marL="0" indent="0">
              <a:buNone/>
              <a:defRPr sz="2401"/>
            </a:lvl1pPr>
            <a:lvl2pPr marL="342881" indent="0">
              <a:buNone/>
              <a:defRPr sz="2100"/>
            </a:lvl2pPr>
            <a:lvl3pPr marL="685763" indent="0">
              <a:buNone/>
              <a:defRPr sz="1800"/>
            </a:lvl3pPr>
            <a:lvl4pPr marL="1028642" indent="0">
              <a:buNone/>
              <a:defRPr sz="1501"/>
            </a:lvl4pPr>
            <a:lvl5pPr marL="1371523" indent="0">
              <a:buNone/>
              <a:defRPr sz="1501"/>
            </a:lvl5pPr>
            <a:lvl6pPr marL="1714405" indent="0">
              <a:buNone/>
              <a:defRPr sz="1501"/>
            </a:lvl6pPr>
            <a:lvl7pPr marL="2057286" indent="0">
              <a:buNone/>
              <a:defRPr sz="1501"/>
            </a:lvl7pPr>
            <a:lvl8pPr marL="2400167" indent="0">
              <a:buNone/>
              <a:defRPr sz="1501"/>
            </a:lvl8pPr>
            <a:lvl9pPr marL="2743047" indent="0">
              <a:buNone/>
              <a:defRPr sz="1501"/>
            </a:lvl9pPr>
          </a:lstStyle>
          <a:p>
            <a:r>
              <a:rPr lang="ja-JP" altLang="en-US"/>
              <a:t>図を追加</a:t>
            </a:r>
            <a:endParaRPr lang="en-US" dirty="0"/>
          </a:p>
        </p:txBody>
      </p:sp>
      <p:sp>
        <p:nvSpPr>
          <p:cNvPr id="4" name="Text Placeholder 3"/>
          <p:cNvSpPr>
            <a:spLocks noGrp="1"/>
          </p:cNvSpPr>
          <p:nvPr>
            <p:ph type="body" sz="half" idx="2"/>
          </p:nvPr>
        </p:nvSpPr>
        <p:spPr>
          <a:xfrm>
            <a:off x="629849" y="2057407"/>
            <a:ext cx="2949179" cy="3811588"/>
          </a:xfrm>
        </p:spPr>
        <p:txBody>
          <a:bodyPr/>
          <a:lstStyle>
            <a:lvl1pPr marL="0" indent="0">
              <a:buNone/>
              <a:defRPr sz="1200"/>
            </a:lvl1pPr>
            <a:lvl2pPr marL="342881" indent="0">
              <a:buNone/>
              <a:defRPr sz="1050"/>
            </a:lvl2pPr>
            <a:lvl3pPr marL="685763" indent="0">
              <a:buNone/>
              <a:defRPr sz="900"/>
            </a:lvl3pPr>
            <a:lvl4pPr marL="1028642" indent="0">
              <a:buNone/>
              <a:defRPr sz="750"/>
            </a:lvl4pPr>
            <a:lvl5pPr marL="1371523" indent="0">
              <a:buNone/>
              <a:defRPr sz="750"/>
            </a:lvl5pPr>
            <a:lvl6pPr marL="1714405" indent="0">
              <a:buNone/>
              <a:defRPr sz="750"/>
            </a:lvl6pPr>
            <a:lvl7pPr marL="2057286" indent="0">
              <a:buNone/>
              <a:defRPr sz="750"/>
            </a:lvl7pPr>
            <a:lvl8pPr marL="2400167" indent="0">
              <a:buNone/>
              <a:defRPr sz="750"/>
            </a:lvl8pPr>
            <a:lvl9pPr marL="2743047" indent="0">
              <a:buNone/>
              <a:defRPr sz="75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E8019F46-FB44-459A-B1E9-A4448EEB276A}" type="datetime1">
              <a:rPr lang="ja-JP" altLang="en-US" smtClean="0">
                <a:solidFill>
                  <a:prstClr val="black">
                    <a:tint val="75000"/>
                  </a:prstClr>
                </a:solidFill>
              </a:rPr>
              <a:t>2024/8/19</a:t>
            </a:fld>
            <a:endParaRPr lang="en-US" dirty="0">
              <a:solidFill>
                <a:prstClr val="black">
                  <a:tint val="75000"/>
                </a:prstClr>
              </a:solidFill>
            </a:endParaRPr>
          </a:p>
        </p:txBody>
      </p:sp>
      <p:sp>
        <p:nvSpPr>
          <p:cNvPr id="6" name="Footer Placeholder 5"/>
          <p:cNvSpPr>
            <a:spLocks noGrp="1"/>
          </p:cNvSpPr>
          <p:nvPr>
            <p:ph type="ftr" sz="quarter" idx="11"/>
          </p:nvPr>
        </p:nvSpPr>
        <p:spPr/>
        <p:txBody>
          <a:bodyPr/>
          <a:lstStyle/>
          <a:p>
            <a:endParaRPr lang="ja-JP" altLang="en-US" dirty="0">
              <a:solidFill>
                <a:prstClr val="black">
                  <a:tint val="75000"/>
                </a:prstClr>
              </a:solidFill>
            </a:endParaRPr>
          </a:p>
        </p:txBody>
      </p:sp>
      <p:sp>
        <p:nvSpPr>
          <p:cNvPr id="7" name="Slide Number Placeholder 6"/>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3765854603"/>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6ADB208E-1285-41A6-A0DC-44032BC2CFE7}" type="datetime1">
              <a:rPr lang="ja-JP" altLang="en-US" smtClean="0">
                <a:solidFill>
                  <a:prstClr val="black">
                    <a:tint val="75000"/>
                  </a:prstClr>
                </a:solidFill>
              </a:rPr>
              <a:t>2024/8/19</a:t>
            </a:fld>
            <a:endParaRPr lang="en-US" dirty="0">
              <a:solidFill>
                <a:prstClr val="black">
                  <a:tint val="75000"/>
                </a:prstClr>
              </a:solidFill>
            </a:endParaRPr>
          </a:p>
        </p:txBody>
      </p:sp>
      <p:sp>
        <p:nvSpPr>
          <p:cNvPr id="5" name="Footer Placeholder 4"/>
          <p:cNvSpPr>
            <a:spLocks noGrp="1"/>
          </p:cNvSpPr>
          <p:nvPr>
            <p:ph type="ftr" sz="quarter" idx="11"/>
          </p:nvPr>
        </p:nvSpPr>
        <p:spPr/>
        <p:txBody>
          <a:bodyPr/>
          <a:lstStyle/>
          <a:p>
            <a:endParaRPr lang="ja-JP" altLang="en-US" dirty="0">
              <a:solidFill>
                <a:prstClr val="black">
                  <a:tint val="75000"/>
                </a:prstClr>
              </a:solidFill>
            </a:endParaRPr>
          </a:p>
        </p:txBody>
      </p:sp>
      <p:sp>
        <p:nvSpPr>
          <p:cNvPr id="6" name="Slide Number Placeholder 5"/>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988019906"/>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80" y="365141"/>
            <a:ext cx="1971675" cy="5811839"/>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5" y="365141"/>
            <a:ext cx="5800725" cy="5811839"/>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9ACC509E-A89E-4E1C-B3C3-67C5B6CBB205}" type="datetime1">
              <a:rPr lang="ja-JP" altLang="en-US" smtClean="0">
                <a:solidFill>
                  <a:prstClr val="black">
                    <a:tint val="75000"/>
                  </a:prstClr>
                </a:solidFill>
              </a:rPr>
              <a:t>2024/8/19</a:t>
            </a:fld>
            <a:endParaRPr lang="en-US" dirty="0">
              <a:solidFill>
                <a:prstClr val="black">
                  <a:tint val="75000"/>
                </a:prstClr>
              </a:solidFill>
            </a:endParaRPr>
          </a:p>
        </p:txBody>
      </p:sp>
      <p:sp>
        <p:nvSpPr>
          <p:cNvPr id="5" name="Footer Placeholder 4"/>
          <p:cNvSpPr>
            <a:spLocks noGrp="1"/>
          </p:cNvSpPr>
          <p:nvPr>
            <p:ph type="ftr" sz="quarter" idx="11"/>
          </p:nvPr>
        </p:nvSpPr>
        <p:spPr/>
        <p:txBody>
          <a:bodyPr/>
          <a:lstStyle/>
          <a:p>
            <a:endParaRPr lang="ja-JP" altLang="en-US" dirty="0">
              <a:solidFill>
                <a:prstClr val="black">
                  <a:tint val="75000"/>
                </a:prstClr>
              </a:solidFill>
            </a:endParaRPr>
          </a:p>
        </p:txBody>
      </p:sp>
      <p:sp>
        <p:nvSpPr>
          <p:cNvPr id="6" name="Slide Number Placeholder 5"/>
          <p:cNvSpPr>
            <a:spLocks noGrp="1"/>
          </p:cNvSpPr>
          <p:nvPr>
            <p:ph type="sldNum" sz="quarter" idx="12"/>
          </p:nvPr>
        </p:nvSpPr>
        <p:spPr/>
        <p:txBody>
          <a:bodyPr/>
          <a:lstStyle/>
          <a:p>
            <a:fld id="{B4B91C90-22A3-4825-BE5F-CB83697714E7}" type="slidenum">
              <a:rPr kumimoji="1" lang="ja-JP" altLang="en-US" smtClean="0">
                <a:solidFill>
                  <a:prstClr val="black">
                    <a:tint val="75000"/>
                  </a:prstClr>
                </a:solidFill>
              </a:rPr>
              <a:pPr/>
              <a:t>‹#›</a:t>
            </a:fld>
            <a:endParaRPr kumimoji="1" lang="ja-JP" altLang="en-US" dirty="0">
              <a:solidFill>
                <a:prstClr val="black">
                  <a:tint val="75000"/>
                </a:prstClr>
              </a:solidFill>
            </a:endParaRPr>
          </a:p>
        </p:txBody>
      </p:sp>
    </p:spTree>
    <p:extLst>
      <p:ext uri="{BB962C8B-B14F-4D97-AF65-F5344CB8AC3E}">
        <p14:creationId xmlns:p14="http://schemas.microsoft.com/office/powerpoint/2010/main" val="1103942800"/>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p:spPr>
        <p:txBody>
          <a:bodyPr anchor="b"/>
          <a:lstStyle>
            <a:lvl1pPr algn="ctr">
              <a:defRPr sz="6000"/>
            </a:lvl1pPr>
          </a:lstStyle>
          <a:p>
            <a:r>
              <a:rPr lang="ja-JP" altLang="en-US"/>
              <a:t>マスター タイトルの書式設定</a:t>
            </a:r>
            <a:endParaRPr lang="en-US" dirty="0"/>
          </a:p>
        </p:txBody>
      </p:sp>
      <p:sp>
        <p:nvSpPr>
          <p:cNvPr id="3" name="Subtitle 2"/>
          <p:cNvSpPr>
            <a:spLocks noGrp="1"/>
          </p:cNvSpPr>
          <p:nvPr>
            <p:ph type="subTitle" idx="1"/>
          </p:nvPr>
        </p:nvSpPr>
        <p:spPr>
          <a:xfrm>
            <a:off x="1143000" y="3602038"/>
            <a:ext cx="6858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ja-JP" altLang="en-US"/>
              <a:t>マスター サブタイトルの書式設定</a:t>
            </a:r>
            <a:endParaRPr lang="en-US" dirty="0"/>
          </a:p>
        </p:txBody>
      </p:sp>
      <p:sp>
        <p:nvSpPr>
          <p:cNvPr id="4" name="Date Placeholder 3"/>
          <p:cNvSpPr>
            <a:spLocks noGrp="1"/>
          </p:cNvSpPr>
          <p:nvPr>
            <p:ph type="dt" sz="half" idx="10"/>
          </p:nvPr>
        </p:nvSpPr>
        <p:spPr/>
        <p:txBody>
          <a:bodyPr/>
          <a:lstStyle/>
          <a:p>
            <a:fld id="{B1109F75-1985-4A17-8C93-B44A770F436B}" type="datetime1">
              <a:rPr kumimoji="1" lang="ja-JP" altLang="en-US" smtClean="0"/>
              <a:t>2024/8/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99822615"/>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idx="1"/>
          </p:nvPr>
        </p:nvSpPr>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A14C057B-00C4-49A6-AB10-B699406FB41D}" type="datetime1">
              <a:rPr kumimoji="1" lang="ja-JP" altLang="en-US" smtClean="0"/>
              <a:t>2024/8/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760629543"/>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Title 1"/>
          <p:cNvSpPr>
            <a:spLocks noGrp="1"/>
          </p:cNvSpPr>
          <p:nvPr>
            <p:ph type="title"/>
          </p:nvPr>
        </p:nvSpPr>
        <p:spPr>
          <a:xfrm>
            <a:off x="623888" y="1709739"/>
            <a:ext cx="7886700" cy="2852737"/>
          </a:xfrm>
        </p:spPr>
        <p:txBody>
          <a:bodyPr anchor="b"/>
          <a:lstStyle>
            <a:lvl1pPr>
              <a:defRPr sz="6000"/>
            </a:lvl1pPr>
          </a:lstStyle>
          <a:p>
            <a:r>
              <a:rPr lang="ja-JP" altLang="en-US"/>
              <a:t>マスター タイトルの書式設定</a:t>
            </a:r>
            <a:endParaRPr lang="en-US" dirty="0"/>
          </a:p>
        </p:txBody>
      </p:sp>
      <p:sp>
        <p:nvSpPr>
          <p:cNvPr id="3" name="Text Placeholder 2"/>
          <p:cNvSpPr>
            <a:spLocks noGrp="1"/>
          </p:cNvSpPr>
          <p:nvPr>
            <p:ph type="body" idx="1"/>
          </p:nvPr>
        </p:nvSpPr>
        <p:spPr>
          <a:xfrm>
            <a:off x="623888" y="4589464"/>
            <a:ext cx="7886700" cy="1500187"/>
          </a:xfrm>
        </p:spPr>
        <p:txBody>
          <a:bodyPr/>
          <a:lstStyle>
            <a:lvl1pPr marL="0" indent="0">
              <a:buNone/>
              <a:defRPr sz="2400">
                <a:solidFill>
                  <a:schemeClr val="tx1"/>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ja-JP" altLang="en-US"/>
              <a:t>マスター テキストの書式設定</a:t>
            </a:r>
          </a:p>
        </p:txBody>
      </p:sp>
      <p:sp>
        <p:nvSpPr>
          <p:cNvPr id="4" name="Date Placeholder 3"/>
          <p:cNvSpPr>
            <a:spLocks noGrp="1"/>
          </p:cNvSpPr>
          <p:nvPr>
            <p:ph type="dt" sz="half" idx="10"/>
          </p:nvPr>
        </p:nvSpPr>
        <p:spPr/>
        <p:txBody>
          <a:bodyPr/>
          <a:lstStyle/>
          <a:p>
            <a:fld id="{66D711F6-1B0C-4C86-B929-6038A3DC9E89}" type="datetime1">
              <a:rPr kumimoji="1" lang="ja-JP" altLang="en-US" smtClean="0"/>
              <a:t>2024/8/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166205008"/>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Content Placeholder 2"/>
          <p:cNvSpPr>
            <a:spLocks noGrp="1"/>
          </p:cNvSpPr>
          <p:nvPr>
            <p:ph sz="half" idx="1"/>
          </p:nvPr>
        </p:nvSpPr>
        <p:spPr>
          <a:xfrm>
            <a:off x="6286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Content Placeholder 3"/>
          <p:cNvSpPr>
            <a:spLocks noGrp="1"/>
          </p:cNvSpPr>
          <p:nvPr>
            <p:ph sz="half" idx="2"/>
          </p:nvPr>
        </p:nvSpPr>
        <p:spPr>
          <a:xfrm>
            <a:off x="4629150" y="1825625"/>
            <a:ext cx="3886200" cy="435133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Date Placeholder 4"/>
          <p:cNvSpPr>
            <a:spLocks noGrp="1"/>
          </p:cNvSpPr>
          <p:nvPr>
            <p:ph type="dt" sz="half" idx="10"/>
          </p:nvPr>
        </p:nvSpPr>
        <p:spPr/>
        <p:txBody>
          <a:bodyPr/>
          <a:lstStyle/>
          <a:p>
            <a:fld id="{74F526A3-B97E-40B8-9259-566B2E834EC5}" type="datetime1">
              <a:rPr kumimoji="1" lang="ja-JP" altLang="en-US" smtClean="0"/>
              <a:t>2024/8/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35164218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コンテンツ プレースホルダ 2"/>
          <p:cNvSpPr>
            <a:spLocks noGrp="1"/>
          </p:cNvSpPr>
          <p:nvPr>
            <p:ph sz="half" idx="1"/>
          </p:nvPr>
        </p:nvSpPr>
        <p:spPr>
          <a:xfrm>
            <a:off x="395290" y="1557341"/>
            <a:ext cx="4100512" cy="4824412"/>
          </a:xfrm>
        </p:spPr>
        <p:txBody>
          <a:bodyPr/>
          <a:lstStyle>
            <a:lvl1pPr>
              <a:defRPr sz="2275"/>
            </a:lvl1pPr>
            <a:lvl2pPr>
              <a:defRPr sz="1950"/>
            </a:lvl2pPr>
            <a:lvl3pPr>
              <a:defRPr sz="1625"/>
            </a:lvl3pPr>
            <a:lvl4pPr>
              <a:defRPr sz="1463"/>
            </a:lvl4pPr>
            <a:lvl5pPr>
              <a:defRPr sz="1463"/>
            </a:lvl5pPr>
            <a:lvl6pPr>
              <a:defRPr sz="1463"/>
            </a:lvl6pPr>
            <a:lvl7pPr>
              <a:defRPr sz="1463"/>
            </a:lvl7pPr>
            <a:lvl8pPr>
              <a:defRPr sz="1463"/>
            </a:lvl8pPr>
            <a:lvl9pPr>
              <a:defRPr sz="1463"/>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 3"/>
          <p:cNvSpPr>
            <a:spLocks noGrp="1"/>
          </p:cNvSpPr>
          <p:nvPr>
            <p:ph sz="half" idx="2"/>
          </p:nvPr>
        </p:nvSpPr>
        <p:spPr>
          <a:xfrm>
            <a:off x="4648208" y="1557341"/>
            <a:ext cx="4100513" cy="4824412"/>
          </a:xfrm>
        </p:spPr>
        <p:txBody>
          <a:bodyPr/>
          <a:lstStyle>
            <a:lvl1pPr>
              <a:defRPr sz="2275"/>
            </a:lvl1pPr>
            <a:lvl2pPr>
              <a:defRPr sz="1950"/>
            </a:lvl2pPr>
            <a:lvl3pPr>
              <a:defRPr sz="1625"/>
            </a:lvl3pPr>
            <a:lvl4pPr>
              <a:defRPr sz="1463"/>
            </a:lvl4pPr>
            <a:lvl5pPr>
              <a:defRPr sz="1463"/>
            </a:lvl5pPr>
            <a:lvl6pPr>
              <a:defRPr sz="1463"/>
            </a:lvl6pPr>
            <a:lvl7pPr>
              <a:defRPr sz="1463"/>
            </a:lvl7pPr>
            <a:lvl8pPr>
              <a:defRPr sz="1463"/>
            </a:lvl8pPr>
            <a:lvl9pPr>
              <a:defRPr sz="1463"/>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日付プレースホルダ 4"/>
          <p:cNvSpPr>
            <a:spLocks noGrp="1"/>
          </p:cNvSpPr>
          <p:nvPr>
            <p:ph type="dt" sz="half" idx="10"/>
          </p:nvPr>
        </p:nvSpPr>
        <p:spPr/>
        <p:txBody>
          <a:bodyPr/>
          <a:lstStyle>
            <a:lvl1pPr>
              <a:defRPr/>
            </a:lvl1pPr>
          </a:lstStyle>
          <a:p>
            <a:fld id="{9A43E0AD-76B0-4592-9A09-B84631735611}" type="datetime1">
              <a:rPr lang="ja-JP" altLang="en-US" smtClean="0">
                <a:solidFill>
                  <a:srgbClr val="000000"/>
                </a:solidFill>
              </a:rPr>
              <a:t>2024/8/19</a:t>
            </a:fld>
            <a:endParaRPr lang="en-US" altLang="ja-JP">
              <a:solidFill>
                <a:srgbClr val="000000"/>
              </a:solidFill>
            </a:endParaRPr>
          </a:p>
        </p:txBody>
      </p:sp>
      <p:sp>
        <p:nvSpPr>
          <p:cNvPr id="6" name="フッター プレースホルダ 5"/>
          <p:cNvSpPr>
            <a:spLocks noGrp="1"/>
          </p:cNvSpPr>
          <p:nvPr>
            <p:ph type="ftr" sz="quarter" idx="11"/>
          </p:nvPr>
        </p:nvSpPr>
        <p:spPr/>
        <p:txBody>
          <a:bodyPr/>
          <a:lstStyle>
            <a:lvl1pPr>
              <a:defRPr/>
            </a:lvl1pPr>
          </a:lstStyle>
          <a:p>
            <a:endParaRPr lang="en-US" altLang="ja-JP">
              <a:solidFill>
                <a:srgbClr val="000000"/>
              </a:solidFill>
            </a:endParaRPr>
          </a:p>
        </p:txBody>
      </p:sp>
      <p:sp>
        <p:nvSpPr>
          <p:cNvPr id="7" name="スライド番号プレースホルダ 6"/>
          <p:cNvSpPr>
            <a:spLocks noGrp="1"/>
          </p:cNvSpPr>
          <p:nvPr>
            <p:ph type="sldNum" sz="quarter" idx="12"/>
          </p:nvPr>
        </p:nvSpPr>
        <p:spPr/>
        <p:txBody>
          <a:bodyPr/>
          <a:lstStyle>
            <a:lvl1pPr>
              <a:defRPr/>
            </a:lvl1pPr>
          </a:lstStyle>
          <a:p>
            <a:fld id="{C329FA1A-E927-4A92-BE6C-3418CD7B6CA9}"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1712964615"/>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Title 1"/>
          <p:cNvSpPr>
            <a:spLocks noGrp="1"/>
          </p:cNvSpPr>
          <p:nvPr>
            <p:ph type="title"/>
          </p:nvPr>
        </p:nvSpPr>
        <p:spPr>
          <a:xfrm>
            <a:off x="629841" y="365126"/>
            <a:ext cx="7886700" cy="1325563"/>
          </a:xfrm>
        </p:spPr>
        <p:txBody>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9842" y="1681163"/>
            <a:ext cx="3868340"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4" name="Content Placeholder 3"/>
          <p:cNvSpPr>
            <a:spLocks noGrp="1"/>
          </p:cNvSpPr>
          <p:nvPr>
            <p:ph sz="half" idx="2"/>
          </p:nvPr>
        </p:nvSpPr>
        <p:spPr>
          <a:xfrm>
            <a:off x="629842" y="2505075"/>
            <a:ext cx="3868340"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5" name="Text Placeholder 4"/>
          <p:cNvSpPr>
            <a:spLocks noGrp="1"/>
          </p:cNvSpPr>
          <p:nvPr>
            <p:ph type="body" sz="quarter" idx="3"/>
          </p:nvPr>
        </p:nvSpPr>
        <p:spPr>
          <a:xfrm>
            <a:off x="4629150" y="1681163"/>
            <a:ext cx="3887391"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ー テキストの書式設定</a:t>
            </a:r>
          </a:p>
        </p:txBody>
      </p:sp>
      <p:sp>
        <p:nvSpPr>
          <p:cNvPr id="6" name="Content Placeholder 5"/>
          <p:cNvSpPr>
            <a:spLocks noGrp="1"/>
          </p:cNvSpPr>
          <p:nvPr>
            <p:ph sz="quarter" idx="4"/>
          </p:nvPr>
        </p:nvSpPr>
        <p:spPr>
          <a:xfrm>
            <a:off x="4629150" y="2505075"/>
            <a:ext cx="3887391" cy="3684588"/>
          </a:xfrm>
        </p:spPr>
        <p:txBody>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7" name="Date Placeholder 6"/>
          <p:cNvSpPr>
            <a:spLocks noGrp="1"/>
          </p:cNvSpPr>
          <p:nvPr>
            <p:ph type="dt" sz="half" idx="10"/>
          </p:nvPr>
        </p:nvSpPr>
        <p:spPr/>
        <p:txBody>
          <a:bodyPr/>
          <a:lstStyle/>
          <a:p>
            <a:fld id="{9F1B471E-73BB-486E-82B0-5D31526CE51D}" type="datetime1">
              <a:rPr kumimoji="1" lang="ja-JP" altLang="en-US" smtClean="0"/>
              <a:t>2024/8/19</a:t>
            </a:fld>
            <a:endParaRPr kumimoji="1" lang="ja-JP" altLang="en-US"/>
          </a:p>
        </p:txBody>
      </p:sp>
      <p:sp>
        <p:nvSpPr>
          <p:cNvPr id="8" name="Footer Placeholder 7"/>
          <p:cNvSpPr>
            <a:spLocks noGrp="1"/>
          </p:cNvSpPr>
          <p:nvPr>
            <p:ph type="ftr" sz="quarter" idx="11"/>
          </p:nvPr>
        </p:nvSpPr>
        <p:spPr/>
        <p:txBody>
          <a:bodyPr/>
          <a:lstStyle/>
          <a:p>
            <a:endParaRPr kumimoji="1" lang="ja-JP" altLang="en-US"/>
          </a:p>
        </p:txBody>
      </p:sp>
      <p:sp>
        <p:nvSpPr>
          <p:cNvPr id="9" name="Slide Number Placeholder 8"/>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1883097395"/>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Date Placeholder 2"/>
          <p:cNvSpPr>
            <a:spLocks noGrp="1"/>
          </p:cNvSpPr>
          <p:nvPr>
            <p:ph type="dt" sz="half" idx="10"/>
          </p:nvPr>
        </p:nvSpPr>
        <p:spPr/>
        <p:txBody>
          <a:bodyPr/>
          <a:lstStyle/>
          <a:p>
            <a:fld id="{FB83DBEF-858E-4C66-A0A8-4586994BD71D}" type="datetime1">
              <a:rPr kumimoji="1" lang="ja-JP" altLang="en-US" smtClean="0"/>
              <a:t>2024/8/19</a:t>
            </a:fld>
            <a:endParaRPr kumimoji="1" lang="ja-JP" altLang="en-US"/>
          </a:p>
        </p:txBody>
      </p:sp>
      <p:sp>
        <p:nvSpPr>
          <p:cNvPr id="4" name="Footer Placeholder 3"/>
          <p:cNvSpPr>
            <a:spLocks noGrp="1"/>
          </p:cNvSpPr>
          <p:nvPr>
            <p:ph type="ftr" sz="quarter" idx="11"/>
          </p:nvPr>
        </p:nvSpPr>
        <p:spPr/>
        <p:txBody>
          <a:bodyPr/>
          <a:lstStyle/>
          <a:p>
            <a:endParaRPr kumimoji="1" lang="ja-JP" altLang="en-US"/>
          </a:p>
        </p:txBody>
      </p:sp>
      <p:sp>
        <p:nvSpPr>
          <p:cNvPr id="5" name="Slide Number Placeholder 4"/>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339638439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C04D5FED-43E9-4BE6-9E1A-C09985B95042}" type="datetime1">
              <a:rPr kumimoji="1" lang="ja-JP" altLang="en-US" smtClean="0"/>
              <a:t>2024/8/19</a:t>
            </a:fld>
            <a:endParaRPr kumimoji="1" lang="ja-JP" altLang="en-US"/>
          </a:p>
        </p:txBody>
      </p:sp>
      <p:sp>
        <p:nvSpPr>
          <p:cNvPr id="3" name="Footer Placeholder 2"/>
          <p:cNvSpPr>
            <a:spLocks noGrp="1"/>
          </p:cNvSpPr>
          <p:nvPr>
            <p:ph type="ftr" sz="quarter" idx="11"/>
          </p:nvPr>
        </p:nvSpPr>
        <p:spPr/>
        <p:txBody>
          <a:bodyPr/>
          <a:lstStyle/>
          <a:p>
            <a:endParaRPr kumimoji="1" lang="ja-JP" altLang="en-US"/>
          </a:p>
        </p:txBody>
      </p:sp>
      <p:sp>
        <p:nvSpPr>
          <p:cNvPr id="4" name="Slide Number Placeholder 3"/>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261558085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Content Placeholder 2"/>
          <p:cNvSpPr>
            <a:spLocks noGrp="1"/>
          </p:cNvSpPr>
          <p:nvPr>
            <p:ph idx="1"/>
          </p:nvPr>
        </p:nvSpPr>
        <p:spPr>
          <a:xfrm>
            <a:off x="3887391" y="987426"/>
            <a:ext cx="462915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C297B5EE-D58D-4EE7-8C27-5CF3D9DA1526}" type="datetime1">
              <a:rPr kumimoji="1" lang="ja-JP" altLang="en-US" smtClean="0"/>
              <a:t>2024/8/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2855631325"/>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p:spPr>
        <p:txBody>
          <a:bodyPr anchor="b"/>
          <a:lstStyle>
            <a:lvl1pPr>
              <a:defRPr sz="3200"/>
            </a:lvl1pPr>
          </a:lstStyle>
          <a:p>
            <a:r>
              <a:rPr lang="ja-JP" altLang="en-US"/>
              <a:t>マスター タイトルの書式設定</a:t>
            </a:r>
            <a:endParaRPr lang="en-US" dirty="0"/>
          </a:p>
        </p:txBody>
      </p:sp>
      <p:sp>
        <p:nvSpPr>
          <p:cNvPr id="3" name="Picture Placeholder 2"/>
          <p:cNvSpPr>
            <a:spLocks noGrp="1" noChangeAspect="1"/>
          </p:cNvSpPr>
          <p:nvPr>
            <p:ph type="pic" idx="1"/>
          </p:nvPr>
        </p:nvSpPr>
        <p:spPr>
          <a:xfrm>
            <a:off x="3887391" y="987426"/>
            <a:ext cx="462915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ja-JP" altLang="en-US"/>
              <a:t>アイコンをクリックして図を追加</a:t>
            </a:r>
            <a:endParaRPr lang="en-US" dirty="0"/>
          </a:p>
        </p:txBody>
      </p:sp>
      <p:sp>
        <p:nvSpPr>
          <p:cNvPr id="4" name="Text Placeholder 3"/>
          <p:cNvSpPr>
            <a:spLocks noGrp="1"/>
          </p:cNvSpPr>
          <p:nvPr>
            <p:ph type="body" sz="half" idx="2"/>
          </p:nvPr>
        </p:nvSpPr>
        <p:spPr>
          <a:xfrm>
            <a:off x="629841" y="2057400"/>
            <a:ext cx="2949178"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ja-JP" altLang="en-US"/>
              <a:t>マスター テキストの書式設定</a:t>
            </a:r>
          </a:p>
        </p:txBody>
      </p:sp>
      <p:sp>
        <p:nvSpPr>
          <p:cNvPr id="5" name="Date Placeholder 4"/>
          <p:cNvSpPr>
            <a:spLocks noGrp="1"/>
          </p:cNvSpPr>
          <p:nvPr>
            <p:ph type="dt" sz="half" idx="10"/>
          </p:nvPr>
        </p:nvSpPr>
        <p:spPr/>
        <p:txBody>
          <a:bodyPr/>
          <a:lstStyle/>
          <a:p>
            <a:fld id="{6EE3919E-E763-4178-9690-D1049A22B2DD}" type="datetime1">
              <a:rPr kumimoji="1" lang="ja-JP" altLang="en-US" smtClean="0"/>
              <a:t>2024/8/19</a:t>
            </a:fld>
            <a:endParaRPr kumimoji="1" lang="ja-JP" altLang="en-US"/>
          </a:p>
        </p:txBody>
      </p:sp>
      <p:sp>
        <p:nvSpPr>
          <p:cNvPr id="6" name="Footer Placeholder 5"/>
          <p:cNvSpPr>
            <a:spLocks noGrp="1"/>
          </p:cNvSpPr>
          <p:nvPr>
            <p:ph type="ftr" sz="quarter" idx="11"/>
          </p:nvPr>
        </p:nvSpPr>
        <p:spPr/>
        <p:txBody>
          <a:bodyPr/>
          <a:lstStyle/>
          <a:p>
            <a:endParaRPr kumimoji="1" lang="ja-JP" altLang="en-US"/>
          </a:p>
        </p:txBody>
      </p:sp>
      <p:sp>
        <p:nvSpPr>
          <p:cNvPr id="7" name="Slide Number Placeholder 6"/>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4168803013"/>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ja-JP" altLang="en-US"/>
              <a:t>マスター タイトルの書式設定</a:t>
            </a:r>
            <a:endParaRPr lang="en-US" dirty="0"/>
          </a:p>
        </p:txBody>
      </p:sp>
      <p:sp>
        <p:nvSpPr>
          <p:cNvPr id="3" name="Vertical Text Placeholder 2"/>
          <p:cNvSpPr>
            <a:spLocks noGrp="1"/>
          </p:cNvSpPr>
          <p:nvPr>
            <p:ph type="body" orient="vert" idx="1"/>
          </p:nvPr>
        </p:nvSpPr>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F360B10A-E411-46C2-BE7C-3C2BF48EFA14}" type="datetime1">
              <a:rPr kumimoji="1" lang="ja-JP" altLang="en-US" smtClean="0"/>
              <a:t>2024/8/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3184548847"/>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p:spPr>
        <p:txBody>
          <a:bodyPr vert="eaVert"/>
          <a:lstStyle/>
          <a:p>
            <a:r>
              <a:rPr lang="ja-JP" altLang="en-US"/>
              <a:t>マスター タイトルの書式設定</a:t>
            </a:r>
            <a:endParaRPr lang="en-US" dirty="0"/>
          </a:p>
        </p:txBody>
      </p:sp>
      <p:sp>
        <p:nvSpPr>
          <p:cNvPr id="3" name="Vertical Text Placeholder 2"/>
          <p:cNvSpPr>
            <a:spLocks noGrp="1"/>
          </p:cNvSpPr>
          <p:nvPr>
            <p:ph type="body" orient="vert" idx="1"/>
          </p:nvPr>
        </p:nvSpPr>
        <p:spPr>
          <a:xfrm>
            <a:off x="628650" y="365125"/>
            <a:ext cx="5800725" cy="5811838"/>
          </a:xfrm>
        </p:spPr>
        <p:txBody>
          <a:bodyPr vert="eaVert"/>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10"/>
          </p:nvPr>
        </p:nvSpPr>
        <p:spPr/>
        <p:txBody>
          <a:bodyPr/>
          <a:lstStyle/>
          <a:p>
            <a:fld id="{C7B35D17-DCE3-45A2-863A-E9D17E77C6F5}" type="datetime1">
              <a:rPr kumimoji="1" lang="ja-JP" altLang="en-US" smtClean="0"/>
              <a:t>2024/8/19</a:t>
            </a:fld>
            <a:endParaRPr kumimoji="1" lang="ja-JP" altLang="en-US"/>
          </a:p>
        </p:txBody>
      </p:sp>
      <p:sp>
        <p:nvSpPr>
          <p:cNvPr id="5" name="Footer Placeholder 4"/>
          <p:cNvSpPr>
            <a:spLocks noGrp="1"/>
          </p:cNvSpPr>
          <p:nvPr>
            <p:ph type="ftr" sz="quarter" idx="11"/>
          </p:nvPr>
        </p:nvSpPr>
        <p:spPr/>
        <p:txBody>
          <a:bodyPr/>
          <a:lstStyle/>
          <a:p>
            <a:endParaRPr kumimoji="1" lang="ja-JP" altLang="en-US"/>
          </a:p>
        </p:txBody>
      </p:sp>
      <p:sp>
        <p:nvSpPr>
          <p:cNvPr id="6" name="Slide Number Placeholder 5"/>
          <p:cNvSpPr>
            <a:spLocks noGrp="1"/>
          </p:cNvSpPr>
          <p:nvPr>
            <p:ph type="sldNum" sz="quarter" idx="12"/>
          </p:nvPr>
        </p:nvSpPr>
        <p:spPr/>
        <p:txBody>
          <a:bodyPr/>
          <a:lstStyle/>
          <a:p>
            <a:fld id="{E38FED2D-04CC-4A62-A718-927FC36FD90E}" type="slidenum">
              <a:rPr kumimoji="1" lang="ja-JP" altLang="en-US" smtClean="0"/>
              <a:t>‹#›</a:t>
            </a:fld>
            <a:endParaRPr kumimoji="1" lang="ja-JP" altLang="en-US"/>
          </a:p>
        </p:txBody>
      </p:sp>
    </p:spTree>
    <p:extLst>
      <p:ext uri="{BB962C8B-B14F-4D97-AF65-F5344CB8AC3E}">
        <p14:creationId xmlns:p14="http://schemas.microsoft.com/office/powerpoint/2010/main" val="539529327"/>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userDrawn="1">
  <p:cSld name="3_白紙２">
    <p:spTree>
      <p:nvGrpSpPr>
        <p:cNvPr id="1" name=""/>
        <p:cNvGrpSpPr/>
        <p:nvPr/>
      </p:nvGrpSpPr>
      <p:grpSpPr>
        <a:xfrm>
          <a:off x="0" y="0"/>
          <a:ext cx="0" cy="0"/>
          <a:chOff x="0" y="0"/>
          <a:chExt cx="0" cy="0"/>
        </a:xfrm>
      </p:grpSpPr>
      <p:sp>
        <p:nvSpPr>
          <p:cNvPr id="16" name="スライド番号プレースホルダー 5"/>
          <p:cNvSpPr>
            <a:spLocks noGrp="1"/>
          </p:cNvSpPr>
          <p:nvPr>
            <p:ph type="sldNum" sz="quarter" idx="12"/>
          </p:nvPr>
        </p:nvSpPr>
        <p:spPr>
          <a:xfrm>
            <a:off x="6276643" y="6581326"/>
            <a:ext cx="2743200" cy="253093"/>
          </a:xfrm>
          <a:prstGeom prst="rect">
            <a:avLst/>
          </a:prstGeom>
        </p:spPr>
        <p:txBody>
          <a:bodyPr/>
          <a:lstStyle>
            <a:lvl1pPr algn="r">
              <a:defRPr sz="975" b="0">
                <a:solidFill>
                  <a:srgbClr val="68696D"/>
                </a:solidFill>
                <a:latin typeface="Times New Roman" panose="02020603050405020304" pitchFamily="18" charset="0"/>
                <a:ea typeface="メイリオ" panose="020B0604030504040204" pitchFamily="50" charset="-128"/>
                <a:cs typeface="Times New Roman" panose="02020603050405020304" pitchFamily="18" charset="0"/>
              </a:defRPr>
            </a:lvl1pPr>
          </a:lstStyle>
          <a:p>
            <a:pPr defTabSz="371446"/>
            <a:fld id="{B424A714-972D-431A-872C-1B0FE76119C1}" type="slidenum">
              <a:rPr kumimoji="0" lang="ja-JP" altLang="en-US" smtClean="0"/>
              <a:pPr defTabSz="371446"/>
              <a:t>‹#›</a:t>
            </a:fld>
            <a:endParaRPr kumimoji="0" lang="ja-JP" altLang="en-US" dirty="0"/>
          </a:p>
        </p:txBody>
      </p:sp>
      <p:sp>
        <p:nvSpPr>
          <p:cNvPr id="17" name="テキスト ボックス 16"/>
          <p:cNvSpPr txBox="1"/>
          <p:nvPr userDrawn="1"/>
        </p:nvSpPr>
        <p:spPr>
          <a:xfrm>
            <a:off x="6661443" y="6642560"/>
            <a:ext cx="1633781" cy="192360"/>
          </a:xfrm>
          <a:prstGeom prst="rect">
            <a:avLst/>
          </a:prstGeom>
          <a:noFill/>
        </p:spPr>
        <p:txBody>
          <a:bodyPr wrap="none" rtlCol="0">
            <a:spAutoFit/>
          </a:bodyPr>
          <a:lstStyle/>
          <a:p>
            <a:pPr defTabSz="371446"/>
            <a:r>
              <a:rPr lang="en-US" altLang="ja-JP" sz="650" dirty="0">
                <a:solidFill>
                  <a:prstClr val="white">
                    <a:lumMod val="50000"/>
                  </a:prstClr>
                </a:solidFill>
                <a:latin typeface="Times New Roman" panose="02020603050405020304" pitchFamily="18" charset="0"/>
                <a:cs typeface="Times New Roman" panose="02020603050405020304" pitchFamily="18" charset="0"/>
              </a:rPr>
              <a:t>Copyright</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kumimoji="0" lang="en-US" altLang="ja-JP" sz="650" dirty="0">
                <a:solidFill>
                  <a:prstClr val="white">
                    <a:lumMod val="50000"/>
                  </a:prstClr>
                </a:solidFill>
                <a:latin typeface="Times New Roman" panose="02020603050405020304" pitchFamily="18" charset="0"/>
                <a:cs typeface="Times New Roman" panose="02020603050405020304" pitchFamily="18" charset="0"/>
              </a:rPr>
              <a:t>©</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 Pacific Consultants Co.,</a:t>
            </a:r>
            <a:r>
              <a:rPr lang="ja-JP" altLang="en-US" sz="650" dirty="0">
                <a:solidFill>
                  <a:prstClr val="white">
                    <a:lumMod val="50000"/>
                  </a:prstClr>
                </a:solidFill>
                <a:latin typeface="Times New Roman" panose="02020603050405020304" pitchFamily="18" charset="0"/>
                <a:cs typeface="Times New Roman" panose="02020603050405020304" pitchFamily="18" charset="0"/>
              </a:rPr>
              <a:t> </a:t>
            </a:r>
            <a:r>
              <a:rPr lang="en-US" altLang="ja-JP" sz="650" dirty="0">
                <a:solidFill>
                  <a:prstClr val="white">
                    <a:lumMod val="50000"/>
                  </a:prstClr>
                </a:solidFill>
                <a:latin typeface="Times New Roman" panose="02020603050405020304" pitchFamily="18" charset="0"/>
                <a:cs typeface="Times New Roman" panose="02020603050405020304" pitchFamily="18" charset="0"/>
              </a:rPr>
              <a:t>LTD.</a:t>
            </a:r>
            <a:endParaRPr lang="ja-JP" altLang="en-US" sz="650" dirty="0">
              <a:solidFill>
                <a:prstClr val="white">
                  <a:lumMod val="50000"/>
                </a:prstClr>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781396242"/>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obj">
  <p:cSld name="Blank">
    <p:spTree>
      <p:nvGrpSpPr>
        <p:cNvPr id="1" name=""/>
        <p:cNvGrpSpPr/>
        <p:nvPr/>
      </p:nvGrpSpPr>
      <p:grpSpPr>
        <a:xfrm>
          <a:off x="0" y="0"/>
          <a:ext cx="0" cy="0"/>
          <a:chOff x="0" y="0"/>
          <a:chExt cx="0" cy="0"/>
        </a:xfrm>
      </p:grpSpPr>
      <p:sp>
        <p:nvSpPr>
          <p:cNvPr id="2" name="Holder 2"/>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3" name="Holder 3"/>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8/19/2024</a:t>
            </a:fld>
            <a:endParaRPr lang="en-US"/>
          </a:p>
        </p:txBody>
      </p:sp>
      <p:sp>
        <p:nvSpPr>
          <p:cNvPr id="4" name="Holder 4"/>
          <p:cNvSpPr>
            <a:spLocks noGrp="1"/>
          </p:cNvSpPr>
          <p:nvPr>
            <p:ph type="sldNum" sz="quarter" idx="7"/>
          </p:nvPr>
        </p:nvSpPr>
        <p:spPr/>
        <p:txBody>
          <a:bodyPr lIns="0" tIns="0" rIns="0" bIns="0"/>
          <a:lstStyle>
            <a:lvl1pPr algn="r">
              <a:defRPr>
                <a:solidFill>
                  <a:schemeClr val="tx1">
                    <a:tint val="75000"/>
                  </a:schemeClr>
                </a:solidFill>
              </a:defRPr>
            </a:lvl1pPr>
          </a:lstStyle>
          <a:p>
            <a:fld id="{B6F15528-21DE-4FAA-801E-634DDDAF4B2B}" type="slidenum">
              <a:t>‹#›</a:t>
            </a:fld>
            <a:endParaRPr/>
          </a:p>
        </p:txBody>
      </p:sp>
    </p:spTree>
    <p:extLst>
      <p:ext uri="{BB962C8B-B14F-4D97-AF65-F5344CB8AC3E}">
        <p14:creationId xmlns:p14="http://schemas.microsoft.com/office/powerpoint/2010/main" val="705268161"/>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9"/>
            <a:ext cx="8229600" cy="1143000"/>
          </a:xfrm>
        </p:spPr>
        <p:txBody>
          <a:bodyPr/>
          <a:lstStyle>
            <a:lvl1pPr>
              <a:defRPr/>
            </a:lvl1pPr>
          </a:lstStyle>
          <a:p>
            <a:r>
              <a:rPr lang="ja-JP" altLang="en-US"/>
              <a:t>マスター タイトルの書式設定</a:t>
            </a:r>
          </a:p>
        </p:txBody>
      </p:sp>
      <p:sp>
        <p:nvSpPr>
          <p:cNvPr id="3" name="テキスト プレースホルダ 2"/>
          <p:cNvSpPr>
            <a:spLocks noGrp="1"/>
          </p:cNvSpPr>
          <p:nvPr>
            <p:ph type="body" idx="1"/>
          </p:nvPr>
        </p:nvSpPr>
        <p:spPr>
          <a:xfrm>
            <a:off x="457203" y="1535117"/>
            <a:ext cx="4040188" cy="639763"/>
          </a:xfrm>
        </p:spPr>
        <p:txBody>
          <a:bodyPr anchor="b"/>
          <a:lstStyle>
            <a:lvl1pPr marL="0" indent="0">
              <a:buNone/>
              <a:defRPr sz="1950" b="1"/>
            </a:lvl1pPr>
            <a:lvl2pPr marL="371446" indent="0">
              <a:buNone/>
              <a:defRPr sz="1625" b="1"/>
            </a:lvl2pPr>
            <a:lvl3pPr marL="742892" indent="0">
              <a:buNone/>
              <a:defRPr sz="1463" b="1"/>
            </a:lvl3pPr>
            <a:lvl4pPr marL="1114336" indent="0">
              <a:buNone/>
              <a:defRPr sz="1300" b="1"/>
            </a:lvl4pPr>
            <a:lvl5pPr marL="1485780" indent="0">
              <a:buNone/>
              <a:defRPr sz="1300" b="1"/>
            </a:lvl5pPr>
            <a:lvl6pPr marL="1857225" indent="0">
              <a:buNone/>
              <a:defRPr sz="1300" b="1"/>
            </a:lvl6pPr>
            <a:lvl7pPr marL="2228670" indent="0">
              <a:buNone/>
              <a:defRPr sz="1300" b="1"/>
            </a:lvl7pPr>
            <a:lvl8pPr marL="2600115" indent="0">
              <a:buNone/>
              <a:defRPr sz="1300" b="1"/>
            </a:lvl8pPr>
            <a:lvl9pPr marL="2971561" indent="0">
              <a:buNone/>
              <a:defRPr sz="1300" b="1"/>
            </a:lvl9pPr>
          </a:lstStyle>
          <a:p>
            <a:pPr lvl="0"/>
            <a:r>
              <a:rPr lang="ja-JP" altLang="en-US"/>
              <a:t>マスター テキストの書式設定</a:t>
            </a:r>
          </a:p>
        </p:txBody>
      </p:sp>
      <p:sp>
        <p:nvSpPr>
          <p:cNvPr id="4" name="コンテンツ プレースホルダ 3"/>
          <p:cNvSpPr>
            <a:spLocks noGrp="1"/>
          </p:cNvSpPr>
          <p:nvPr>
            <p:ph sz="half" idx="2"/>
          </p:nvPr>
        </p:nvSpPr>
        <p:spPr>
          <a:xfrm>
            <a:off x="457203" y="2174875"/>
            <a:ext cx="4040188" cy="3951288"/>
          </a:xfrm>
        </p:spPr>
        <p:txBody>
          <a:bodyPr/>
          <a:lstStyle>
            <a:lvl1pPr>
              <a:defRPr sz="1950"/>
            </a:lvl1pPr>
            <a:lvl2pPr>
              <a:defRPr sz="1625"/>
            </a:lvl2pPr>
            <a:lvl3pPr>
              <a:defRPr sz="1463"/>
            </a:lvl3pPr>
            <a:lvl4pPr>
              <a:defRPr sz="1300"/>
            </a:lvl4pPr>
            <a:lvl5pPr>
              <a:defRPr sz="1300"/>
            </a:lvl5pPr>
            <a:lvl6pPr>
              <a:defRPr sz="1300"/>
            </a:lvl6pPr>
            <a:lvl7pPr>
              <a:defRPr sz="1300"/>
            </a:lvl7pPr>
            <a:lvl8pPr>
              <a:defRPr sz="1300"/>
            </a:lvl8pPr>
            <a:lvl9pPr>
              <a:defRPr sz="13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テキスト プレースホルダ 4"/>
          <p:cNvSpPr>
            <a:spLocks noGrp="1"/>
          </p:cNvSpPr>
          <p:nvPr>
            <p:ph type="body" sz="quarter" idx="3"/>
          </p:nvPr>
        </p:nvSpPr>
        <p:spPr>
          <a:xfrm>
            <a:off x="4645033" y="1535117"/>
            <a:ext cx="4041775" cy="639763"/>
          </a:xfrm>
        </p:spPr>
        <p:txBody>
          <a:bodyPr anchor="b"/>
          <a:lstStyle>
            <a:lvl1pPr marL="0" indent="0">
              <a:buNone/>
              <a:defRPr sz="1950" b="1"/>
            </a:lvl1pPr>
            <a:lvl2pPr marL="371446" indent="0">
              <a:buNone/>
              <a:defRPr sz="1625" b="1"/>
            </a:lvl2pPr>
            <a:lvl3pPr marL="742892" indent="0">
              <a:buNone/>
              <a:defRPr sz="1463" b="1"/>
            </a:lvl3pPr>
            <a:lvl4pPr marL="1114336" indent="0">
              <a:buNone/>
              <a:defRPr sz="1300" b="1"/>
            </a:lvl4pPr>
            <a:lvl5pPr marL="1485780" indent="0">
              <a:buNone/>
              <a:defRPr sz="1300" b="1"/>
            </a:lvl5pPr>
            <a:lvl6pPr marL="1857225" indent="0">
              <a:buNone/>
              <a:defRPr sz="1300" b="1"/>
            </a:lvl6pPr>
            <a:lvl7pPr marL="2228670" indent="0">
              <a:buNone/>
              <a:defRPr sz="1300" b="1"/>
            </a:lvl7pPr>
            <a:lvl8pPr marL="2600115" indent="0">
              <a:buNone/>
              <a:defRPr sz="1300" b="1"/>
            </a:lvl8pPr>
            <a:lvl9pPr marL="2971561" indent="0">
              <a:buNone/>
              <a:defRPr sz="1300" b="1"/>
            </a:lvl9pPr>
          </a:lstStyle>
          <a:p>
            <a:pPr lvl="0"/>
            <a:r>
              <a:rPr lang="ja-JP" altLang="en-US"/>
              <a:t>マスター テキストの書式設定</a:t>
            </a:r>
          </a:p>
        </p:txBody>
      </p:sp>
      <p:sp>
        <p:nvSpPr>
          <p:cNvPr id="6" name="コンテンツ プレースホルダ 5"/>
          <p:cNvSpPr>
            <a:spLocks noGrp="1"/>
          </p:cNvSpPr>
          <p:nvPr>
            <p:ph sz="quarter" idx="4"/>
          </p:nvPr>
        </p:nvSpPr>
        <p:spPr>
          <a:xfrm>
            <a:off x="4645033" y="2174875"/>
            <a:ext cx="4041775" cy="3951288"/>
          </a:xfrm>
        </p:spPr>
        <p:txBody>
          <a:bodyPr/>
          <a:lstStyle>
            <a:lvl1pPr>
              <a:defRPr sz="1950"/>
            </a:lvl1pPr>
            <a:lvl2pPr>
              <a:defRPr sz="1625"/>
            </a:lvl2pPr>
            <a:lvl3pPr>
              <a:defRPr sz="1463"/>
            </a:lvl3pPr>
            <a:lvl4pPr>
              <a:defRPr sz="1300"/>
            </a:lvl4pPr>
            <a:lvl5pPr>
              <a:defRPr sz="1300"/>
            </a:lvl5pPr>
            <a:lvl6pPr>
              <a:defRPr sz="1300"/>
            </a:lvl6pPr>
            <a:lvl7pPr>
              <a:defRPr sz="1300"/>
            </a:lvl7pPr>
            <a:lvl8pPr>
              <a:defRPr sz="1300"/>
            </a:lvl8pPr>
            <a:lvl9pPr>
              <a:defRPr sz="1300"/>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7" name="日付プレースホルダ 6"/>
          <p:cNvSpPr>
            <a:spLocks noGrp="1"/>
          </p:cNvSpPr>
          <p:nvPr>
            <p:ph type="dt" sz="half" idx="10"/>
          </p:nvPr>
        </p:nvSpPr>
        <p:spPr/>
        <p:txBody>
          <a:bodyPr/>
          <a:lstStyle>
            <a:lvl1pPr>
              <a:defRPr/>
            </a:lvl1pPr>
          </a:lstStyle>
          <a:p>
            <a:fld id="{8C3DEF60-3424-4E97-9DCB-CAAAC5944889}" type="datetime1">
              <a:rPr lang="ja-JP" altLang="en-US" smtClean="0">
                <a:solidFill>
                  <a:srgbClr val="000000"/>
                </a:solidFill>
              </a:rPr>
              <a:t>2024/8/19</a:t>
            </a:fld>
            <a:endParaRPr lang="en-US" altLang="ja-JP">
              <a:solidFill>
                <a:srgbClr val="000000"/>
              </a:solidFill>
            </a:endParaRPr>
          </a:p>
        </p:txBody>
      </p:sp>
      <p:sp>
        <p:nvSpPr>
          <p:cNvPr id="8" name="フッター プレースホルダ 7"/>
          <p:cNvSpPr>
            <a:spLocks noGrp="1"/>
          </p:cNvSpPr>
          <p:nvPr>
            <p:ph type="ftr" sz="quarter" idx="11"/>
          </p:nvPr>
        </p:nvSpPr>
        <p:spPr/>
        <p:txBody>
          <a:bodyPr/>
          <a:lstStyle>
            <a:lvl1pPr>
              <a:defRPr/>
            </a:lvl1pPr>
          </a:lstStyle>
          <a:p>
            <a:endParaRPr lang="en-US" altLang="ja-JP">
              <a:solidFill>
                <a:srgbClr val="000000"/>
              </a:solidFill>
            </a:endParaRPr>
          </a:p>
        </p:txBody>
      </p:sp>
      <p:sp>
        <p:nvSpPr>
          <p:cNvPr id="9" name="スライド番号プレースホルダ 8"/>
          <p:cNvSpPr>
            <a:spLocks noGrp="1"/>
          </p:cNvSpPr>
          <p:nvPr>
            <p:ph type="sldNum" sz="quarter" idx="12"/>
          </p:nvPr>
        </p:nvSpPr>
        <p:spPr/>
        <p:txBody>
          <a:bodyPr/>
          <a:lstStyle>
            <a:lvl1pPr>
              <a:defRPr/>
            </a:lvl1pPr>
          </a:lstStyle>
          <a:p>
            <a:fld id="{6E9DB40B-B41B-4CE9-ACFA-D2DF095F6F46}"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368733480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ー タイトルの書式設定</a:t>
            </a:r>
          </a:p>
        </p:txBody>
      </p:sp>
      <p:sp>
        <p:nvSpPr>
          <p:cNvPr id="3" name="日付プレースホルダ 2"/>
          <p:cNvSpPr>
            <a:spLocks noGrp="1"/>
          </p:cNvSpPr>
          <p:nvPr>
            <p:ph type="dt" sz="half" idx="10"/>
          </p:nvPr>
        </p:nvSpPr>
        <p:spPr/>
        <p:txBody>
          <a:bodyPr/>
          <a:lstStyle>
            <a:lvl1pPr>
              <a:defRPr/>
            </a:lvl1pPr>
          </a:lstStyle>
          <a:p>
            <a:fld id="{B5362D84-7371-4753-B9CB-F7953578FCA6}" type="datetime1">
              <a:rPr lang="ja-JP" altLang="en-US" smtClean="0">
                <a:solidFill>
                  <a:srgbClr val="000000"/>
                </a:solidFill>
              </a:rPr>
              <a:t>2024/8/19</a:t>
            </a:fld>
            <a:endParaRPr lang="en-US" altLang="ja-JP">
              <a:solidFill>
                <a:srgbClr val="000000"/>
              </a:solidFill>
            </a:endParaRPr>
          </a:p>
        </p:txBody>
      </p:sp>
      <p:sp>
        <p:nvSpPr>
          <p:cNvPr id="4" name="フッター プレースホルダ 3"/>
          <p:cNvSpPr>
            <a:spLocks noGrp="1"/>
          </p:cNvSpPr>
          <p:nvPr>
            <p:ph type="ftr" sz="quarter" idx="11"/>
          </p:nvPr>
        </p:nvSpPr>
        <p:spPr/>
        <p:txBody>
          <a:bodyPr/>
          <a:lstStyle>
            <a:lvl1pPr>
              <a:defRPr/>
            </a:lvl1pPr>
          </a:lstStyle>
          <a:p>
            <a:endParaRPr lang="en-US" altLang="ja-JP">
              <a:solidFill>
                <a:srgbClr val="000000"/>
              </a:solidFill>
            </a:endParaRPr>
          </a:p>
        </p:txBody>
      </p:sp>
      <p:sp>
        <p:nvSpPr>
          <p:cNvPr id="5" name="スライド番号プレースホルダ 4"/>
          <p:cNvSpPr>
            <a:spLocks noGrp="1"/>
          </p:cNvSpPr>
          <p:nvPr>
            <p:ph type="sldNum" sz="quarter" idx="12"/>
          </p:nvPr>
        </p:nvSpPr>
        <p:spPr/>
        <p:txBody>
          <a:bodyPr/>
          <a:lstStyle>
            <a:lvl1pPr>
              <a:defRPr/>
            </a:lvl1pPr>
          </a:lstStyle>
          <a:p>
            <a:fld id="{789A6C8C-8563-42D3-9475-9A367C8B1157}"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28589998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lvl1pPr>
              <a:defRPr/>
            </a:lvl1pPr>
          </a:lstStyle>
          <a:p>
            <a:fld id="{D017B11D-8485-499C-A6DC-BCAA86380ADD}" type="datetime1">
              <a:rPr lang="ja-JP" altLang="en-US" smtClean="0">
                <a:solidFill>
                  <a:srgbClr val="000000"/>
                </a:solidFill>
              </a:rPr>
              <a:t>2024/8/19</a:t>
            </a:fld>
            <a:endParaRPr lang="en-US" altLang="ja-JP">
              <a:solidFill>
                <a:srgbClr val="000000"/>
              </a:solidFill>
            </a:endParaRPr>
          </a:p>
        </p:txBody>
      </p:sp>
      <p:sp>
        <p:nvSpPr>
          <p:cNvPr id="3" name="フッター プレースホルダ 2"/>
          <p:cNvSpPr>
            <a:spLocks noGrp="1"/>
          </p:cNvSpPr>
          <p:nvPr>
            <p:ph type="ftr" sz="quarter" idx="11"/>
          </p:nvPr>
        </p:nvSpPr>
        <p:spPr/>
        <p:txBody>
          <a:bodyPr/>
          <a:lstStyle>
            <a:lvl1pPr>
              <a:defRPr/>
            </a:lvl1pPr>
          </a:lstStyle>
          <a:p>
            <a:endParaRPr lang="en-US" altLang="ja-JP">
              <a:solidFill>
                <a:srgbClr val="000000"/>
              </a:solidFill>
            </a:endParaRPr>
          </a:p>
        </p:txBody>
      </p:sp>
      <p:sp>
        <p:nvSpPr>
          <p:cNvPr id="4" name="スライド番号プレースホルダ 3"/>
          <p:cNvSpPr>
            <a:spLocks noGrp="1"/>
          </p:cNvSpPr>
          <p:nvPr>
            <p:ph type="sldNum" sz="quarter" idx="12"/>
          </p:nvPr>
        </p:nvSpPr>
        <p:spPr/>
        <p:txBody>
          <a:bodyPr/>
          <a:lstStyle>
            <a:lvl1pPr>
              <a:defRPr/>
            </a:lvl1pPr>
          </a:lstStyle>
          <a:p>
            <a:fld id="{350E13FB-DCAF-430E-9FD5-74CCF70954EF}"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420472221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8" y="273057"/>
            <a:ext cx="3008313" cy="1162051"/>
          </a:xfrm>
        </p:spPr>
        <p:txBody>
          <a:bodyPr anchor="b"/>
          <a:lstStyle>
            <a:lvl1pPr algn="l">
              <a:defRPr sz="1625" b="1"/>
            </a:lvl1pPr>
          </a:lstStyle>
          <a:p>
            <a:r>
              <a:rPr lang="ja-JP" altLang="en-US"/>
              <a:t>マスター タイトルの書式設定</a:t>
            </a:r>
          </a:p>
        </p:txBody>
      </p:sp>
      <p:sp>
        <p:nvSpPr>
          <p:cNvPr id="3" name="コンテンツ プレースホルダ 2"/>
          <p:cNvSpPr>
            <a:spLocks noGrp="1"/>
          </p:cNvSpPr>
          <p:nvPr>
            <p:ph idx="1"/>
          </p:nvPr>
        </p:nvSpPr>
        <p:spPr>
          <a:xfrm>
            <a:off x="3575057" y="273069"/>
            <a:ext cx="5111751" cy="5853113"/>
          </a:xfrm>
        </p:spPr>
        <p:txBody>
          <a:bodyPr/>
          <a:lstStyle>
            <a:lvl1pPr>
              <a:defRPr sz="2600"/>
            </a:lvl1pPr>
            <a:lvl2pPr>
              <a:defRPr sz="2275"/>
            </a:lvl2pPr>
            <a:lvl3pPr>
              <a:defRPr sz="1950"/>
            </a:lvl3pPr>
            <a:lvl4pPr>
              <a:defRPr sz="1625"/>
            </a:lvl4pPr>
            <a:lvl5pPr>
              <a:defRPr sz="1625"/>
            </a:lvl5pPr>
            <a:lvl6pPr>
              <a:defRPr sz="1625"/>
            </a:lvl6pPr>
            <a:lvl7pPr>
              <a:defRPr sz="1625"/>
            </a:lvl7pPr>
            <a:lvl8pPr>
              <a:defRPr sz="1625"/>
            </a:lvl8pPr>
            <a:lvl9pPr>
              <a:defRPr sz="1625"/>
            </a:lvl9p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テキスト プレースホルダ 3"/>
          <p:cNvSpPr>
            <a:spLocks noGrp="1"/>
          </p:cNvSpPr>
          <p:nvPr>
            <p:ph type="body" sz="half" idx="2"/>
          </p:nvPr>
        </p:nvSpPr>
        <p:spPr>
          <a:xfrm>
            <a:off x="457208" y="1435104"/>
            <a:ext cx="3008313" cy="4691063"/>
          </a:xfrm>
        </p:spPr>
        <p:txBody>
          <a:bodyPr/>
          <a:lstStyle>
            <a:lvl1pPr marL="0" indent="0">
              <a:buNone/>
              <a:defRPr sz="1138"/>
            </a:lvl1pPr>
            <a:lvl2pPr marL="371446" indent="0">
              <a:buNone/>
              <a:defRPr sz="975"/>
            </a:lvl2pPr>
            <a:lvl3pPr marL="742892" indent="0">
              <a:buNone/>
              <a:defRPr sz="812"/>
            </a:lvl3pPr>
            <a:lvl4pPr marL="1114336" indent="0">
              <a:buNone/>
              <a:defRPr sz="731"/>
            </a:lvl4pPr>
            <a:lvl5pPr marL="1485780" indent="0">
              <a:buNone/>
              <a:defRPr sz="731"/>
            </a:lvl5pPr>
            <a:lvl6pPr marL="1857225" indent="0">
              <a:buNone/>
              <a:defRPr sz="731"/>
            </a:lvl6pPr>
            <a:lvl7pPr marL="2228670" indent="0">
              <a:buNone/>
              <a:defRPr sz="731"/>
            </a:lvl7pPr>
            <a:lvl8pPr marL="2600115" indent="0">
              <a:buNone/>
              <a:defRPr sz="731"/>
            </a:lvl8pPr>
            <a:lvl9pPr marL="2971561" indent="0">
              <a:buNone/>
              <a:defRPr sz="731"/>
            </a:lvl9pPr>
          </a:lstStyle>
          <a:p>
            <a:pPr lvl="0"/>
            <a:r>
              <a:rPr lang="ja-JP" altLang="en-US"/>
              <a:t>マスター テキストの書式設定</a:t>
            </a:r>
          </a:p>
        </p:txBody>
      </p:sp>
      <p:sp>
        <p:nvSpPr>
          <p:cNvPr id="5" name="日付プレースホルダ 4"/>
          <p:cNvSpPr>
            <a:spLocks noGrp="1"/>
          </p:cNvSpPr>
          <p:nvPr>
            <p:ph type="dt" sz="half" idx="10"/>
          </p:nvPr>
        </p:nvSpPr>
        <p:spPr/>
        <p:txBody>
          <a:bodyPr/>
          <a:lstStyle>
            <a:lvl1pPr>
              <a:defRPr/>
            </a:lvl1pPr>
          </a:lstStyle>
          <a:p>
            <a:fld id="{FF7F2FBF-7A95-4CF9-B7DE-A47E3E0E7190}" type="datetime1">
              <a:rPr lang="ja-JP" altLang="en-US" smtClean="0">
                <a:solidFill>
                  <a:srgbClr val="000000"/>
                </a:solidFill>
              </a:rPr>
              <a:t>2024/8/19</a:t>
            </a:fld>
            <a:endParaRPr lang="en-US" altLang="ja-JP">
              <a:solidFill>
                <a:srgbClr val="000000"/>
              </a:solidFill>
            </a:endParaRPr>
          </a:p>
        </p:txBody>
      </p:sp>
      <p:sp>
        <p:nvSpPr>
          <p:cNvPr id="6" name="フッター プレースホルダ 5"/>
          <p:cNvSpPr>
            <a:spLocks noGrp="1"/>
          </p:cNvSpPr>
          <p:nvPr>
            <p:ph type="ftr" sz="quarter" idx="11"/>
          </p:nvPr>
        </p:nvSpPr>
        <p:spPr/>
        <p:txBody>
          <a:bodyPr/>
          <a:lstStyle>
            <a:lvl1pPr>
              <a:defRPr/>
            </a:lvl1pPr>
          </a:lstStyle>
          <a:p>
            <a:endParaRPr lang="en-US" altLang="ja-JP">
              <a:solidFill>
                <a:srgbClr val="000000"/>
              </a:solidFill>
            </a:endParaRPr>
          </a:p>
        </p:txBody>
      </p:sp>
      <p:sp>
        <p:nvSpPr>
          <p:cNvPr id="7" name="スライド番号プレースホルダ 6"/>
          <p:cNvSpPr>
            <a:spLocks noGrp="1"/>
          </p:cNvSpPr>
          <p:nvPr>
            <p:ph type="sldNum" sz="quarter" idx="12"/>
          </p:nvPr>
        </p:nvSpPr>
        <p:spPr/>
        <p:txBody>
          <a:bodyPr/>
          <a:lstStyle>
            <a:lvl1pPr>
              <a:defRPr/>
            </a:lvl1pPr>
          </a:lstStyle>
          <a:p>
            <a:fld id="{A1449333-3199-4EDF-AE36-6DF56763B419}" type="slidenum">
              <a:rPr lang="en-US" altLang="ja-JP">
                <a:solidFill>
                  <a:srgbClr val="000000"/>
                </a:solidFill>
              </a:rPr>
              <a:pPr/>
              <a:t>‹#›</a:t>
            </a:fld>
            <a:endParaRPr lang="en-US" altLang="ja-JP">
              <a:solidFill>
                <a:srgbClr val="000000"/>
              </a:solidFill>
            </a:endParaRPr>
          </a:p>
        </p:txBody>
      </p:sp>
    </p:spTree>
    <p:extLst>
      <p:ext uri="{BB962C8B-B14F-4D97-AF65-F5344CB8AC3E}">
        <p14:creationId xmlns:p14="http://schemas.microsoft.com/office/powerpoint/2010/main" val="77454613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emf"/></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slideLayout" Target="../slideLayouts/slideLayout25.xml"/><Relationship Id="rId18" Type="http://schemas.openxmlformats.org/officeDocument/2006/relationships/slideLayout" Target="../slideLayouts/slideLayout30.xml"/><Relationship Id="rId3" Type="http://schemas.openxmlformats.org/officeDocument/2006/relationships/slideLayout" Target="../slideLayouts/slideLayout15.xml"/><Relationship Id="rId21" Type="http://schemas.openxmlformats.org/officeDocument/2006/relationships/theme" Target="../theme/theme2.xml"/><Relationship Id="rId7" Type="http://schemas.openxmlformats.org/officeDocument/2006/relationships/slideLayout" Target="../slideLayouts/slideLayout19.xml"/><Relationship Id="rId12" Type="http://schemas.openxmlformats.org/officeDocument/2006/relationships/slideLayout" Target="../slideLayouts/slideLayout24.xml"/><Relationship Id="rId17" Type="http://schemas.openxmlformats.org/officeDocument/2006/relationships/slideLayout" Target="../slideLayouts/slideLayout29.xml"/><Relationship Id="rId2" Type="http://schemas.openxmlformats.org/officeDocument/2006/relationships/slideLayout" Target="../slideLayouts/slideLayout14.xml"/><Relationship Id="rId16" Type="http://schemas.openxmlformats.org/officeDocument/2006/relationships/slideLayout" Target="../slideLayouts/slideLayout28.xml"/><Relationship Id="rId20" Type="http://schemas.openxmlformats.org/officeDocument/2006/relationships/slideLayout" Target="../slideLayouts/slideLayout32.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5" Type="http://schemas.openxmlformats.org/officeDocument/2006/relationships/slideLayout" Target="../slideLayouts/slideLayout27.xml"/><Relationship Id="rId10" Type="http://schemas.openxmlformats.org/officeDocument/2006/relationships/slideLayout" Target="../slideLayouts/slideLayout22.xml"/><Relationship Id="rId19" Type="http://schemas.openxmlformats.org/officeDocument/2006/relationships/slideLayout" Target="../slideLayouts/slideLayout31.xml"/><Relationship Id="rId4" Type="http://schemas.openxmlformats.org/officeDocument/2006/relationships/slideLayout" Target="../slideLayouts/slideLayout16.xml"/><Relationship Id="rId9" Type="http://schemas.openxmlformats.org/officeDocument/2006/relationships/slideLayout" Target="../slideLayouts/slideLayout21.xml"/><Relationship Id="rId14" Type="http://schemas.openxmlformats.org/officeDocument/2006/relationships/slideLayout" Target="../slideLayouts/slideLayout26.xml"/></Relationships>
</file>

<file path=ppt/slideMasters/_rels/slideMaster3.xml.rels><?xml version="1.0" encoding="UTF-8" standalone="yes"?>
<Relationships xmlns="http://schemas.openxmlformats.org/package/2006/relationships"><Relationship Id="rId3" Type="http://schemas.openxmlformats.org/officeDocument/2006/relationships/theme" Target="../theme/theme3.xml"/><Relationship Id="rId2" Type="http://schemas.openxmlformats.org/officeDocument/2006/relationships/slideLayout" Target="../slideLayouts/slideLayout34.xml"/><Relationship Id="rId1" Type="http://schemas.openxmlformats.org/officeDocument/2006/relationships/slideLayout" Target="../slideLayouts/slideLayout33.xml"/><Relationship Id="rId5" Type="http://schemas.openxmlformats.org/officeDocument/2006/relationships/image" Target="../media/image19.png"/><Relationship Id="rId4" Type="http://schemas.openxmlformats.org/officeDocument/2006/relationships/image" Target="../media/image18.png"/></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2.xml"/><Relationship Id="rId13" Type="http://schemas.openxmlformats.org/officeDocument/2006/relationships/image" Target="../media/image21.png"/><Relationship Id="rId3" Type="http://schemas.openxmlformats.org/officeDocument/2006/relationships/slideLayout" Target="../slideLayouts/slideLayout37.xml"/><Relationship Id="rId7" Type="http://schemas.openxmlformats.org/officeDocument/2006/relationships/slideLayout" Target="../slideLayouts/slideLayout41.xml"/><Relationship Id="rId12" Type="http://schemas.openxmlformats.org/officeDocument/2006/relationships/theme" Target="../theme/theme4.xml"/><Relationship Id="rId2" Type="http://schemas.openxmlformats.org/officeDocument/2006/relationships/slideLayout" Target="../slideLayouts/slideLayout36.xml"/><Relationship Id="rId1" Type="http://schemas.openxmlformats.org/officeDocument/2006/relationships/slideLayout" Target="../slideLayouts/slideLayout35.xml"/><Relationship Id="rId6" Type="http://schemas.openxmlformats.org/officeDocument/2006/relationships/slideLayout" Target="../slideLayouts/slideLayout40.xml"/><Relationship Id="rId11" Type="http://schemas.openxmlformats.org/officeDocument/2006/relationships/slideLayout" Target="../slideLayouts/slideLayout45.xml"/><Relationship Id="rId5" Type="http://schemas.openxmlformats.org/officeDocument/2006/relationships/slideLayout" Target="../slideLayouts/slideLayout39.xml"/><Relationship Id="rId10" Type="http://schemas.openxmlformats.org/officeDocument/2006/relationships/slideLayout" Target="../slideLayouts/slideLayout44.xml"/><Relationship Id="rId4" Type="http://schemas.openxmlformats.org/officeDocument/2006/relationships/slideLayout" Target="../slideLayouts/slideLayout38.xml"/><Relationship Id="rId9" Type="http://schemas.openxmlformats.org/officeDocument/2006/relationships/slideLayout" Target="../slideLayouts/slideLayout43.xml"/><Relationship Id="rId14" Type="http://schemas.openxmlformats.org/officeDocument/2006/relationships/image" Target="../media/image22.png"/></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53.xml"/><Relationship Id="rId13" Type="http://schemas.openxmlformats.org/officeDocument/2006/relationships/slideLayout" Target="../slideLayouts/slideLayout58.xml"/><Relationship Id="rId3" Type="http://schemas.openxmlformats.org/officeDocument/2006/relationships/slideLayout" Target="../slideLayouts/slideLayout48.xml"/><Relationship Id="rId7" Type="http://schemas.openxmlformats.org/officeDocument/2006/relationships/slideLayout" Target="../slideLayouts/slideLayout52.xml"/><Relationship Id="rId12" Type="http://schemas.openxmlformats.org/officeDocument/2006/relationships/slideLayout" Target="../slideLayouts/slideLayout57.xml"/><Relationship Id="rId2" Type="http://schemas.openxmlformats.org/officeDocument/2006/relationships/slideLayout" Target="../slideLayouts/slideLayout47.xml"/><Relationship Id="rId1" Type="http://schemas.openxmlformats.org/officeDocument/2006/relationships/slideLayout" Target="../slideLayouts/slideLayout46.xml"/><Relationship Id="rId6" Type="http://schemas.openxmlformats.org/officeDocument/2006/relationships/slideLayout" Target="../slideLayouts/slideLayout51.xml"/><Relationship Id="rId11" Type="http://schemas.openxmlformats.org/officeDocument/2006/relationships/slideLayout" Target="../slideLayouts/slideLayout56.xml"/><Relationship Id="rId5" Type="http://schemas.openxmlformats.org/officeDocument/2006/relationships/slideLayout" Target="../slideLayouts/slideLayout50.xml"/><Relationship Id="rId10" Type="http://schemas.openxmlformats.org/officeDocument/2006/relationships/slideLayout" Target="../slideLayouts/slideLayout55.xml"/><Relationship Id="rId4" Type="http://schemas.openxmlformats.org/officeDocument/2006/relationships/slideLayout" Target="../slideLayouts/slideLayout49.xml"/><Relationship Id="rId9" Type="http://schemas.openxmlformats.org/officeDocument/2006/relationships/slideLayout" Target="../slideLayouts/slideLayout54.xml"/><Relationship Id="rId14" Type="http://schemas.openxmlformats.org/officeDocument/2006/relationships/theme" Target="../theme/theme5.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395295" y="188921"/>
            <a:ext cx="8353425" cy="10795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ja-JP" altLang="en-US" dirty="0"/>
              <a:t>マスタ タイトルの書式設定</a:t>
            </a:r>
          </a:p>
        </p:txBody>
      </p:sp>
      <p:sp>
        <p:nvSpPr>
          <p:cNvPr id="1027" name="Rectangle 3"/>
          <p:cNvSpPr>
            <a:spLocks noGrp="1" noChangeArrowheads="1"/>
          </p:cNvSpPr>
          <p:nvPr>
            <p:ph type="body" idx="1"/>
          </p:nvPr>
        </p:nvSpPr>
        <p:spPr bwMode="auto">
          <a:xfrm>
            <a:off x="395295" y="1557341"/>
            <a:ext cx="8353425" cy="4824412"/>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28" name="Rectangle 4"/>
          <p:cNvSpPr>
            <a:spLocks noGrp="1" noChangeArrowheads="1"/>
          </p:cNvSpPr>
          <p:nvPr>
            <p:ph type="dt" sz="half" idx="2"/>
          </p:nvPr>
        </p:nvSpPr>
        <p:spPr bwMode="auto">
          <a:xfrm>
            <a:off x="323856" y="6532563"/>
            <a:ext cx="1655763" cy="279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975">
                <a:latin typeface="+mn-lt"/>
              </a:defRPr>
            </a:lvl1pPr>
          </a:lstStyle>
          <a:p>
            <a:pPr defTabSz="371446"/>
            <a:fld id="{72BD527E-DE70-4C04-83E4-8C808B7937F5}" type="datetime1">
              <a:rPr kumimoji="0" lang="ja-JP" altLang="en-US" smtClean="0">
                <a:solidFill>
                  <a:srgbClr val="000000"/>
                </a:solidFill>
              </a:rPr>
              <a:t>2024/8/19</a:t>
            </a:fld>
            <a:endParaRPr kumimoji="0" lang="en-US" altLang="ja-JP" dirty="0">
              <a:solidFill>
                <a:srgbClr val="000000"/>
              </a:solidFill>
            </a:endParaRPr>
          </a:p>
        </p:txBody>
      </p:sp>
      <p:sp>
        <p:nvSpPr>
          <p:cNvPr id="1029" name="Rectangle 5"/>
          <p:cNvSpPr>
            <a:spLocks noGrp="1" noChangeArrowheads="1"/>
          </p:cNvSpPr>
          <p:nvPr>
            <p:ph type="ftr" sz="quarter" idx="3"/>
          </p:nvPr>
        </p:nvSpPr>
        <p:spPr bwMode="auto">
          <a:xfrm>
            <a:off x="2051054" y="6532563"/>
            <a:ext cx="4826000" cy="279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975">
                <a:latin typeface="+mn-lt"/>
              </a:defRPr>
            </a:lvl1pPr>
          </a:lstStyle>
          <a:p>
            <a:pPr defTabSz="371446"/>
            <a:endParaRPr kumimoji="0" lang="en-US" altLang="ja-JP" dirty="0">
              <a:solidFill>
                <a:srgbClr val="000000"/>
              </a:solidFill>
            </a:endParaRPr>
          </a:p>
        </p:txBody>
      </p:sp>
      <p:sp>
        <p:nvSpPr>
          <p:cNvPr id="1030" name="Rectangle 6"/>
          <p:cNvSpPr>
            <a:spLocks noGrp="1" noChangeArrowheads="1"/>
          </p:cNvSpPr>
          <p:nvPr>
            <p:ph type="sldNum" sz="quarter" idx="4"/>
          </p:nvPr>
        </p:nvSpPr>
        <p:spPr bwMode="auto">
          <a:xfrm>
            <a:off x="7947032" y="6524625"/>
            <a:ext cx="873125" cy="2794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975">
                <a:latin typeface="+mn-lt"/>
              </a:defRPr>
            </a:lvl1pPr>
          </a:lstStyle>
          <a:p>
            <a:pPr defTabSz="371446"/>
            <a:fld id="{8C42D5D6-E460-48BF-97C0-501242A0426B}" type="slidenum">
              <a:rPr kumimoji="0" lang="en-US" altLang="ja-JP" smtClean="0">
                <a:solidFill>
                  <a:srgbClr val="000000"/>
                </a:solidFill>
              </a:rPr>
              <a:pPr defTabSz="371446"/>
              <a:t>‹#›</a:t>
            </a:fld>
            <a:endParaRPr kumimoji="0" lang="en-US" altLang="ja-JP" dirty="0">
              <a:solidFill>
                <a:srgbClr val="000000"/>
              </a:solidFill>
            </a:endParaRPr>
          </a:p>
        </p:txBody>
      </p:sp>
      <p:pic>
        <p:nvPicPr>
          <p:cNvPr id="25" name="Picture 166" descr="nk_line">
            <a:extLst>
              <a:ext uri="{FF2B5EF4-FFF2-40B4-BE49-F238E27FC236}">
                <a16:creationId xmlns:a16="http://schemas.microsoft.com/office/drawing/2014/main" id="{C89714BF-450E-456B-814F-D30FFB23C5AD}"/>
              </a:ext>
            </a:extLst>
          </p:cNvPr>
          <p:cNvPicPr>
            <a:picLocks noChangeAspect="1" noChangeArrowheads="1"/>
          </p:cNvPicPr>
          <p:nvPr userDrawn="1"/>
        </p:nvPicPr>
        <p:blipFill>
          <a:blip r:embed="rId14" cstate="print">
            <a:extLst>
              <a:ext uri="{28A0092B-C50C-407E-A947-70E740481C1C}">
                <a14:useLocalDpi xmlns:a14="http://schemas.microsoft.com/office/drawing/2010/main"/>
              </a:ext>
            </a:extLst>
          </a:blip>
          <a:srcRect/>
          <a:stretch>
            <a:fillRect/>
          </a:stretch>
        </p:blipFill>
        <p:spPr bwMode="black">
          <a:xfrm>
            <a:off x="287303" y="6413511"/>
            <a:ext cx="7469303" cy="111125"/>
          </a:xfrm>
          <a:prstGeom prst="rect">
            <a:avLst/>
          </a:prstGeom>
          <a:noFill/>
          <a:ln w="9525">
            <a:noFill/>
            <a:miter lim="800000"/>
            <a:headEnd/>
            <a:tailEnd/>
          </a:ln>
        </p:spPr>
      </p:pic>
      <p:grpSp>
        <p:nvGrpSpPr>
          <p:cNvPr id="26" name="Group 169">
            <a:extLst>
              <a:ext uri="{FF2B5EF4-FFF2-40B4-BE49-F238E27FC236}">
                <a16:creationId xmlns:a16="http://schemas.microsoft.com/office/drawing/2014/main" id="{AF72C595-8932-421D-A896-B29BC16B29D6}"/>
              </a:ext>
            </a:extLst>
          </p:cNvPr>
          <p:cNvGrpSpPr>
            <a:grpSpLocks noChangeAspect="1"/>
          </p:cNvGrpSpPr>
          <p:nvPr userDrawn="1"/>
        </p:nvGrpSpPr>
        <p:grpSpPr bwMode="auto">
          <a:xfrm>
            <a:off x="7790272" y="6413511"/>
            <a:ext cx="917972" cy="111125"/>
            <a:chOff x="4799" y="4040"/>
            <a:chExt cx="712" cy="70"/>
          </a:xfrm>
        </p:grpSpPr>
        <p:sp>
          <p:nvSpPr>
            <p:cNvPr id="27" name="AutoShape 168">
              <a:extLst>
                <a:ext uri="{FF2B5EF4-FFF2-40B4-BE49-F238E27FC236}">
                  <a16:creationId xmlns:a16="http://schemas.microsoft.com/office/drawing/2014/main" id="{AC0E37DA-7D79-4B9D-9CF5-9E6FC9C82AD5}"/>
                </a:ext>
              </a:extLst>
            </p:cNvPr>
            <p:cNvSpPr>
              <a:spLocks noChangeAspect="1" noChangeArrowheads="1" noTextEdit="1"/>
            </p:cNvSpPr>
            <p:nvPr userDrawn="1"/>
          </p:nvSpPr>
          <p:spPr bwMode="auto">
            <a:xfrm>
              <a:off x="4799" y="4040"/>
              <a:ext cx="712" cy="70"/>
            </a:xfrm>
            <a:prstGeom prst="rect">
              <a:avLst/>
            </a:prstGeom>
            <a:noFill/>
            <a:ln w="9525">
              <a:noFill/>
              <a:miter lim="800000"/>
              <a:headEnd/>
              <a:tailEnd/>
            </a:ln>
          </p:spPr>
          <p:txBody>
            <a:bodyPr/>
            <a:lstStyle/>
            <a:p>
              <a:pPr defTabSz="371446">
                <a:defRPr/>
              </a:pPr>
              <a:endParaRPr kumimoji="0" lang="ja-JP" altLang="en-US" sz="1463">
                <a:solidFill>
                  <a:srgbClr val="000000"/>
                </a:solidFill>
              </a:endParaRPr>
            </a:p>
          </p:txBody>
        </p:sp>
        <p:sp>
          <p:nvSpPr>
            <p:cNvPr id="28" name="Freeform 170">
              <a:extLst>
                <a:ext uri="{FF2B5EF4-FFF2-40B4-BE49-F238E27FC236}">
                  <a16:creationId xmlns:a16="http://schemas.microsoft.com/office/drawing/2014/main" id="{B896DCD0-250E-4800-A02A-EC557E051047}"/>
                </a:ext>
              </a:extLst>
            </p:cNvPr>
            <p:cNvSpPr>
              <a:spLocks noEditPoints="1"/>
            </p:cNvSpPr>
            <p:nvPr userDrawn="1"/>
          </p:nvSpPr>
          <p:spPr bwMode="auto">
            <a:xfrm>
              <a:off x="5067" y="4040"/>
              <a:ext cx="80" cy="70"/>
            </a:xfrm>
            <a:custGeom>
              <a:avLst/>
              <a:gdLst/>
              <a:ahLst/>
              <a:cxnLst>
                <a:cxn ang="0">
                  <a:pos x="29" y="12"/>
                </a:cxn>
                <a:cxn ang="0">
                  <a:pos x="26" y="6"/>
                </a:cxn>
                <a:cxn ang="0">
                  <a:pos x="24" y="6"/>
                </a:cxn>
                <a:cxn ang="0">
                  <a:pos x="17" y="12"/>
                </a:cxn>
                <a:cxn ang="0">
                  <a:pos x="13" y="25"/>
                </a:cxn>
                <a:cxn ang="0">
                  <a:pos x="16" y="30"/>
                </a:cxn>
                <a:cxn ang="0">
                  <a:pos x="18" y="30"/>
                </a:cxn>
                <a:cxn ang="0">
                  <a:pos x="24" y="25"/>
                </a:cxn>
                <a:cxn ang="0">
                  <a:pos x="29" y="12"/>
                </a:cxn>
                <a:cxn ang="0">
                  <a:pos x="16" y="36"/>
                </a:cxn>
                <a:cxn ang="0">
                  <a:pos x="13" y="36"/>
                </a:cxn>
                <a:cxn ang="0">
                  <a:pos x="4" y="18"/>
                </a:cxn>
                <a:cxn ang="0">
                  <a:pos x="26" y="0"/>
                </a:cxn>
                <a:cxn ang="0">
                  <a:pos x="29" y="0"/>
                </a:cxn>
                <a:cxn ang="0">
                  <a:pos x="38" y="18"/>
                </a:cxn>
                <a:cxn ang="0">
                  <a:pos x="16" y="36"/>
                </a:cxn>
              </a:cxnLst>
              <a:rect l="0" t="0" r="r" b="b"/>
              <a:pathLst>
                <a:path w="41" h="36">
                  <a:moveTo>
                    <a:pt x="29" y="12"/>
                  </a:moveTo>
                  <a:cubicBezTo>
                    <a:pt x="30" y="8"/>
                    <a:pt x="30" y="6"/>
                    <a:pt x="26" y="6"/>
                  </a:cubicBezTo>
                  <a:cubicBezTo>
                    <a:pt x="26" y="6"/>
                    <a:pt x="24" y="6"/>
                    <a:pt x="24" y="6"/>
                  </a:cubicBezTo>
                  <a:cubicBezTo>
                    <a:pt x="20" y="6"/>
                    <a:pt x="19" y="8"/>
                    <a:pt x="17" y="12"/>
                  </a:cubicBezTo>
                  <a:cubicBezTo>
                    <a:pt x="17" y="13"/>
                    <a:pt x="13" y="24"/>
                    <a:pt x="13" y="25"/>
                  </a:cubicBezTo>
                  <a:cubicBezTo>
                    <a:pt x="12" y="28"/>
                    <a:pt x="13" y="30"/>
                    <a:pt x="16" y="30"/>
                  </a:cubicBezTo>
                  <a:cubicBezTo>
                    <a:pt x="16" y="30"/>
                    <a:pt x="18" y="30"/>
                    <a:pt x="18" y="30"/>
                  </a:cubicBezTo>
                  <a:cubicBezTo>
                    <a:pt x="22" y="30"/>
                    <a:pt x="23" y="29"/>
                    <a:pt x="24" y="25"/>
                  </a:cubicBezTo>
                  <a:cubicBezTo>
                    <a:pt x="25" y="23"/>
                    <a:pt x="28" y="13"/>
                    <a:pt x="29" y="12"/>
                  </a:cubicBezTo>
                  <a:close/>
                  <a:moveTo>
                    <a:pt x="16" y="36"/>
                  </a:moveTo>
                  <a:cubicBezTo>
                    <a:pt x="16" y="36"/>
                    <a:pt x="13" y="36"/>
                    <a:pt x="13" y="36"/>
                  </a:cubicBezTo>
                  <a:cubicBezTo>
                    <a:pt x="1" y="36"/>
                    <a:pt x="0" y="28"/>
                    <a:pt x="4" y="18"/>
                  </a:cubicBezTo>
                  <a:cubicBezTo>
                    <a:pt x="8" y="7"/>
                    <a:pt x="12" y="0"/>
                    <a:pt x="26" y="0"/>
                  </a:cubicBezTo>
                  <a:cubicBezTo>
                    <a:pt x="26" y="0"/>
                    <a:pt x="29" y="0"/>
                    <a:pt x="29" y="0"/>
                  </a:cubicBezTo>
                  <a:cubicBezTo>
                    <a:pt x="41" y="0"/>
                    <a:pt x="41" y="7"/>
                    <a:pt x="38" y="18"/>
                  </a:cubicBezTo>
                  <a:cubicBezTo>
                    <a:pt x="34" y="29"/>
                    <a:pt x="29" y="36"/>
                    <a:pt x="16" y="36"/>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29" name="Freeform 171">
              <a:extLst>
                <a:ext uri="{FF2B5EF4-FFF2-40B4-BE49-F238E27FC236}">
                  <a16:creationId xmlns:a16="http://schemas.microsoft.com/office/drawing/2014/main" id="{9D550AB8-3BD8-4AD7-A090-4BBB72656958}"/>
                </a:ext>
              </a:extLst>
            </p:cNvPr>
            <p:cNvSpPr>
              <a:spLocks noEditPoints="1"/>
            </p:cNvSpPr>
            <p:nvPr userDrawn="1"/>
          </p:nvSpPr>
          <p:spPr bwMode="auto">
            <a:xfrm>
              <a:off x="5330" y="4040"/>
              <a:ext cx="80" cy="70"/>
            </a:xfrm>
            <a:custGeom>
              <a:avLst/>
              <a:gdLst/>
              <a:ahLst/>
              <a:cxnLst>
                <a:cxn ang="0">
                  <a:pos x="28" y="12"/>
                </a:cxn>
                <a:cxn ang="0">
                  <a:pos x="25" y="6"/>
                </a:cxn>
                <a:cxn ang="0">
                  <a:pos x="24" y="6"/>
                </a:cxn>
                <a:cxn ang="0">
                  <a:pos x="17" y="12"/>
                </a:cxn>
                <a:cxn ang="0">
                  <a:pos x="13" y="25"/>
                </a:cxn>
                <a:cxn ang="0">
                  <a:pos x="16" y="30"/>
                </a:cxn>
                <a:cxn ang="0">
                  <a:pos x="18" y="30"/>
                </a:cxn>
                <a:cxn ang="0">
                  <a:pos x="24" y="25"/>
                </a:cxn>
                <a:cxn ang="0">
                  <a:pos x="28" y="12"/>
                </a:cxn>
                <a:cxn ang="0">
                  <a:pos x="16" y="36"/>
                </a:cxn>
                <a:cxn ang="0">
                  <a:pos x="12" y="36"/>
                </a:cxn>
                <a:cxn ang="0">
                  <a:pos x="4" y="18"/>
                </a:cxn>
                <a:cxn ang="0">
                  <a:pos x="25" y="0"/>
                </a:cxn>
                <a:cxn ang="0">
                  <a:pos x="29" y="0"/>
                </a:cxn>
                <a:cxn ang="0">
                  <a:pos x="38" y="18"/>
                </a:cxn>
                <a:cxn ang="0">
                  <a:pos x="16" y="36"/>
                </a:cxn>
              </a:cxnLst>
              <a:rect l="0" t="0" r="r" b="b"/>
              <a:pathLst>
                <a:path w="41" h="36">
                  <a:moveTo>
                    <a:pt x="28" y="12"/>
                  </a:moveTo>
                  <a:cubicBezTo>
                    <a:pt x="30" y="8"/>
                    <a:pt x="29" y="6"/>
                    <a:pt x="25" y="6"/>
                  </a:cubicBezTo>
                  <a:cubicBezTo>
                    <a:pt x="25" y="6"/>
                    <a:pt x="24" y="6"/>
                    <a:pt x="24" y="6"/>
                  </a:cubicBezTo>
                  <a:cubicBezTo>
                    <a:pt x="19" y="6"/>
                    <a:pt x="18" y="8"/>
                    <a:pt x="17" y="12"/>
                  </a:cubicBezTo>
                  <a:cubicBezTo>
                    <a:pt x="16" y="13"/>
                    <a:pt x="13" y="24"/>
                    <a:pt x="13" y="25"/>
                  </a:cubicBezTo>
                  <a:cubicBezTo>
                    <a:pt x="11" y="28"/>
                    <a:pt x="12" y="30"/>
                    <a:pt x="16" y="30"/>
                  </a:cubicBezTo>
                  <a:cubicBezTo>
                    <a:pt x="16" y="30"/>
                    <a:pt x="18" y="30"/>
                    <a:pt x="18" y="30"/>
                  </a:cubicBezTo>
                  <a:cubicBezTo>
                    <a:pt x="21" y="30"/>
                    <a:pt x="23" y="29"/>
                    <a:pt x="24" y="25"/>
                  </a:cubicBezTo>
                  <a:cubicBezTo>
                    <a:pt x="25" y="23"/>
                    <a:pt x="28" y="13"/>
                    <a:pt x="28" y="12"/>
                  </a:cubicBezTo>
                  <a:close/>
                  <a:moveTo>
                    <a:pt x="16" y="36"/>
                  </a:moveTo>
                  <a:cubicBezTo>
                    <a:pt x="15" y="36"/>
                    <a:pt x="13" y="36"/>
                    <a:pt x="12" y="36"/>
                  </a:cubicBezTo>
                  <a:cubicBezTo>
                    <a:pt x="1" y="36"/>
                    <a:pt x="0" y="28"/>
                    <a:pt x="4" y="18"/>
                  </a:cubicBezTo>
                  <a:cubicBezTo>
                    <a:pt x="7" y="7"/>
                    <a:pt x="12" y="0"/>
                    <a:pt x="25" y="0"/>
                  </a:cubicBezTo>
                  <a:cubicBezTo>
                    <a:pt x="26" y="0"/>
                    <a:pt x="28" y="0"/>
                    <a:pt x="29" y="0"/>
                  </a:cubicBezTo>
                  <a:cubicBezTo>
                    <a:pt x="41" y="0"/>
                    <a:pt x="41" y="7"/>
                    <a:pt x="38" y="18"/>
                  </a:cubicBezTo>
                  <a:cubicBezTo>
                    <a:pt x="34" y="29"/>
                    <a:pt x="29" y="36"/>
                    <a:pt x="16" y="36"/>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0" name="Freeform 172">
              <a:extLst>
                <a:ext uri="{FF2B5EF4-FFF2-40B4-BE49-F238E27FC236}">
                  <a16:creationId xmlns:a16="http://schemas.microsoft.com/office/drawing/2014/main" id="{A403463A-FA25-4FF9-BA6A-B3130B811FF3}"/>
                </a:ext>
              </a:extLst>
            </p:cNvPr>
            <p:cNvSpPr>
              <a:spLocks/>
            </p:cNvSpPr>
            <p:nvPr userDrawn="1"/>
          </p:nvSpPr>
          <p:spPr bwMode="auto">
            <a:xfrm>
              <a:off x="4799" y="4042"/>
              <a:ext cx="93" cy="66"/>
            </a:xfrm>
            <a:custGeom>
              <a:avLst/>
              <a:gdLst/>
              <a:ahLst/>
              <a:cxnLst>
                <a:cxn ang="0">
                  <a:pos x="37" y="34"/>
                </a:cxn>
                <a:cxn ang="0">
                  <a:pos x="28" y="34"/>
                </a:cxn>
                <a:cxn ang="0">
                  <a:pos x="21" y="29"/>
                </a:cxn>
                <a:cxn ang="0">
                  <a:pos x="17" y="8"/>
                </a:cxn>
                <a:cxn ang="0">
                  <a:pos x="9" y="34"/>
                </a:cxn>
                <a:cxn ang="0">
                  <a:pos x="0" y="34"/>
                </a:cxn>
                <a:cxn ang="0">
                  <a:pos x="11" y="0"/>
                </a:cxn>
                <a:cxn ang="0">
                  <a:pos x="21" y="0"/>
                </a:cxn>
                <a:cxn ang="0">
                  <a:pos x="27" y="5"/>
                </a:cxn>
                <a:cxn ang="0">
                  <a:pos x="32" y="25"/>
                </a:cxn>
                <a:cxn ang="0">
                  <a:pos x="39" y="0"/>
                </a:cxn>
                <a:cxn ang="0">
                  <a:pos x="48" y="0"/>
                </a:cxn>
                <a:cxn ang="0">
                  <a:pos x="37" y="34"/>
                </a:cxn>
              </a:cxnLst>
              <a:rect l="0" t="0" r="r" b="b"/>
              <a:pathLst>
                <a:path w="48" h="34">
                  <a:moveTo>
                    <a:pt x="37" y="34"/>
                  </a:moveTo>
                  <a:cubicBezTo>
                    <a:pt x="37" y="34"/>
                    <a:pt x="31" y="34"/>
                    <a:pt x="28" y="34"/>
                  </a:cubicBezTo>
                  <a:cubicBezTo>
                    <a:pt x="24" y="34"/>
                    <a:pt x="22" y="33"/>
                    <a:pt x="21" y="29"/>
                  </a:cubicBezTo>
                  <a:cubicBezTo>
                    <a:pt x="21" y="24"/>
                    <a:pt x="17" y="8"/>
                    <a:pt x="17" y="8"/>
                  </a:cubicBezTo>
                  <a:cubicBezTo>
                    <a:pt x="9" y="34"/>
                    <a:pt x="9" y="34"/>
                    <a:pt x="9" y="34"/>
                  </a:cubicBezTo>
                  <a:cubicBezTo>
                    <a:pt x="0" y="34"/>
                    <a:pt x="0" y="34"/>
                    <a:pt x="0" y="34"/>
                  </a:cubicBezTo>
                  <a:cubicBezTo>
                    <a:pt x="11" y="0"/>
                    <a:pt x="11" y="0"/>
                    <a:pt x="11" y="0"/>
                  </a:cubicBezTo>
                  <a:cubicBezTo>
                    <a:pt x="11" y="0"/>
                    <a:pt x="17" y="0"/>
                    <a:pt x="21" y="0"/>
                  </a:cubicBezTo>
                  <a:cubicBezTo>
                    <a:pt x="25" y="0"/>
                    <a:pt x="26" y="1"/>
                    <a:pt x="27" y="5"/>
                  </a:cubicBezTo>
                  <a:cubicBezTo>
                    <a:pt x="28" y="7"/>
                    <a:pt x="32" y="25"/>
                    <a:pt x="32" y="25"/>
                  </a:cubicBezTo>
                  <a:cubicBezTo>
                    <a:pt x="39" y="0"/>
                    <a:pt x="39" y="0"/>
                    <a:pt x="39" y="0"/>
                  </a:cubicBezTo>
                  <a:cubicBezTo>
                    <a:pt x="48" y="0"/>
                    <a:pt x="48" y="0"/>
                    <a:pt x="48" y="0"/>
                  </a:cubicBezTo>
                  <a:cubicBezTo>
                    <a:pt x="37" y="34"/>
                    <a:pt x="37" y="34"/>
                    <a:pt x="37" y="34"/>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1" name="Freeform 173">
              <a:extLst>
                <a:ext uri="{FF2B5EF4-FFF2-40B4-BE49-F238E27FC236}">
                  <a16:creationId xmlns:a16="http://schemas.microsoft.com/office/drawing/2014/main" id="{4378B299-78C6-4CEC-80CF-EEB91B851549}"/>
                </a:ext>
              </a:extLst>
            </p:cNvPr>
            <p:cNvSpPr>
              <a:spLocks/>
            </p:cNvSpPr>
            <p:nvPr userDrawn="1"/>
          </p:nvSpPr>
          <p:spPr bwMode="auto">
            <a:xfrm>
              <a:off x="5141" y="4042"/>
              <a:ext cx="94" cy="66"/>
            </a:xfrm>
            <a:custGeom>
              <a:avLst/>
              <a:gdLst/>
              <a:ahLst/>
              <a:cxnLst>
                <a:cxn ang="0">
                  <a:pos x="37" y="34"/>
                </a:cxn>
                <a:cxn ang="0">
                  <a:pos x="27" y="34"/>
                </a:cxn>
                <a:cxn ang="0">
                  <a:pos x="21" y="29"/>
                </a:cxn>
                <a:cxn ang="0">
                  <a:pos x="16" y="8"/>
                </a:cxn>
                <a:cxn ang="0">
                  <a:pos x="9" y="34"/>
                </a:cxn>
                <a:cxn ang="0">
                  <a:pos x="0" y="34"/>
                </a:cxn>
                <a:cxn ang="0">
                  <a:pos x="11" y="0"/>
                </a:cxn>
                <a:cxn ang="0">
                  <a:pos x="21" y="0"/>
                </a:cxn>
                <a:cxn ang="0">
                  <a:pos x="27" y="5"/>
                </a:cxn>
                <a:cxn ang="0">
                  <a:pos x="31" y="25"/>
                </a:cxn>
                <a:cxn ang="0">
                  <a:pos x="39" y="0"/>
                </a:cxn>
                <a:cxn ang="0">
                  <a:pos x="48" y="0"/>
                </a:cxn>
                <a:cxn ang="0">
                  <a:pos x="37" y="34"/>
                </a:cxn>
              </a:cxnLst>
              <a:rect l="0" t="0" r="r" b="b"/>
              <a:pathLst>
                <a:path w="48" h="34">
                  <a:moveTo>
                    <a:pt x="37" y="34"/>
                  </a:moveTo>
                  <a:cubicBezTo>
                    <a:pt x="37" y="34"/>
                    <a:pt x="31" y="34"/>
                    <a:pt x="27" y="34"/>
                  </a:cubicBezTo>
                  <a:cubicBezTo>
                    <a:pt x="23" y="34"/>
                    <a:pt x="22" y="33"/>
                    <a:pt x="21" y="29"/>
                  </a:cubicBezTo>
                  <a:cubicBezTo>
                    <a:pt x="20" y="24"/>
                    <a:pt x="16" y="8"/>
                    <a:pt x="16" y="8"/>
                  </a:cubicBezTo>
                  <a:cubicBezTo>
                    <a:pt x="9" y="34"/>
                    <a:pt x="9" y="34"/>
                    <a:pt x="9" y="34"/>
                  </a:cubicBezTo>
                  <a:cubicBezTo>
                    <a:pt x="0" y="34"/>
                    <a:pt x="0" y="34"/>
                    <a:pt x="0" y="34"/>
                  </a:cubicBezTo>
                  <a:cubicBezTo>
                    <a:pt x="11" y="0"/>
                    <a:pt x="11" y="0"/>
                    <a:pt x="11" y="0"/>
                  </a:cubicBezTo>
                  <a:cubicBezTo>
                    <a:pt x="11" y="0"/>
                    <a:pt x="17" y="0"/>
                    <a:pt x="21" y="0"/>
                  </a:cubicBezTo>
                  <a:cubicBezTo>
                    <a:pt x="25" y="0"/>
                    <a:pt x="26" y="1"/>
                    <a:pt x="27" y="5"/>
                  </a:cubicBezTo>
                  <a:cubicBezTo>
                    <a:pt x="27" y="7"/>
                    <a:pt x="31" y="25"/>
                    <a:pt x="31" y="25"/>
                  </a:cubicBezTo>
                  <a:cubicBezTo>
                    <a:pt x="39" y="0"/>
                    <a:pt x="39" y="0"/>
                    <a:pt x="39" y="0"/>
                  </a:cubicBezTo>
                  <a:cubicBezTo>
                    <a:pt x="48" y="0"/>
                    <a:pt x="48" y="0"/>
                    <a:pt x="48" y="0"/>
                  </a:cubicBezTo>
                  <a:cubicBezTo>
                    <a:pt x="37" y="34"/>
                    <a:pt x="37" y="34"/>
                    <a:pt x="37" y="34"/>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2" name="Freeform 174">
              <a:extLst>
                <a:ext uri="{FF2B5EF4-FFF2-40B4-BE49-F238E27FC236}">
                  <a16:creationId xmlns:a16="http://schemas.microsoft.com/office/drawing/2014/main" id="{58192A53-8A58-472F-AF5A-1BAB91DF8FB9}"/>
                </a:ext>
              </a:extLst>
            </p:cNvPr>
            <p:cNvSpPr>
              <a:spLocks/>
            </p:cNvSpPr>
            <p:nvPr userDrawn="1"/>
          </p:nvSpPr>
          <p:spPr bwMode="auto">
            <a:xfrm>
              <a:off x="4887" y="4042"/>
              <a:ext cx="42" cy="66"/>
            </a:xfrm>
            <a:custGeom>
              <a:avLst/>
              <a:gdLst/>
              <a:ahLst/>
              <a:cxnLst>
                <a:cxn ang="0">
                  <a:pos x="21" y="66"/>
                </a:cxn>
                <a:cxn ang="0">
                  <a:pos x="0" y="66"/>
                </a:cxn>
                <a:cxn ang="0">
                  <a:pos x="19" y="0"/>
                </a:cxn>
                <a:cxn ang="0">
                  <a:pos x="42" y="0"/>
                </a:cxn>
                <a:cxn ang="0">
                  <a:pos x="21" y="66"/>
                </a:cxn>
              </a:cxnLst>
              <a:rect l="0" t="0" r="r" b="b"/>
              <a:pathLst>
                <a:path w="42" h="66">
                  <a:moveTo>
                    <a:pt x="21" y="66"/>
                  </a:moveTo>
                  <a:lnTo>
                    <a:pt x="0" y="66"/>
                  </a:lnTo>
                  <a:lnTo>
                    <a:pt x="19" y="0"/>
                  </a:lnTo>
                  <a:lnTo>
                    <a:pt x="42" y="0"/>
                  </a:lnTo>
                  <a:lnTo>
                    <a:pt x="21" y="66"/>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3" name="Freeform 175">
              <a:extLst>
                <a:ext uri="{FF2B5EF4-FFF2-40B4-BE49-F238E27FC236}">
                  <a16:creationId xmlns:a16="http://schemas.microsoft.com/office/drawing/2014/main" id="{4C9732D4-0B30-47C3-B3FC-B31F810601EF}"/>
                </a:ext>
              </a:extLst>
            </p:cNvPr>
            <p:cNvSpPr>
              <a:spLocks/>
            </p:cNvSpPr>
            <p:nvPr userDrawn="1"/>
          </p:nvSpPr>
          <p:spPr bwMode="auto">
            <a:xfrm>
              <a:off x="4887" y="4042"/>
              <a:ext cx="42" cy="66"/>
            </a:xfrm>
            <a:custGeom>
              <a:avLst/>
              <a:gdLst/>
              <a:ahLst/>
              <a:cxnLst>
                <a:cxn ang="0">
                  <a:pos x="21" y="66"/>
                </a:cxn>
                <a:cxn ang="0">
                  <a:pos x="0" y="66"/>
                </a:cxn>
                <a:cxn ang="0">
                  <a:pos x="19" y="0"/>
                </a:cxn>
                <a:cxn ang="0">
                  <a:pos x="42" y="0"/>
                </a:cxn>
                <a:cxn ang="0">
                  <a:pos x="21" y="66"/>
                </a:cxn>
              </a:cxnLst>
              <a:rect l="0" t="0" r="r" b="b"/>
              <a:pathLst>
                <a:path w="42" h="66">
                  <a:moveTo>
                    <a:pt x="21" y="66"/>
                  </a:moveTo>
                  <a:lnTo>
                    <a:pt x="0" y="66"/>
                  </a:lnTo>
                  <a:lnTo>
                    <a:pt x="19" y="0"/>
                  </a:lnTo>
                  <a:lnTo>
                    <a:pt x="42" y="0"/>
                  </a:lnTo>
                  <a:lnTo>
                    <a:pt x="21" y="66"/>
                  </a:lnTo>
                </a:path>
              </a:pathLst>
            </a:custGeom>
            <a:noFill/>
            <a:ln w="9525">
              <a:noFill/>
              <a:round/>
              <a:headEnd/>
              <a:tailEnd/>
            </a:ln>
          </p:spPr>
          <p:txBody>
            <a:bodyPr/>
            <a:lstStyle/>
            <a:p>
              <a:pPr defTabSz="371446">
                <a:defRPr/>
              </a:pPr>
              <a:endParaRPr kumimoji="0" lang="ja-JP" altLang="en-US" sz="1463">
                <a:solidFill>
                  <a:srgbClr val="000000"/>
                </a:solidFill>
              </a:endParaRPr>
            </a:p>
          </p:txBody>
        </p:sp>
        <p:sp>
          <p:nvSpPr>
            <p:cNvPr id="34" name="Freeform 176">
              <a:extLst>
                <a:ext uri="{FF2B5EF4-FFF2-40B4-BE49-F238E27FC236}">
                  <a16:creationId xmlns:a16="http://schemas.microsoft.com/office/drawing/2014/main" id="{8F982846-6531-47B7-95E7-85381F5F3CC2}"/>
                </a:ext>
              </a:extLst>
            </p:cNvPr>
            <p:cNvSpPr>
              <a:spLocks/>
            </p:cNvSpPr>
            <p:nvPr userDrawn="1"/>
          </p:nvSpPr>
          <p:spPr bwMode="auto">
            <a:xfrm>
              <a:off x="5252" y="4042"/>
              <a:ext cx="42" cy="66"/>
            </a:xfrm>
            <a:custGeom>
              <a:avLst/>
              <a:gdLst/>
              <a:ahLst/>
              <a:cxnLst>
                <a:cxn ang="0">
                  <a:pos x="24" y="66"/>
                </a:cxn>
                <a:cxn ang="0">
                  <a:pos x="0" y="66"/>
                </a:cxn>
                <a:cxn ang="0">
                  <a:pos x="22" y="0"/>
                </a:cxn>
                <a:cxn ang="0">
                  <a:pos x="45" y="0"/>
                </a:cxn>
                <a:cxn ang="0">
                  <a:pos x="24" y="66"/>
                </a:cxn>
              </a:cxnLst>
              <a:rect l="0" t="0" r="r" b="b"/>
              <a:pathLst>
                <a:path w="45" h="66">
                  <a:moveTo>
                    <a:pt x="24" y="66"/>
                  </a:moveTo>
                  <a:lnTo>
                    <a:pt x="0" y="66"/>
                  </a:lnTo>
                  <a:lnTo>
                    <a:pt x="22" y="0"/>
                  </a:lnTo>
                  <a:lnTo>
                    <a:pt x="45" y="0"/>
                  </a:lnTo>
                  <a:lnTo>
                    <a:pt x="24" y="66"/>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5" name="Freeform 177">
              <a:extLst>
                <a:ext uri="{FF2B5EF4-FFF2-40B4-BE49-F238E27FC236}">
                  <a16:creationId xmlns:a16="http://schemas.microsoft.com/office/drawing/2014/main" id="{CB2BD9BE-6F2A-4A34-A6F8-A863CDE2BDC5}"/>
                </a:ext>
              </a:extLst>
            </p:cNvPr>
            <p:cNvSpPr>
              <a:spLocks/>
            </p:cNvSpPr>
            <p:nvPr userDrawn="1"/>
          </p:nvSpPr>
          <p:spPr bwMode="auto">
            <a:xfrm>
              <a:off x="5252" y="4042"/>
              <a:ext cx="42" cy="66"/>
            </a:xfrm>
            <a:custGeom>
              <a:avLst/>
              <a:gdLst/>
              <a:ahLst/>
              <a:cxnLst>
                <a:cxn ang="0">
                  <a:pos x="24" y="66"/>
                </a:cxn>
                <a:cxn ang="0">
                  <a:pos x="0" y="66"/>
                </a:cxn>
                <a:cxn ang="0">
                  <a:pos x="22" y="0"/>
                </a:cxn>
                <a:cxn ang="0">
                  <a:pos x="45" y="0"/>
                </a:cxn>
                <a:cxn ang="0">
                  <a:pos x="24" y="66"/>
                </a:cxn>
              </a:cxnLst>
              <a:rect l="0" t="0" r="r" b="b"/>
              <a:pathLst>
                <a:path w="45" h="66">
                  <a:moveTo>
                    <a:pt x="24" y="66"/>
                  </a:moveTo>
                  <a:lnTo>
                    <a:pt x="0" y="66"/>
                  </a:lnTo>
                  <a:lnTo>
                    <a:pt x="22" y="0"/>
                  </a:lnTo>
                  <a:lnTo>
                    <a:pt x="45" y="0"/>
                  </a:lnTo>
                  <a:lnTo>
                    <a:pt x="24" y="66"/>
                  </a:lnTo>
                </a:path>
              </a:pathLst>
            </a:custGeom>
            <a:noFill/>
            <a:ln w="9525">
              <a:noFill/>
              <a:round/>
              <a:headEnd/>
              <a:tailEnd/>
            </a:ln>
          </p:spPr>
          <p:txBody>
            <a:bodyPr/>
            <a:lstStyle/>
            <a:p>
              <a:pPr defTabSz="371446">
                <a:defRPr/>
              </a:pPr>
              <a:endParaRPr kumimoji="0" lang="ja-JP" altLang="en-US" sz="1463">
                <a:solidFill>
                  <a:srgbClr val="000000"/>
                </a:solidFill>
              </a:endParaRPr>
            </a:p>
          </p:txBody>
        </p:sp>
        <p:sp>
          <p:nvSpPr>
            <p:cNvPr id="36" name="Freeform 178">
              <a:extLst>
                <a:ext uri="{FF2B5EF4-FFF2-40B4-BE49-F238E27FC236}">
                  <a16:creationId xmlns:a16="http://schemas.microsoft.com/office/drawing/2014/main" id="{0B9FB280-DB89-4EA7-8AE4-67078776CACF}"/>
                </a:ext>
              </a:extLst>
            </p:cNvPr>
            <p:cNvSpPr>
              <a:spLocks/>
            </p:cNvSpPr>
            <p:nvPr userDrawn="1"/>
          </p:nvSpPr>
          <p:spPr bwMode="auto">
            <a:xfrm>
              <a:off x="5468" y="4042"/>
              <a:ext cx="45" cy="66"/>
            </a:xfrm>
            <a:custGeom>
              <a:avLst/>
              <a:gdLst/>
              <a:ahLst/>
              <a:cxnLst>
                <a:cxn ang="0">
                  <a:pos x="23" y="66"/>
                </a:cxn>
                <a:cxn ang="0">
                  <a:pos x="0" y="66"/>
                </a:cxn>
                <a:cxn ang="0">
                  <a:pos x="22" y="0"/>
                </a:cxn>
                <a:cxn ang="0">
                  <a:pos x="45" y="0"/>
                </a:cxn>
                <a:cxn ang="0">
                  <a:pos x="23" y="66"/>
                </a:cxn>
              </a:cxnLst>
              <a:rect l="0" t="0" r="r" b="b"/>
              <a:pathLst>
                <a:path w="45" h="66">
                  <a:moveTo>
                    <a:pt x="23" y="66"/>
                  </a:moveTo>
                  <a:lnTo>
                    <a:pt x="0" y="66"/>
                  </a:lnTo>
                  <a:lnTo>
                    <a:pt x="22" y="0"/>
                  </a:lnTo>
                  <a:lnTo>
                    <a:pt x="45" y="0"/>
                  </a:lnTo>
                  <a:lnTo>
                    <a:pt x="23" y="66"/>
                  </a:lnTo>
                  <a:close/>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7" name="Freeform 179">
              <a:extLst>
                <a:ext uri="{FF2B5EF4-FFF2-40B4-BE49-F238E27FC236}">
                  <a16:creationId xmlns:a16="http://schemas.microsoft.com/office/drawing/2014/main" id="{87635C24-2F0F-4479-B44A-F55C7576ED3D}"/>
                </a:ext>
              </a:extLst>
            </p:cNvPr>
            <p:cNvSpPr>
              <a:spLocks/>
            </p:cNvSpPr>
            <p:nvPr userDrawn="1"/>
          </p:nvSpPr>
          <p:spPr bwMode="auto">
            <a:xfrm>
              <a:off x="5468" y="4042"/>
              <a:ext cx="45" cy="66"/>
            </a:xfrm>
            <a:custGeom>
              <a:avLst/>
              <a:gdLst/>
              <a:ahLst/>
              <a:cxnLst>
                <a:cxn ang="0">
                  <a:pos x="23" y="66"/>
                </a:cxn>
                <a:cxn ang="0">
                  <a:pos x="0" y="66"/>
                </a:cxn>
                <a:cxn ang="0">
                  <a:pos x="22" y="0"/>
                </a:cxn>
                <a:cxn ang="0">
                  <a:pos x="45" y="0"/>
                </a:cxn>
                <a:cxn ang="0">
                  <a:pos x="23" y="66"/>
                </a:cxn>
              </a:cxnLst>
              <a:rect l="0" t="0" r="r" b="b"/>
              <a:pathLst>
                <a:path w="45" h="66">
                  <a:moveTo>
                    <a:pt x="23" y="66"/>
                  </a:moveTo>
                  <a:lnTo>
                    <a:pt x="0" y="66"/>
                  </a:lnTo>
                  <a:lnTo>
                    <a:pt x="22" y="0"/>
                  </a:lnTo>
                  <a:lnTo>
                    <a:pt x="45" y="0"/>
                  </a:lnTo>
                  <a:lnTo>
                    <a:pt x="23" y="66"/>
                  </a:lnTo>
                </a:path>
              </a:pathLst>
            </a:custGeom>
            <a:noFill/>
            <a:ln w="9525">
              <a:noFill/>
              <a:round/>
              <a:headEnd/>
              <a:tailEnd/>
            </a:ln>
          </p:spPr>
          <p:txBody>
            <a:bodyPr/>
            <a:lstStyle/>
            <a:p>
              <a:pPr defTabSz="371446">
                <a:defRPr/>
              </a:pPr>
              <a:endParaRPr kumimoji="0" lang="ja-JP" altLang="en-US" sz="1463">
                <a:solidFill>
                  <a:srgbClr val="000000"/>
                </a:solidFill>
              </a:endParaRPr>
            </a:p>
          </p:txBody>
        </p:sp>
        <p:sp>
          <p:nvSpPr>
            <p:cNvPr id="38" name="Freeform 180">
              <a:extLst>
                <a:ext uri="{FF2B5EF4-FFF2-40B4-BE49-F238E27FC236}">
                  <a16:creationId xmlns:a16="http://schemas.microsoft.com/office/drawing/2014/main" id="{3162D019-F3D1-4463-B946-83E000C1827C}"/>
                </a:ext>
              </a:extLst>
            </p:cNvPr>
            <p:cNvSpPr>
              <a:spLocks/>
            </p:cNvSpPr>
            <p:nvPr userDrawn="1"/>
          </p:nvSpPr>
          <p:spPr bwMode="auto">
            <a:xfrm>
              <a:off x="5289" y="4071"/>
              <a:ext cx="37" cy="37"/>
            </a:xfrm>
            <a:custGeom>
              <a:avLst/>
              <a:gdLst/>
              <a:ahLst/>
              <a:cxnLst>
                <a:cxn ang="0">
                  <a:pos x="0" y="1"/>
                </a:cxn>
                <a:cxn ang="0">
                  <a:pos x="5" y="15"/>
                </a:cxn>
                <a:cxn ang="0">
                  <a:pos x="11" y="19"/>
                </a:cxn>
                <a:cxn ang="0">
                  <a:pos x="19" y="19"/>
                </a:cxn>
                <a:cxn ang="0">
                  <a:pos x="10" y="0"/>
                </a:cxn>
                <a:cxn ang="0">
                  <a:pos x="0" y="1"/>
                </a:cxn>
              </a:cxnLst>
              <a:rect l="0" t="0" r="r" b="b"/>
              <a:pathLst>
                <a:path w="19" h="19">
                  <a:moveTo>
                    <a:pt x="0" y="1"/>
                  </a:moveTo>
                  <a:cubicBezTo>
                    <a:pt x="0" y="2"/>
                    <a:pt x="4" y="13"/>
                    <a:pt x="5" y="15"/>
                  </a:cubicBezTo>
                  <a:cubicBezTo>
                    <a:pt x="6" y="18"/>
                    <a:pt x="8" y="19"/>
                    <a:pt x="11" y="19"/>
                  </a:cubicBezTo>
                  <a:cubicBezTo>
                    <a:pt x="14" y="19"/>
                    <a:pt x="19" y="19"/>
                    <a:pt x="19" y="19"/>
                  </a:cubicBezTo>
                  <a:cubicBezTo>
                    <a:pt x="10" y="0"/>
                    <a:pt x="10" y="0"/>
                    <a:pt x="10" y="0"/>
                  </a:cubicBezTo>
                  <a:cubicBezTo>
                    <a:pt x="0" y="1"/>
                    <a:pt x="0" y="1"/>
                    <a:pt x="0" y="1"/>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39" name="Freeform 181">
              <a:extLst>
                <a:ext uri="{FF2B5EF4-FFF2-40B4-BE49-F238E27FC236}">
                  <a16:creationId xmlns:a16="http://schemas.microsoft.com/office/drawing/2014/main" id="{0405F3FE-7361-4393-A86D-D4EE269E949D}"/>
                </a:ext>
              </a:extLst>
            </p:cNvPr>
            <p:cNvSpPr>
              <a:spLocks/>
            </p:cNvSpPr>
            <p:nvPr userDrawn="1"/>
          </p:nvSpPr>
          <p:spPr bwMode="auto">
            <a:xfrm>
              <a:off x="5404" y="4042"/>
              <a:ext cx="74" cy="66"/>
            </a:xfrm>
            <a:custGeom>
              <a:avLst/>
              <a:gdLst/>
              <a:ahLst/>
              <a:cxnLst>
                <a:cxn ang="0">
                  <a:pos x="11" y="0"/>
                </a:cxn>
                <a:cxn ang="0">
                  <a:pos x="0" y="34"/>
                </a:cxn>
                <a:cxn ang="0">
                  <a:pos x="24" y="34"/>
                </a:cxn>
                <a:cxn ang="0">
                  <a:pos x="28" y="32"/>
                </a:cxn>
                <a:cxn ang="0">
                  <a:pos x="30" y="28"/>
                </a:cxn>
                <a:cxn ang="0">
                  <a:pos x="13" y="28"/>
                </a:cxn>
                <a:cxn ang="0">
                  <a:pos x="16" y="20"/>
                </a:cxn>
                <a:cxn ang="0">
                  <a:pos x="22" y="20"/>
                </a:cxn>
                <a:cxn ang="0">
                  <a:pos x="31" y="16"/>
                </a:cxn>
                <a:cxn ang="0">
                  <a:pos x="32" y="13"/>
                </a:cxn>
                <a:cxn ang="0">
                  <a:pos x="18" y="13"/>
                </a:cxn>
                <a:cxn ang="0">
                  <a:pos x="20" y="6"/>
                </a:cxn>
                <a:cxn ang="0">
                  <a:pos x="31" y="6"/>
                </a:cxn>
                <a:cxn ang="0">
                  <a:pos x="37" y="3"/>
                </a:cxn>
                <a:cxn ang="0">
                  <a:pos x="38" y="0"/>
                </a:cxn>
                <a:cxn ang="0">
                  <a:pos x="11" y="0"/>
                </a:cxn>
              </a:cxnLst>
              <a:rect l="0" t="0" r="r" b="b"/>
              <a:pathLst>
                <a:path w="38" h="34">
                  <a:moveTo>
                    <a:pt x="11" y="0"/>
                  </a:moveTo>
                  <a:cubicBezTo>
                    <a:pt x="8" y="8"/>
                    <a:pt x="3" y="23"/>
                    <a:pt x="0" y="34"/>
                  </a:cubicBezTo>
                  <a:cubicBezTo>
                    <a:pt x="5" y="34"/>
                    <a:pt x="19" y="34"/>
                    <a:pt x="24" y="34"/>
                  </a:cubicBezTo>
                  <a:cubicBezTo>
                    <a:pt x="26" y="34"/>
                    <a:pt x="27" y="34"/>
                    <a:pt x="28" y="32"/>
                  </a:cubicBezTo>
                  <a:cubicBezTo>
                    <a:pt x="29" y="30"/>
                    <a:pt x="30" y="28"/>
                    <a:pt x="30" y="28"/>
                  </a:cubicBezTo>
                  <a:cubicBezTo>
                    <a:pt x="13" y="28"/>
                    <a:pt x="13" y="28"/>
                    <a:pt x="13" y="28"/>
                  </a:cubicBezTo>
                  <a:cubicBezTo>
                    <a:pt x="16" y="20"/>
                    <a:pt x="16" y="20"/>
                    <a:pt x="16" y="20"/>
                  </a:cubicBezTo>
                  <a:cubicBezTo>
                    <a:pt x="16" y="20"/>
                    <a:pt x="17" y="20"/>
                    <a:pt x="22" y="20"/>
                  </a:cubicBezTo>
                  <a:cubicBezTo>
                    <a:pt x="26" y="20"/>
                    <a:pt x="29" y="19"/>
                    <a:pt x="31" y="16"/>
                  </a:cubicBezTo>
                  <a:cubicBezTo>
                    <a:pt x="31" y="16"/>
                    <a:pt x="32" y="14"/>
                    <a:pt x="32" y="13"/>
                  </a:cubicBezTo>
                  <a:cubicBezTo>
                    <a:pt x="28" y="13"/>
                    <a:pt x="18" y="13"/>
                    <a:pt x="18" y="13"/>
                  </a:cubicBezTo>
                  <a:cubicBezTo>
                    <a:pt x="20" y="6"/>
                    <a:pt x="20" y="6"/>
                    <a:pt x="20" y="6"/>
                  </a:cubicBezTo>
                  <a:cubicBezTo>
                    <a:pt x="20" y="6"/>
                    <a:pt x="29" y="6"/>
                    <a:pt x="31" y="6"/>
                  </a:cubicBezTo>
                  <a:cubicBezTo>
                    <a:pt x="34" y="6"/>
                    <a:pt x="36" y="5"/>
                    <a:pt x="37" y="3"/>
                  </a:cubicBezTo>
                  <a:cubicBezTo>
                    <a:pt x="38" y="1"/>
                    <a:pt x="38" y="0"/>
                    <a:pt x="38" y="0"/>
                  </a:cubicBezTo>
                  <a:cubicBezTo>
                    <a:pt x="38" y="0"/>
                    <a:pt x="17" y="0"/>
                    <a:pt x="11" y="0"/>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40" name="Freeform 182">
              <a:extLst>
                <a:ext uri="{FF2B5EF4-FFF2-40B4-BE49-F238E27FC236}">
                  <a16:creationId xmlns:a16="http://schemas.microsoft.com/office/drawing/2014/main" id="{B6477B81-6126-4A5D-B1ED-434EB23EC024}"/>
                </a:ext>
              </a:extLst>
            </p:cNvPr>
            <p:cNvSpPr>
              <a:spLocks noEditPoints="1"/>
            </p:cNvSpPr>
            <p:nvPr userDrawn="1"/>
          </p:nvSpPr>
          <p:spPr bwMode="auto">
            <a:xfrm>
              <a:off x="4993" y="4042"/>
              <a:ext cx="78" cy="66"/>
            </a:xfrm>
            <a:custGeom>
              <a:avLst/>
              <a:gdLst/>
              <a:ahLst/>
              <a:cxnLst>
                <a:cxn ang="0">
                  <a:pos x="28" y="10"/>
                </a:cxn>
                <a:cxn ang="0">
                  <a:pos x="28" y="12"/>
                </a:cxn>
                <a:cxn ang="0">
                  <a:pos x="17" y="20"/>
                </a:cxn>
                <a:cxn ang="0">
                  <a:pos x="15" y="20"/>
                </a:cxn>
                <a:cxn ang="0">
                  <a:pos x="20" y="5"/>
                </a:cxn>
                <a:cxn ang="0">
                  <a:pos x="25" y="5"/>
                </a:cxn>
                <a:cxn ang="0">
                  <a:pos x="28" y="10"/>
                </a:cxn>
                <a:cxn ang="0">
                  <a:pos x="37" y="2"/>
                </a:cxn>
                <a:cxn ang="0">
                  <a:pos x="27" y="0"/>
                </a:cxn>
                <a:cxn ang="0">
                  <a:pos x="10" y="0"/>
                </a:cxn>
                <a:cxn ang="0">
                  <a:pos x="0" y="34"/>
                </a:cxn>
                <a:cxn ang="0">
                  <a:pos x="11" y="34"/>
                </a:cxn>
                <a:cxn ang="0">
                  <a:pos x="14" y="24"/>
                </a:cxn>
                <a:cxn ang="0">
                  <a:pos x="20" y="24"/>
                </a:cxn>
                <a:cxn ang="0">
                  <a:pos x="39" y="12"/>
                </a:cxn>
                <a:cxn ang="0">
                  <a:pos x="37" y="2"/>
                </a:cxn>
              </a:cxnLst>
              <a:rect l="0" t="0" r="r" b="b"/>
              <a:pathLst>
                <a:path w="40" h="34">
                  <a:moveTo>
                    <a:pt x="28" y="10"/>
                  </a:moveTo>
                  <a:cubicBezTo>
                    <a:pt x="28" y="10"/>
                    <a:pt x="28" y="12"/>
                    <a:pt x="28" y="12"/>
                  </a:cubicBezTo>
                  <a:cubicBezTo>
                    <a:pt x="26" y="17"/>
                    <a:pt x="23" y="20"/>
                    <a:pt x="17" y="20"/>
                  </a:cubicBezTo>
                  <a:cubicBezTo>
                    <a:pt x="15" y="20"/>
                    <a:pt x="15" y="20"/>
                    <a:pt x="15" y="20"/>
                  </a:cubicBezTo>
                  <a:cubicBezTo>
                    <a:pt x="20" y="5"/>
                    <a:pt x="20" y="5"/>
                    <a:pt x="20" y="5"/>
                  </a:cubicBezTo>
                  <a:cubicBezTo>
                    <a:pt x="25" y="5"/>
                    <a:pt x="25" y="5"/>
                    <a:pt x="25" y="5"/>
                  </a:cubicBezTo>
                  <a:cubicBezTo>
                    <a:pt x="28" y="5"/>
                    <a:pt x="29" y="7"/>
                    <a:pt x="28" y="10"/>
                  </a:cubicBezTo>
                  <a:close/>
                  <a:moveTo>
                    <a:pt x="37" y="2"/>
                  </a:moveTo>
                  <a:cubicBezTo>
                    <a:pt x="35" y="0"/>
                    <a:pt x="32" y="0"/>
                    <a:pt x="27" y="0"/>
                  </a:cubicBezTo>
                  <a:cubicBezTo>
                    <a:pt x="10" y="0"/>
                    <a:pt x="10" y="0"/>
                    <a:pt x="10" y="0"/>
                  </a:cubicBezTo>
                  <a:cubicBezTo>
                    <a:pt x="0" y="34"/>
                    <a:pt x="0" y="34"/>
                    <a:pt x="0" y="34"/>
                  </a:cubicBezTo>
                  <a:cubicBezTo>
                    <a:pt x="0" y="34"/>
                    <a:pt x="6" y="34"/>
                    <a:pt x="11" y="34"/>
                  </a:cubicBezTo>
                  <a:cubicBezTo>
                    <a:pt x="12" y="30"/>
                    <a:pt x="14" y="24"/>
                    <a:pt x="14" y="24"/>
                  </a:cubicBezTo>
                  <a:cubicBezTo>
                    <a:pt x="15" y="24"/>
                    <a:pt x="20" y="24"/>
                    <a:pt x="20" y="24"/>
                  </a:cubicBezTo>
                  <a:cubicBezTo>
                    <a:pt x="30" y="24"/>
                    <a:pt x="36" y="20"/>
                    <a:pt x="39" y="12"/>
                  </a:cubicBezTo>
                  <a:cubicBezTo>
                    <a:pt x="40" y="8"/>
                    <a:pt x="40" y="4"/>
                    <a:pt x="37" y="2"/>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41" name="Freeform 183">
              <a:extLst>
                <a:ext uri="{FF2B5EF4-FFF2-40B4-BE49-F238E27FC236}">
                  <a16:creationId xmlns:a16="http://schemas.microsoft.com/office/drawing/2014/main" id="{62966716-4903-48DF-9B38-C6DE5BDD4691}"/>
                </a:ext>
              </a:extLst>
            </p:cNvPr>
            <p:cNvSpPr>
              <a:spLocks noEditPoints="1"/>
            </p:cNvSpPr>
            <p:nvPr userDrawn="1"/>
          </p:nvSpPr>
          <p:spPr bwMode="auto">
            <a:xfrm>
              <a:off x="4922" y="4042"/>
              <a:ext cx="78" cy="66"/>
            </a:xfrm>
            <a:custGeom>
              <a:avLst/>
              <a:gdLst/>
              <a:ahLst/>
              <a:cxnLst>
                <a:cxn ang="0">
                  <a:pos x="28" y="10"/>
                </a:cxn>
                <a:cxn ang="0">
                  <a:pos x="28" y="12"/>
                </a:cxn>
                <a:cxn ang="0">
                  <a:pos x="17" y="20"/>
                </a:cxn>
                <a:cxn ang="0">
                  <a:pos x="15" y="20"/>
                </a:cxn>
                <a:cxn ang="0">
                  <a:pos x="20" y="5"/>
                </a:cxn>
                <a:cxn ang="0">
                  <a:pos x="25" y="5"/>
                </a:cxn>
                <a:cxn ang="0">
                  <a:pos x="28" y="10"/>
                </a:cxn>
                <a:cxn ang="0">
                  <a:pos x="37" y="2"/>
                </a:cxn>
                <a:cxn ang="0">
                  <a:pos x="27" y="0"/>
                </a:cxn>
                <a:cxn ang="0">
                  <a:pos x="11" y="0"/>
                </a:cxn>
                <a:cxn ang="0">
                  <a:pos x="0" y="34"/>
                </a:cxn>
                <a:cxn ang="0">
                  <a:pos x="11" y="34"/>
                </a:cxn>
                <a:cxn ang="0">
                  <a:pos x="14" y="24"/>
                </a:cxn>
                <a:cxn ang="0">
                  <a:pos x="20" y="24"/>
                </a:cxn>
                <a:cxn ang="0">
                  <a:pos x="39" y="12"/>
                </a:cxn>
                <a:cxn ang="0">
                  <a:pos x="37" y="2"/>
                </a:cxn>
              </a:cxnLst>
              <a:rect l="0" t="0" r="r" b="b"/>
              <a:pathLst>
                <a:path w="40" h="34">
                  <a:moveTo>
                    <a:pt x="28" y="10"/>
                  </a:moveTo>
                  <a:cubicBezTo>
                    <a:pt x="28" y="10"/>
                    <a:pt x="28" y="12"/>
                    <a:pt x="28" y="12"/>
                  </a:cubicBezTo>
                  <a:cubicBezTo>
                    <a:pt x="26" y="17"/>
                    <a:pt x="24" y="20"/>
                    <a:pt x="17" y="20"/>
                  </a:cubicBezTo>
                  <a:cubicBezTo>
                    <a:pt x="15" y="20"/>
                    <a:pt x="15" y="20"/>
                    <a:pt x="15" y="20"/>
                  </a:cubicBezTo>
                  <a:cubicBezTo>
                    <a:pt x="20" y="5"/>
                    <a:pt x="20" y="5"/>
                    <a:pt x="20" y="5"/>
                  </a:cubicBezTo>
                  <a:cubicBezTo>
                    <a:pt x="25" y="5"/>
                    <a:pt x="25" y="5"/>
                    <a:pt x="25" y="5"/>
                  </a:cubicBezTo>
                  <a:cubicBezTo>
                    <a:pt x="28" y="5"/>
                    <a:pt x="29" y="7"/>
                    <a:pt x="28" y="10"/>
                  </a:cubicBezTo>
                  <a:close/>
                  <a:moveTo>
                    <a:pt x="37" y="2"/>
                  </a:moveTo>
                  <a:cubicBezTo>
                    <a:pt x="35" y="0"/>
                    <a:pt x="32" y="0"/>
                    <a:pt x="27" y="0"/>
                  </a:cubicBezTo>
                  <a:cubicBezTo>
                    <a:pt x="11" y="0"/>
                    <a:pt x="11" y="0"/>
                    <a:pt x="11" y="0"/>
                  </a:cubicBezTo>
                  <a:cubicBezTo>
                    <a:pt x="0" y="34"/>
                    <a:pt x="0" y="34"/>
                    <a:pt x="0" y="34"/>
                  </a:cubicBezTo>
                  <a:cubicBezTo>
                    <a:pt x="0" y="34"/>
                    <a:pt x="6" y="34"/>
                    <a:pt x="11" y="34"/>
                  </a:cubicBezTo>
                  <a:cubicBezTo>
                    <a:pt x="12" y="30"/>
                    <a:pt x="14" y="24"/>
                    <a:pt x="14" y="24"/>
                  </a:cubicBezTo>
                  <a:cubicBezTo>
                    <a:pt x="15" y="24"/>
                    <a:pt x="20" y="24"/>
                    <a:pt x="20" y="24"/>
                  </a:cubicBezTo>
                  <a:cubicBezTo>
                    <a:pt x="30" y="24"/>
                    <a:pt x="36" y="20"/>
                    <a:pt x="39" y="12"/>
                  </a:cubicBezTo>
                  <a:cubicBezTo>
                    <a:pt x="40" y="8"/>
                    <a:pt x="40" y="4"/>
                    <a:pt x="37" y="2"/>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sp>
          <p:nvSpPr>
            <p:cNvPr id="42" name="Freeform 184">
              <a:extLst>
                <a:ext uri="{FF2B5EF4-FFF2-40B4-BE49-F238E27FC236}">
                  <a16:creationId xmlns:a16="http://schemas.microsoft.com/office/drawing/2014/main" id="{7E489938-634D-4460-B1E0-1C0424D65952}"/>
                </a:ext>
              </a:extLst>
            </p:cNvPr>
            <p:cNvSpPr>
              <a:spLocks/>
            </p:cNvSpPr>
            <p:nvPr userDrawn="1"/>
          </p:nvSpPr>
          <p:spPr bwMode="auto">
            <a:xfrm>
              <a:off x="5289" y="4040"/>
              <a:ext cx="54" cy="33"/>
            </a:xfrm>
            <a:custGeom>
              <a:avLst/>
              <a:gdLst/>
              <a:ahLst/>
              <a:cxnLst>
                <a:cxn ang="0">
                  <a:pos x="21" y="0"/>
                </a:cxn>
                <a:cxn ang="0">
                  <a:pos x="11" y="5"/>
                </a:cxn>
                <a:cxn ang="0">
                  <a:pos x="0" y="17"/>
                </a:cxn>
                <a:cxn ang="0">
                  <a:pos x="5" y="17"/>
                </a:cxn>
                <a:cxn ang="0">
                  <a:pos x="22" y="7"/>
                </a:cxn>
                <a:cxn ang="0">
                  <a:pos x="28" y="0"/>
                </a:cxn>
                <a:cxn ang="0">
                  <a:pos x="21" y="0"/>
                </a:cxn>
              </a:cxnLst>
              <a:rect l="0" t="0" r="r" b="b"/>
              <a:pathLst>
                <a:path w="28" h="17">
                  <a:moveTo>
                    <a:pt x="21" y="0"/>
                  </a:moveTo>
                  <a:cubicBezTo>
                    <a:pt x="17" y="0"/>
                    <a:pt x="14" y="2"/>
                    <a:pt x="11" y="5"/>
                  </a:cubicBezTo>
                  <a:cubicBezTo>
                    <a:pt x="6" y="13"/>
                    <a:pt x="4" y="16"/>
                    <a:pt x="0" y="17"/>
                  </a:cubicBezTo>
                  <a:cubicBezTo>
                    <a:pt x="1" y="17"/>
                    <a:pt x="4" y="17"/>
                    <a:pt x="5" y="17"/>
                  </a:cubicBezTo>
                  <a:cubicBezTo>
                    <a:pt x="14" y="16"/>
                    <a:pt x="17" y="15"/>
                    <a:pt x="22" y="7"/>
                  </a:cubicBezTo>
                  <a:cubicBezTo>
                    <a:pt x="24" y="4"/>
                    <a:pt x="26" y="1"/>
                    <a:pt x="28" y="0"/>
                  </a:cubicBezTo>
                  <a:cubicBezTo>
                    <a:pt x="28" y="0"/>
                    <a:pt x="23" y="0"/>
                    <a:pt x="21" y="0"/>
                  </a:cubicBezTo>
                </a:path>
              </a:pathLst>
            </a:custGeom>
            <a:solidFill>
              <a:srgbClr val="1F75BF"/>
            </a:solidFill>
            <a:ln w="9525">
              <a:noFill/>
              <a:round/>
              <a:headEnd/>
              <a:tailEnd/>
            </a:ln>
          </p:spPr>
          <p:txBody>
            <a:bodyPr/>
            <a:lstStyle/>
            <a:p>
              <a:pPr defTabSz="371446">
                <a:defRPr/>
              </a:pPr>
              <a:endParaRPr kumimoji="0" lang="ja-JP" altLang="en-US" sz="1463">
                <a:solidFill>
                  <a:srgbClr val="000000"/>
                </a:solidFill>
              </a:endParaRPr>
            </a:p>
          </p:txBody>
        </p:sp>
      </p:grpSp>
    </p:spTree>
    <p:extLst>
      <p:ext uri="{BB962C8B-B14F-4D97-AF65-F5344CB8AC3E}">
        <p14:creationId xmlns:p14="http://schemas.microsoft.com/office/powerpoint/2010/main" val="780707622"/>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 id="2147483684" r:id="rId12"/>
  </p:sldLayoutIdLst>
  <p:hf hdr="0" ftr="0" dt="0"/>
  <p:txStyles>
    <p:titleStyle>
      <a:lvl1pPr algn="l" rtl="0" eaLnBrk="1" fontAlgn="base" hangingPunct="1">
        <a:spcBef>
          <a:spcPct val="0"/>
        </a:spcBef>
        <a:spcAft>
          <a:spcPct val="0"/>
        </a:spcAft>
        <a:defRPr kumimoji="1" sz="3250" b="1" u="sng">
          <a:solidFill>
            <a:schemeClr val="tx2"/>
          </a:solidFill>
          <a:latin typeface="HG丸ｺﾞｼｯｸM-PRO" panose="020F0600000000000000" pitchFamily="50" charset="-128"/>
          <a:ea typeface="HG丸ｺﾞｼｯｸM-PRO" panose="020F0600000000000000" pitchFamily="50" charset="-128"/>
          <a:cs typeface="+mj-cs"/>
        </a:defRPr>
      </a:lvl1pPr>
      <a:lvl2pPr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2pPr>
      <a:lvl3pPr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3pPr>
      <a:lvl4pPr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4pPr>
      <a:lvl5pPr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5pPr>
      <a:lvl6pPr marL="371446"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6pPr>
      <a:lvl7pPr marL="742892"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7pPr>
      <a:lvl8pPr marL="1114336"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8pPr>
      <a:lvl9pPr marL="1485780" algn="l" rtl="0" eaLnBrk="1" fontAlgn="base" hangingPunct="1">
        <a:spcBef>
          <a:spcPct val="0"/>
        </a:spcBef>
        <a:spcAft>
          <a:spcPct val="0"/>
        </a:spcAft>
        <a:defRPr kumimoji="1" sz="3575">
          <a:solidFill>
            <a:schemeClr val="tx2"/>
          </a:solidFill>
          <a:latin typeface="HGPｺﾞｼｯｸE" pitchFamily="50" charset="-128"/>
          <a:ea typeface="HGPｺﾞｼｯｸE" pitchFamily="50" charset="-128"/>
        </a:defRPr>
      </a:lvl9pPr>
    </p:titleStyle>
    <p:bodyStyle>
      <a:lvl1pPr marL="278584" indent="-278584" algn="l" rtl="0" eaLnBrk="1" fontAlgn="base" hangingPunct="1">
        <a:spcBef>
          <a:spcPct val="20000"/>
        </a:spcBef>
        <a:spcAft>
          <a:spcPct val="0"/>
        </a:spcAft>
        <a:buChar char="•"/>
        <a:defRPr kumimoji="1" sz="2600">
          <a:solidFill>
            <a:schemeClr val="tx1"/>
          </a:solidFill>
          <a:latin typeface="+mn-lt"/>
          <a:ea typeface="+mn-ea"/>
          <a:cs typeface="+mn-cs"/>
        </a:defRPr>
      </a:lvl1pPr>
      <a:lvl2pPr marL="603598" indent="-232154" algn="l" rtl="0" eaLnBrk="1" fontAlgn="base" hangingPunct="1">
        <a:spcBef>
          <a:spcPct val="20000"/>
        </a:spcBef>
        <a:spcAft>
          <a:spcPct val="0"/>
        </a:spcAft>
        <a:buChar char="–"/>
        <a:defRPr kumimoji="1" sz="2275">
          <a:solidFill>
            <a:schemeClr val="tx1"/>
          </a:solidFill>
          <a:latin typeface="+mn-lt"/>
          <a:ea typeface="+mn-ea"/>
        </a:defRPr>
      </a:lvl2pPr>
      <a:lvl3pPr marL="928613" indent="-185723" algn="l" rtl="0" eaLnBrk="1" fontAlgn="base" hangingPunct="1">
        <a:spcBef>
          <a:spcPct val="20000"/>
        </a:spcBef>
        <a:spcAft>
          <a:spcPct val="0"/>
        </a:spcAft>
        <a:buChar char="•"/>
        <a:defRPr kumimoji="1" sz="1950">
          <a:solidFill>
            <a:schemeClr val="tx1"/>
          </a:solidFill>
          <a:latin typeface="+mn-lt"/>
          <a:ea typeface="+mn-ea"/>
        </a:defRPr>
      </a:lvl3pPr>
      <a:lvl4pPr marL="1300058" indent="-185723" algn="l" rtl="0" eaLnBrk="1" fontAlgn="base" hangingPunct="1">
        <a:spcBef>
          <a:spcPct val="20000"/>
        </a:spcBef>
        <a:spcAft>
          <a:spcPct val="0"/>
        </a:spcAft>
        <a:buChar char="–"/>
        <a:defRPr kumimoji="1" sz="1625">
          <a:solidFill>
            <a:schemeClr val="tx1"/>
          </a:solidFill>
          <a:latin typeface="+mn-lt"/>
          <a:ea typeface="+mn-ea"/>
        </a:defRPr>
      </a:lvl4pPr>
      <a:lvl5pPr marL="1671503" indent="-185723" algn="l" rtl="0" eaLnBrk="1" fontAlgn="base" hangingPunct="1">
        <a:spcBef>
          <a:spcPct val="20000"/>
        </a:spcBef>
        <a:spcAft>
          <a:spcPct val="0"/>
        </a:spcAft>
        <a:buChar char="»"/>
        <a:defRPr kumimoji="1" sz="1625">
          <a:solidFill>
            <a:schemeClr val="tx1"/>
          </a:solidFill>
          <a:latin typeface="+mn-lt"/>
          <a:ea typeface="+mn-ea"/>
        </a:defRPr>
      </a:lvl5pPr>
      <a:lvl6pPr marL="2042948" indent="-185723" algn="l" rtl="0" eaLnBrk="1" fontAlgn="base" hangingPunct="1">
        <a:spcBef>
          <a:spcPct val="20000"/>
        </a:spcBef>
        <a:spcAft>
          <a:spcPct val="0"/>
        </a:spcAft>
        <a:buChar char="»"/>
        <a:defRPr kumimoji="1" sz="1625">
          <a:solidFill>
            <a:schemeClr val="tx1"/>
          </a:solidFill>
          <a:latin typeface="+mn-lt"/>
          <a:ea typeface="+mn-ea"/>
        </a:defRPr>
      </a:lvl6pPr>
      <a:lvl7pPr marL="2414393" indent="-185723" algn="l" rtl="0" eaLnBrk="1" fontAlgn="base" hangingPunct="1">
        <a:spcBef>
          <a:spcPct val="20000"/>
        </a:spcBef>
        <a:spcAft>
          <a:spcPct val="0"/>
        </a:spcAft>
        <a:buChar char="»"/>
        <a:defRPr kumimoji="1" sz="1625">
          <a:solidFill>
            <a:schemeClr val="tx1"/>
          </a:solidFill>
          <a:latin typeface="+mn-lt"/>
          <a:ea typeface="+mn-ea"/>
        </a:defRPr>
      </a:lvl7pPr>
      <a:lvl8pPr marL="2785838" indent="-185723" algn="l" rtl="0" eaLnBrk="1" fontAlgn="base" hangingPunct="1">
        <a:spcBef>
          <a:spcPct val="20000"/>
        </a:spcBef>
        <a:spcAft>
          <a:spcPct val="0"/>
        </a:spcAft>
        <a:buChar char="»"/>
        <a:defRPr kumimoji="1" sz="1625">
          <a:solidFill>
            <a:schemeClr val="tx1"/>
          </a:solidFill>
          <a:latin typeface="+mn-lt"/>
          <a:ea typeface="+mn-ea"/>
        </a:defRPr>
      </a:lvl8pPr>
      <a:lvl9pPr marL="3157283" indent="-185723" algn="l" rtl="0" eaLnBrk="1" fontAlgn="base" hangingPunct="1">
        <a:spcBef>
          <a:spcPct val="20000"/>
        </a:spcBef>
        <a:spcAft>
          <a:spcPct val="0"/>
        </a:spcAft>
        <a:buChar char="»"/>
        <a:defRPr kumimoji="1" sz="1625">
          <a:solidFill>
            <a:schemeClr val="tx1"/>
          </a:solidFill>
          <a:latin typeface="+mn-lt"/>
          <a:ea typeface="+mn-ea"/>
        </a:defRPr>
      </a:lvl9pPr>
    </p:bodyStyle>
    <p:otherStyle>
      <a:defPPr>
        <a:defRPr lang="ja-JP"/>
      </a:defPPr>
      <a:lvl1pPr marL="0" algn="l" defTabSz="742892" rtl="0" eaLnBrk="1" latinLnBrk="0" hangingPunct="1">
        <a:defRPr kumimoji="1" sz="1463" kern="1200">
          <a:solidFill>
            <a:schemeClr val="tx1"/>
          </a:solidFill>
          <a:latin typeface="+mn-lt"/>
          <a:ea typeface="+mn-ea"/>
          <a:cs typeface="+mn-cs"/>
        </a:defRPr>
      </a:lvl1pPr>
      <a:lvl2pPr marL="371446" algn="l" defTabSz="742892" rtl="0" eaLnBrk="1" latinLnBrk="0" hangingPunct="1">
        <a:defRPr kumimoji="1" sz="1463" kern="1200">
          <a:solidFill>
            <a:schemeClr val="tx1"/>
          </a:solidFill>
          <a:latin typeface="+mn-lt"/>
          <a:ea typeface="+mn-ea"/>
          <a:cs typeface="+mn-cs"/>
        </a:defRPr>
      </a:lvl2pPr>
      <a:lvl3pPr marL="742892" algn="l" defTabSz="742892" rtl="0" eaLnBrk="1" latinLnBrk="0" hangingPunct="1">
        <a:defRPr kumimoji="1" sz="1463" kern="1200">
          <a:solidFill>
            <a:schemeClr val="tx1"/>
          </a:solidFill>
          <a:latin typeface="+mn-lt"/>
          <a:ea typeface="+mn-ea"/>
          <a:cs typeface="+mn-cs"/>
        </a:defRPr>
      </a:lvl3pPr>
      <a:lvl4pPr marL="1114336" algn="l" defTabSz="742892" rtl="0" eaLnBrk="1" latinLnBrk="0" hangingPunct="1">
        <a:defRPr kumimoji="1" sz="1463" kern="1200">
          <a:solidFill>
            <a:schemeClr val="tx1"/>
          </a:solidFill>
          <a:latin typeface="+mn-lt"/>
          <a:ea typeface="+mn-ea"/>
          <a:cs typeface="+mn-cs"/>
        </a:defRPr>
      </a:lvl4pPr>
      <a:lvl5pPr marL="1485780" algn="l" defTabSz="742892" rtl="0" eaLnBrk="1" latinLnBrk="0" hangingPunct="1">
        <a:defRPr kumimoji="1" sz="1463" kern="1200">
          <a:solidFill>
            <a:schemeClr val="tx1"/>
          </a:solidFill>
          <a:latin typeface="+mn-lt"/>
          <a:ea typeface="+mn-ea"/>
          <a:cs typeface="+mn-cs"/>
        </a:defRPr>
      </a:lvl5pPr>
      <a:lvl6pPr marL="1857225" algn="l" defTabSz="742892" rtl="0" eaLnBrk="1" latinLnBrk="0" hangingPunct="1">
        <a:defRPr kumimoji="1" sz="1463" kern="1200">
          <a:solidFill>
            <a:schemeClr val="tx1"/>
          </a:solidFill>
          <a:latin typeface="+mn-lt"/>
          <a:ea typeface="+mn-ea"/>
          <a:cs typeface="+mn-cs"/>
        </a:defRPr>
      </a:lvl6pPr>
      <a:lvl7pPr marL="2228670" algn="l" defTabSz="742892" rtl="0" eaLnBrk="1" latinLnBrk="0" hangingPunct="1">
        <a:defRPr kumimoji="1" sz="1463" kern="1200">
          <a:solidFill>
            <a:schemeClr val="tx1"/>
          </a:solidFill>
          <a:latin typeface="+mn-lt"/>
          <a:ea typeface="+mn-ea"/>
          <a:cs typeface="+mn-cs"/>
        </a:defRPr>
      </a:lvl7pPr>
      <a:lvl8pPr marL="2600115" algn="l" defTabSz="742892" rtl="0" eaLnBrk="1" latinLnBrk="0" hangingPunct="1">
        <a:defRPr kumimoji="1" sz="1463" kern="1200">
          <a:solidFill>
            <a:schemeClr val="tx1"/>
          </a:solidFill>
          <a:latin typeface="+mn-lt"/>
          <a:ea typeface="+mn-ea"/>
          <a:cs typeface="+mn-cs"/>
        </a:defRPr>
      </a:lvl8pPr>
      <a:lvl9pPr marL="2971561" algn="l" defTabSz="742892" rtl="0" eaLnBrk="1" latinLnBrk="0" hangingPunct="1">
        <a:defRPr kumimoji="1" sz="1463"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1873802127"/>
      </p:ext>
    </p:extLst>
  </p:cSld>
  <p:clrMap bg1="lt1" tx1="dk1" bg2="lt2" tx2="dk2" accent1="accent1" accent2="accent2" accent3="accent3" accent4="accent4" accent5="accent5" accent6="accent6" hlink="hlink" folHlink="folHlink"/>
  <p:sldLayoutIdLst>
    <p:sldLayoutId id="2147483686" r:id="rId1"/>
    <p:sldLayoutId id="2147483687" r:id="rId2"/>
    <p:sldLayoutId id="2147483688" r:id="rId3"/>
    <p:sldLayoutId id="2147483689" r:id="rId4"/>
    <p:sldLayoutId id="2147483690" r:id="rId5"/>
    <p:sldLayoutId id="2147483691" r:id="rId6"/>
    <p:sldLayoutId id="2147483692" r:id="rId7"/>
    <p:sldLayoutId id="2147483693" r:id="rId8"/>
    <p:sldLayoutId id="2147483694" r:id="rId9"/>
    <p:sldLayoutId id="2147483695" r:id="rId10"/>
    <p:sldLayoutId id="2147483696" r:id="rId11"/>
    <p:sldLayoutId id="2147483697" r:id="rId12"/>
    <p:sldLayoutId id="2147483698" r:id="rId13"/>
    <p:sldLayoutId id="2147483699" r:id="rId14"/>
    <p:sldLayoutId id="2147483700" r:id="rId15"/>
    <p:sldLayoutId id="2147483896" r:id="rId16"/>
    <p:sldLayoutId id="2147483915" r:id="rId17"/>
    <p:sldLayoutId id="2147483916" r:id="rId18"/>
    <p:sldLayoutId id="2147483917" r:id="rId19"/>
    <p:sldLayoutId id="2147483918" r:id="rId20"/>
  </p:sldLayoutIdLst>
  <p:hf hdr="0" ftr="0" dt="0"/>
  <p:txStyles>
    <p:titleStyle>
      <a:lvl1pPr algn="ctr" defTabSz="557168" rtl="0" eaLnBrk="1" latinLnBrk="0" hangingPunct="1">
        <a:lnSpc>
          <a:spcPct val="90000"/>
        </a:lnSpc>
        <a:spcBef>
          <a:spcPct val="0"/>
        </a:spcBef>
        <a:buNone/>
        <a:defRPr kumimoji="1" sz="1463"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1pPr>
    </p:titleStyle>
    <p:bodyStyle>
      <a:lvl1pPr marL="139292" indent="-139292" algn="l" defTabSz="557168" rtl="0" eaLnBrk="1" latinLnBrk="0" hangingPunct="1">
        <a:lnSpc>
          <a:spcPct val="90000"/>
        </a:lnSpc>
        <a:spcBef>
          <a:spcPts val="611"/>
        </a:spcBef>
        <a:buFont typeface="Wingdings" panose="05000000000000000000" pitchFamily="2" charset="2"/>
        <a:buChar char="n"/>
        <a:defRPr kumimoji="1" sz="1706"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1pPr>
      <a:lvl2pPr marL="417875" indent="-139292" algn="l" defTabSz="557168" rtl="0" eaLnBrk="1" latinLnBrk="0" hangingPunct="1">
        <a:lnSpc>
          <a:spcPct val="90000"/>
        </a:lnSpc>
        <a:spcBef>
          <a:spcPts val="304"/>
        </a:spcBef>
        <a:buFont typeface="Arial" panose="020B0604020202020204" pitchFamily="34" charset="0"/>
        <a:buChar char="•"/>
        <a:defRPr kumimoji="1" sz="1463"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2pPr>
      <a:lvl3pPr marL="696459" indent="-139292" algn="l" defTabSz="557168" rtl="0" eaLnBrk="1" latinLnBrk="0" hangingPunct="1">
        <a:lnSpc>
          <a:spcPct val="90000"/>
        </a:lnSpc>
        <a:spcBef>
          <a:spcPts val="304"/>
        </a:spcBef>
        <a:buFont typeface="小塚ゴシック Pro L" panose="020B0200000000000000" pitchFamily="34" charset="-128"/>
        <a:buChar char="→"/>
        <a:defRPr kumimoji="1" sz="1219"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3pPr>
      <a:lvl4pPr marL="975043" indent="-139292" algn="l" defTabSz="557168" rtl="0" eaLnBrk="1" latinLnBrk="0" hangingPunct="1">
        <a:lnSpc>
          <a:spcPct val="90000"/>
        </a:lnSpc>
        <a:spcBef>
          <a:spcPts val="304"/>
        </a:spcBef>
        <a:buFont typeface="小塚ゴシック Pro L" panose="020B0200000000000000" pitchFamily="34" charset="-128"/>
        <a:buChar char="▷"/>
        <a:defRPr kumimoji="1" sz="1098"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4pPr>
      <a:lvl5pPr marL="1253627" indent="-139292" algn="l" defTabSz="557168" rtl="0" eaLnBrk="1" latinLnBrk="0" hangingPunct="1">
        <a:lnSpc>
          <a:spcPct val="90000"/>
        </a:lnSpc>
        <a:spcBef>
          <a:spcPts val="304"/>
        </a:spcBef>
        <a:buFont typeface="Arial" panose="020B0604020202020204" pitchFamily="34" charset="0"/>
        <a:buChar char="•"/>
        <a:defRPr kumimoji="1" sz="1098"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5pPr>
      <a:lvl6pPr marL="1532211" indent="-139292" algn="l" defTabSz="557168" rtl="0" eaLnBrk="1" latinLnBrk="0" hangingPunct="1">
        <a:lnSpc>
          <a:spcPct val="90000"/>
        </a:lnSpc>
        <a:spcBef>
          <a:spcPts val="304"/>
        </a:spcBef>
        <a:buFont typeface="Arial" panose="020B0604020202020204" pitchFamily="34" charset="0"/>
        <a:buChar char="•"/>
        <a:defRPr kumimoji="1" sz="1098" kern="1200">
          <a:solidFill>
            <a:schemeClr val="tx1"/>
          </a:solidFill>
          <a:latin typeface="+mn-lt"/>
          <a:ea typeface="+mn-ea"/>
          <a:cs typeface="+mn-cs"/>
        </a:defRPr>
      </a:lvl6pPr>
      <a:lvl7pPr marL="1810795" indent="-139292" algn="l" defTabSz="557168" rtl="0" eaLnBrk="1" latinLnBrk="0" hangingPunct="1">
        <a:lnSpc>
          <a:spcPct val="90000"/>
        </a:lnSpc>
        <a:spcBef>
          <a:spcPts val="304"/>
        </a:spcBef>
        <a:buFont typeface="Arial" panose="020B0604020202020204" pitchFamily="34" charset="0"/>
        <a:buChar char="•"/>
        <a:defRPr kumimoji="1" sz="1098" kern="1200">
          <a:solidFill>
            <a:schemeClr val="tx1"/>
          </a:solidFill>
          <a:latin typeface="+mn-lt"/>
          <a:ea typeface="+mn-ea"/>
          <a:cs typeface="+mn-cs"/>
        </a:defRPr>
      </a:lvl7pPr>
      <a:lvl8pPr marL="2089379" indent="-139292" algn="l" defTabSz="557168" rtl="0" eaLnBrk="1" latinLnBrk="0" hangingPunct="1">
        <a:lnSpc>
          <a:spcPct val="90000"/>
        </a:lnSpc>
        <a:spcBef>
          <a:spcPts val="304"/>
        </a:spcBef>
        <a:buFont typeface="Arial" panose="020B0604020202020204" pitchFamily="34" charset="0"/>
        <a:buChar char="•"/>
        <a:defRPr kumimoji="1" sz="1098" kern="1200">
          <a:solidFill>
            <a:schemeClr val="tx1"/>
          </a:solidFill>
          <a:latin typeface="+mn-lt"/>
          <a:ea typeface="+mn-ea"/>
          <a:cs typeface="+mn-cs"/>
        </a:defRPr>
      </a:lvl8pPr>
      <a:lvl9pPr marL="2367962" indent="-139292" algn="l" defTabSz="557168" rtl="0" eaLnBrk="1" latinLnBrk="0" hangingPunct="1">
        <a:lnSpc>
          <a:spcPct val="90000"/>
        </a:lnSpc>
        <a:spcBef>
          <a:spcPts val="304"/>
        </a:spcBef>
        <a:buFont typeface="Arial" panose="020B0604020202020204" pitchFamily="34" charset="0"/>
        <a:buChar char="•"/>
        <a:defRPr kumimoji="1" sz="1098" kern="1200">
          <a:solidFill>
            <a:schemeClr val="tx1"/>
          </a:solidFill>
          <a:latin typeface="+mn-lt"/>
          <a:ea typeface="+mn-ea"/>
          <a:cs typeface="+mn-cs"/>
        </a:defRPr>
      </a:lvl9pPr>
    </p:bodyStyle>
    <p:otherStyle>
      <a:defPPr>
        <a:defRPr lang="ja-JP"/>
      </a:defPPr>
      <a:lvl1pPr marL="0" algn="l" defTabSz="557168" rtl="0" eaLnBrk="1" latinLnBrk="0" hangingPunct="1">
        <a:defRPr kumimoji="1" sz="1098" kern="1200">
          <a:solidFill>
            <a:schemeClr val="tx1"/>
          </a:solidFill>
          <a:latin typeface="+mn-lt"/>
          <a:ea typeface="+mn-ea"/>
          <a:cs typeface="+mn-cs"/>
        </a:defRPr>
      </a:lvl1pPr>
      <a:lvl2pPr marL="278584" algn="l" defTabSz="557168" rtl="0" eaLnBrk="1" latinLnBrk="0" hangingPunct="1">
        <a:defRPr kumimoji="1" sz="1098" kern="1200">
          <a:solidFill>
            <a:schemeClr val="tx1"/>
          </a:solidFill>
          <a:latin typeface="+mn-lt"/>
          <a:ea typeface="+mn-ea"/>
          <a:cs typeface="+mn-cs"/>
        </a:defRPr>
      </a:lvl2pPr>
      <a:lvl3pPr marL="557168" algn="l" defTabSz="557168" rtl="0" eaLnBrk="1" latinLnBrk="0" hangingPunct="1">
        <a:defRPr kumimoji="1" sz="1098" kern="1200">
          <a:solidFill>
            <a:schemeClr val="tx1"/>
          </a:solidFill>
          <a:latin typeface="+mn-lt"/>
          <a:ea typeface="+mn-ea"/>
          <a:cs typeface="+mn-cs"/>
        </a:defRPr>
      </a:lvl3pPr>
      <a:lvl4pPr marL="835751" algn="l" defTabSz="557168" rtl="0" eaLnBrk="1" latinLnBrk="0" hangingPunct="1">
        <a:defRPr kumimoji="1" sz="1098" kern="1200">
          <a:solidFill>
            <a:schemeClr val="tx1"/>
          </a:solidFill>
          <a:latin typeface="+mn-lt"/>
          <a:ea typeface="+mn-ea"/>
          <a:cs typeface="+mn-cs"/>
        </a:defRPr>
      </a:lvl4pPr>
      <a:lvl5pPr marL="1114336" algn="l" defTabSz="557168" rtl="0" eaLnBrk="1" latinLnBrk="0" hangingPunct="1">
        <a:defRPr kumimoji="1" sz="1098" kern="1200">
          <a:solidFill>
            <a:schemeClr val="tx1"/>
          </a:solidFill>
          <a:latin typeface="+mn-lt"/>
          <a:ea typeface="+mn-ea"/>
          <a:cs typeface="+mn-cs"/>
        </a:defRPr>
      </a:lvl5pPr>
      <a:lvl6pPr marL="1392919" algn="l" defTabSz="557168" rtl="0" eaLnBrk="1" latinLnBrk="0" hangingPunct="1">
        <a:defRPr kumimoji="1" sz="1098" kern="1200">
          <a:solidFill>
            <a:schemeClr val="tx1"/>
          </a:solidFill>
          <a:latin typeface="+mn-lt"/>
          <a:ea typeface="+mn-ea"/>
          <a:cs typeface="+mn-cs"/>
        </a:defRPr>
      </a:lvl6pPr>
      <a:lvl7pPr marL="1671503" algn="l" defTabSz="557168" rtl="0" eaLnBrk="1" latinLnBrk="0" hangingPunct="1">
        <a:defRPr kumimoji="1" sz="1098" kern="1200">
          <a:solidFill>
            <a:schemeClr val="tx1"/>
          </a:solidFill>
          <a:latin typeface="+mn-lt"/>
          <a:ea typeface="+mn-ea"/>
          <a:cs typeface="+mn-cs"/>
        </a:defRPr>
      </a:lvl7pPr>
      <a:lvl8pPr marL="1950086" algn="l" defTabSz="557168" rtl="0" eaLnBrk="1" latinLnBrk="0" hangingPunct="1">
        <a:defRPr kumimoji="1" sz="1098" kern="1200">
          <a:solidFill>
            <a:schemeClr val="tx1"/>
          </a:solidFill>
          <a:latin typeface="+mn-lt"/>
          <a:ea typeface="+mn-ea"/>
          <a:cs typeface="+mn-cs"/>
        </a:defRPr>
      </a:lvl8pPr>
      <a:lvl9pPr marL="2228670" algn="l" defTabSz="557168" rtl="0" eaLnBrk="1" latinLnBrk="0" hangingPunct="1">
        <a:defRPr kumimoji="1" sz="1098"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160" userDrawn="1">
          <p15:clr>
            <a:srgbClr val="F26B43"/>
          </p15:clr>
        </p15:guide>
        <p15:guide id="2" pos="2659" userDrawn="1">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8" name="図 7"/>
          <p:cNvPicPr>
            <a:picLocks noChangeAspect="1"/>
          </p:cNvPicPr>
          <p:nvPr userDrawn="1"/>
        </p:nvPicPr>
        <p:blipFill>
          <a:blip r:embed="rId4" cstate="print">
            <a:extLst>
              <a:ext uri="{28A0092B-C50C-407E-A947-70E740481C1C}">
                <a14:useLocalDpi xmlns:a14="http://schemas.microsoft.com/office/drawing/2010/main"/>
              </a:ext>
            </a:extLst>
          </a:blip>
          <a:stretch>
            <a:fillRect/>
          </a:stretch>
        </p:blipFill>
        <p:spPr>
          <a:xfrm>
            <a:off x="826214" y="5997373"/>
            <a:ext cx="3169577" cy="540544"/>
          </a:xfrm>
          <a:prstGeom prst="rect">
            <a:avLst/>
          </a:prstGeom>
          <a:effectLst>
            <a:reflection stA="33000" endPos="38000" dir="5400000" sy="-100000" algn="bl" rotWithShape="0"/>
          </a:effectLst>
        </p:spPr>
      </p:pic>
      <p:sp>
        <p:nvSpPr>
          <p:cNvPr id="9" name="Title Placeholder 8"/>
          <p:cNvSpPr>
            <a:spLocks noGrp="1"/>
          </p:cNvSpPr>
          <p:nvPr>
            <p:ph type="title"/>
          </p:nvPr>
        </p:nvSpPr>
        <p:spPr bwMode="auto">
          <a:xfrm>
            <a:off x="179397" y="260351"/>
            <a:ext cx="8785225" cy="431800"/>
          </a:xfrm>
          <a:prstGeom prst="rect">
            <a:avLst/>
          </a:prstGeom>
          <a:noFill/>
          <a:ln w="9525">
            <a:solidFill>
              <a:schemeClr val="accent2"/>
            </a:solidFill>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ctr" anchorCtr="0" compatLnSpc="1">
            <a:prstTxWarp prst="textNoShape">
              <a:avLst/>
            </a:prstTxWarp>
          </a:bodyPr>
          <a:lstStyle/>
          <a:p>
            <a:r>
              <a:rPr lang="ja-JP"/>
              <a:t>マスタ タイトルの書式設定</a:t>
            </a:r>
          </a:p>
        </p:txBody>
      </p:sp>
      <p:sp>
        <p:nvSpPr>
          <p:cNvPr id="30" name="Text Placeholder 29"/>
          <p:cNvSpPr>
            <a:spLocks noGrp="1"/>
          </p:cNvSpPr>
          <p:nvPr>
            <p:ph type="body" idx="1"/>
          </p:nvPr>
        </p:nvSpPr>
        <p:spPr>
          <a:xfrm>
            <a:off x="179397" y="765179"/>
            <a:ext cx="8785225" cy="5472113"/>
          </a:xfrm>
          <a:prstGeom prst="rect">
            <a:avLst/>
          </a:prstGeom>
        </p:spPr>
        <p:txBody>
          <a:bodyPr vert="horz">
            <a:normAutofit/>
          </a:bodyPr>
          <a:lstStyle/>
          <a:p>
            <a:pPr lvl="0"/>
            <a:r>
              <a:rPr lang="ja-JP" dirty="0"/>
              <a:t>マスタ テキストの書式設定</a:t>
            </a:r>
          </a:p>
          <a:p>
            <a:pPr lvl="1"/>
            <a:r>
              <a:rPr lang="ja-JP" dirty="0"/>
              <a:t>第 2 レベル</a:t>
            </a:r>
          </a:p>
          <a:p>
            <a:pPr lvl="2"/>
            <a:r>
              <a:rPr lang="ja-JP" dirty="0"/>
              <a:t>第 3 レベル</a:t>
            </a:r>
          </a:p>
          <a:p>
            <a:pPr lvl="3"/>
            <a:r>
              <a:rPr lang="ja-JP" dirty="0"/>
              <a:t>第 4 レベル</a:t>
            </a:r>
          </a:p>
          <a:p>
            <a:pPr lvl="4"/>
            <a:r>
              <a:rPr lang="ja-JP" dirty="0"/>
              <a:t>第 5 レベル</a:t>
            </a:r>
          </a:p>
          <a:p>
            <a:pPr lvl="5"/>
            <a:r>
              <a:rPr lang="ja-JP" dirty="0"/>
              <a:t>第 6 レベル</a:t>
            </a:r>
          </a:p>
          <a:p>
            <a:pPr lvl="6"/>
            <a:r>
              <a:rPr lang="ja-JP" dirty="0"/>
              <a:t>第 7 レベル</a:t>
            </a:r>
          </a:p>
          <a:p>
            <a:pPr lvl="7"/>
            <a:r>
              <a:rPr lang="ja-JP" dirty="0"/>
              <a:t>第 8 レベル</a:t>
            </a:r>
          </a:p>
          <a:p>
            <a:pPr lvl="8"/>
            <a:r>
              <a:rPr lang="ja-JP" dirty="0"/>
              <a:t>第 9 レベル</a:t>
            </a:r>
          </a:p>
        </p:txBody>
      </p:sp>
      <p:sp>
        <p:nvSpPr>
          <p:cNvPr id="10" name="Date Placeholder 9"/>
          <p:cNvSpPr>
            <a:spLocks noGrp="1"/>
          </p:cNvSpPr>
          <p:nvPr>
            <p:ph type="dt" sz="half" idx="2"/>
          </p:nvPr>
        </p:nvSpPr>
        <p:spPr>
          <a:xfrm>
            <a:off x="6227767" y="6548456"/>
            <a:ext cx="1920875" cy="250825"/>
          </a:xfrm>
          <a:prstGeom prst="rect">
            <a:avLst/>
          </a:prstGeom>
        </p:spPr>
        <p:txBody>
          <a:bodyPr vert="horz" anchor="b"/>
          <a:lstStyle>
            <a:lvl1pPr algn="l" fontAlgn="auto" latinLnBrk="0">
              <a:spcBef>
                <a:spcPts val="0"/>
              </a:spcBef>
              <a:spcAft>
                <a:spcPts val="0"/>
              </a:spcAft>
              <a:defRPr kumimoji="1" lang="ja-JP" sz="812">
                <a:solidFill>
                  <a:schemeClr val="accent4">
                    <a:lumMod val="75000"/>
                  </a:schemeClr>
                </a:solidFill>
                <a:latin typeface="+mn-lt"/>
                <a:ea typeface="+mn-ea"/>
              </a:defRPr>
            </a:lvl1pPr>
            <a:extLst/>
          </a:lstStyle>
          <a:p>
            <a:pPr defTabSz="371446">
              <a:defRPr/>
            </a:pPr>
            <a:fld id="{304A1B29-D7C5-48D6-AF3E-4427E58179D2}" type="datetime1">
              <a:rPr lang="ja-JP" altLang="en-US" smtClean="0">
                <a:solidFill>
                  <a:srgbClr val="0C8228">
                    <a:lumMod val="75000"/>
                  </a:srgbClr>
                </a:solidFill>
              </a:rPr>
              <a:t>2024/8/19</a:t>
            </a:fld>
            <a:endParaRPr lang="en-US" altLang="en-US" dirty="0">
              <a:solidFill>
                <a:srgbClr val="0C8228">
                  <a:lumMod val="75000"/>
                </a:srgbClr>
              </a:solidFill>
            </a:endParaRPr>
          </a:p>
        </p:txBody>
      </p:sp>
      <p:sp>
        <p:nvSpPr>
          <p:cNvPr id="22" name="Footer Placeholder 21"/>
          <p:cNvSpPr>
            <a:spLocks noGrp="1"/>
          </p:cNvSpPr>
          <p:nvPr>
            <p:ph type="ftr" sz="quarter" idx="3"/>
          </p:nvPr>
        </p:nvSpPr>
        <p:spPr>
          <a:xfrm>
            <a:off x="3635381" y="6548453"/>
            <a:ext cx="2305051" cy="260351"/>
          </a:xfrm>
          <a:prstGeom prst="rect">
            <a:avLst/>
          </a:prstGeom>
        </p:spPr>
        <p:txBody>
          <a:bodyPr vert="horz" wrap="square" lIns="91440" tIns="45720" rIns="91440" bIns="45720" numCol="1" anchor="b" anchorCtr="0" compatLnSpc="1">
            <a:prstTxWarp prst="textNoShape">
              <a:avLst/>
            </a:prstTxWarp>
          </a:bodyPr>
          <a:lstStyle>
            <a:lvl1pPr>
              <a:defRPr sz="812">
                <a:solidFill>
                  <a:srgbClr val="09621E"/>
                </a:solidFill>
              </a:defRPr>
            </a:lvl1pPr>
          </a:lstStyle>
          <a:p>
            <a:pPr defTabSz="371446">
              <a:defRPr/>
            </a:pPr>
            <a:endParaRPr kumimoji="0" lang="en-US" altLang="ja-JP"/>
          </a:p>
        </p:txBody>
      </p:sp>
      <p:pic>
        <p:nvPicPr>
          <p:cNvPr id="17" name="図 16"/>
          <p:cNvPicPr>
            <a:picLocks noChangeAspect="1"/>
          </p:cNvPicPr>
          <p:nvPr userDrawn="1"/>
        </p:nvPicPr>
        <p:blipFill>
          <a:blip r:embed="rId5" cstate="print">
            <a:extLst>
              <a:ext uri="{28A0092B-C50C-407E-A947-70E740481C1C}">
                <a14:useLocalDpi xmlns:a14="http://schemas.microsoft.com/office/drawing/2010/main"/>
              </a:ext>
            </a:extLst>
          </a:blip>
          <a:stretch>
            <a:fillRect/>
          </a:stretch>
        </p:blipFill>
        <p:spPr>
          <a:xfrm>
            <a:off x="211061" y="6237312"/>
            <a:ext cx="479563" cy="295592"/>
          </a:xfrm>
          <a:prstGeom prst="rect">
            <a:avLst/>
          </a:prstGeom>
          <a:effectLst>
            <a:reflection blurRad="6350" stA="50000" endA="300" endPos="55000" dir="5400000" sy="-100000" algn="bl" rotWithShape="0"/>
          </a:effectLst>
        </p:spPr>
      </p:pic>
      <p:cxnSp>
        <p:nvCxnSpPr>
          <p:cNvPr id="24" name="直線コネクタ 23"/>
          <p:cNvCxnSpPr/>
          <p:nvPr userDrawn="1"/>
        </p:nvCxnSpPr>
        <p:spPr>
          <a:xfrm>
            <a:off x="-19048" y="115888"/>
            <a:ext cx="9163051" cy="0"/>
          </a:xfrm>
          <a:prstGeom prst="line">
            <a:avLst/>
          </a:prstGeom>
          <a:ln w="38100">
            <a:solidFill>
              <a:schemeClr val="accent4"/>
            </a:solidFill>
            <a:prstDash val="sysDot"/>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70783196"/>
      </p:ext>
    </p:extLst>
  </p:cSld>
  <p:clrMap bg1="lt1" tx1="dk1" bg2="lt2" tx2="dk2" accent1="accent1" accent2="accent2" accent3="accent3" accent4="accent4" accent5="accent5" accent6="accent6" hlink="hlink" folHlink="folHlink"/>
  <p:sldLayoutIdLst>
    <p:sldLayoutId id="2147483702" r:id="rId1"/>
    <p:sldLayoutId id="2147483703" r:id="rId2"/>
  </p:sldLayoutIdLst>
  <p:hf hdr="0" ftr="0" dt="0"/>
  <p:txStyles>
    <p:titleStyle>
      <a:lvl1pPr algn="l" rtl="0" eaLnBrk="0" fontAlgn="base" hangingPunct="0">
        <a:spcBef>
          <a:spcPct val="0"/>
        </a:spcBef>
        <a:spcAft>
          <a:spcPct val="0"/>
        </a:spcAft>
        <a:defRPr kumimoji="1" lang="ja-JP" sz="2600" b="1" kern="1200">
          <a:solidFill>
            <a:srgbClr val="639729"/>
          </a:solidFill>
          <a:effectLst>
            <a:outerShdw blurRad="31750" dist="25400" dir="5400000" algn="tl" rotWithShape="0">
              <a:srgbClr val="000000">
                <a:alpha val="25000"/>
              </a:srgbClr>
            </a:outerShdw>
          </a:effectLst>
          <a:latin typeface="+mj-lt"/>
          <a:ea typeface="+mj-ea"/>
          <a:cs typeface="+mj-cs"/>
        </a:defRPr>
      </a:lvl1pPr>
      <a:lvl2pPr algn="l" rtl="0" eaLnBrk="0" fontAlgn="base" hangingPunct="0">
        <a:spcBef>
          <a:spcPct val="0"/>
        </a:spcBef>
        <a:spcAft>
          <a:spcPct val="0"/>
        </a:spcAft>
        <a:defRPr kumimoji="1" sz="2600" b="1">
          <a:solidFill>
            <a:srgbClr val="639729"/>
          </a:solidFill>
          <a:latin typeface="ＭＳ Ｐゴシック" charset="-128"/>
          <a:ea typeface="ＭＳ Ｐゴシック" charset="-128"/>
        </a:defRPr>
      </a:lvl2pPr>
      <a:lvl3pPr algn="l" rtl="0" eaLnBrk="0" fontAlgn="base" hangingPunct="0">
        <a:spcBef>
          <a:spcPct val="0"/>
        </a:spcBef>
        <a:spcAft>
          <a:spcPct val="0"/>
        </a:spcAft>
        <a:defRPr kumimoji="1" sz="2600" b="1">
          <a:solidFill>
            <a:srgbClr val="639729"/>
          </a:solidFill>
          <a:latin typeface="ＭＳ Ｐゴシック" charset="-128"/>
          <a:ea typeface="ＭＳ Ｐゴシック" charset="-128"/>
        </a:defRPr>
      </a:lvl3pPr>
      <a:lvl4pPr algn="l" rtl="0" eaLnBrk="0" fontAlgn="base" hangingPunct="0">
        <a:spcBef>
          <a:spcPct val="0"/>
        </a:spcBef>
        <a:spcAft>
          <a:spcPct val="0"/>
        </a:spcAft>
        <a:defRPr kumimoji="1" sz="2600" b="1">
          <a:solidFill>
            <a:srgbClr val="639729"/>
          </a:solidFill>
          <a:latin typeface="ＭＳ Ｐゴシック" charset="-128"/>
          <a:ea typeface="ＭＳ Ｐゴシック" charset="-128"/>
        </a:defRPr>
      </a:lvl4pPr>
      <a:lvl5pPr algn="l" rtl="0" eaLnBrk="0" fontAlgn="base" hangingPunct="0">
        <a:spcBef>
          <a:spcPct val="0"/>
        </a:spcBef>
        <a:spcAft>
          <a:spcPct val="0"/>
        </a:spcAft>
        <a:defRPr kumimoji="1" sz="2600" b="1">
          <a:solidFill>
            <a:srgbClr val="639729"/>
          </a:solidFill>
          <a:latin typeface="ＭＳ Ｐゴシック" charset="-128"/>
          <a:ea typeface="ＭＳ Ｐゴシック" charset="-128"/>
        </a:defRPr>
      </a:lvl5pPr>
      <a:lvl6pPr marL="371446" algn="l" rtl="0" fontAlgn="base">
        <a:spcBef>
          <a:spcPct val="0"/>
        </a:spcBef>
        <a:spcAft>
          <a:spcPct val="0"/>
        </a:spcAft>
        <a:defRPr kumimoji="1" sz="2600" b="1">
          <a:solidFill>
            <a:srgbClr val="639729"/>
          </a:solidFill>
          <a:latin typeface="ＭＳ Ｐゴシック" charset="-128"/>
          <a:ea typeface="ＭＳ Ｐゴシック" charset="-128"/>
        </a:defRPr>
      </a:lvl6pPr>
      <a:lvl7pPr marL="742892" algn="l" rtl="0" fontAlgn="base">
        <a:spcBef>
          <a:spcPct val="0"/>
        </a:spcBef>
        <a:spcAft>
          <a:spcPct val="0"/>
        </a:spcAft>
        <a:defRPr kumimoji="1" sz="2600" b="1">
          <a:solidFill>
            <a:srgbClr val="639729"/>
          </a:solidFill>
          <a:latin typeface="ＭＳ Ｐゴシック" charset="-128"/>
          <a:ea typeface="ＭＳ Ｐゴシック" charset="-128"/>
        </a:defRPr>
      </a:lvl7pPr>
      <a:lvl8pPr marL="1114336" algn="l" rtl="0" fontAlgn="base">
        <a:spcBef>
          <a:spcPct val="0"/>
        </a:spcBef>
        <a:spcAft>
          <a:spcPct val="0"/>
        </a:spcAft>
        <a:defRPr kumimoji="1" sz="2600" b="1">
          <a:solidFill>
            <a:srgbClr val="639729"/>
          </a:solidFill>
          <a:latin typeface="ＭＳ Ｐゴシック" charset="-128"/>
          <a:ea typeface="ＭＳ Ｐゴシック" charset="-128"/>
        </a:defRPr>
      </a:lvl8pPr>
      <a:lvl9pPr marL="1485780" algn="l" rtl="0" fontAlgn="base">
        <a:spcBef>
          <a:spcPct val="0"/>
        </a:spcBef>
        <a:spcAft>
          <a:spcPct val="0"/>
        </a:spcAft>
        <a:defRPr kumimoji="1" sz="2600" b="1">
          <a:solidFill>
            <a:srgbClr val="639729"/>
          </a:solidFill>
          <a:latin typeface="ＭＳ Ｐゴシック" charset="-128"/>
          <a:ea typeface="ＭＳ Ｐゴシック" charset="-128"/>
        </a:defRPr>
      </a:lvl9pPr>
      <a:extLst/>
    </p:titleStyle>
    <p:bodyStyle>
      <a:lvl1pPr marL="296640" indent="-207648" algn="l" rtl="0" eaLnBrk="0" fontAlgn="base" hangingPunct="0">
        <a:spcBef>
          <a:spcPts val="325"/>
        </a:spcBef>
        <a:spcAft>
          <a:spcPct val="0"/>
        </a:spcAft>
        <a:buClr>
          <a:schemeClr val="accent1"/>
        </a:buClr>
        <a:buSzPct val="65000"/>
        <a:buFont typeface="Wingdings 3" pitchFamily="18" charset="2"/>
        <a:buChar char=""/>
        <a:defRPr kumimoji="1" lang="ja-JP" sz="1950" kern="1200">
          <a:solidFill>
            <a:schemeClr val="tx1"/>
          </a:solidFill>
          <a:latin typeface="+mn-lt"/>
          <a:ea typeface="+mn-ea"/>
          <a:cs typeface="+mn-cs"/>
        </a:defRPr>
      </a:lvl1pPr>
      <a:lvl2pPr marL="504290" indent="-185723" algn="l" rtl="0" eaLnBrk="0" fontAlgn="base" hangingPunct="0">
        <a:spcBef>
          <a:spcPts val="264"/>
        </a:spcBef>
        <a:spcAft>
          <a:spcPct val="0"/>
        </a:spcAft>
        <a:buClr>
          <a:schemeClr val="accent1"/>
        </a:buClr>
        <a:buFont typeface="Verdana" pitchFamily="34" charset="0"/>
        <a:buChar char="◦"/>
        <a:defRPr kumimoji="1" lang="ja-JP" sz="1950" kern="1200">
          <a:solidFill>
            <a:schemeClr val="tx1"/>
          </a:solidFill>
          <a:latin typeface="+mn-lt"/>
          <a:ea typeface="+mn-ea"/>
          <a:cs typeface="+mn-cs"/>
        </a:defRPr>
      </a:lvl2pPr>
      <a:lvl3pPr marL="697751" indent="-185723" algn="l" rtl="0" eaLnBrk="0" fontAlgn="base" hangingPunct="0">
        <a:spcBef>
          <a:spcPts val="285"/>
        </a:spcBef>
        <a:spcAft>
          <a:spcPct val="0"/>
        </a:spcAft>
        <a:buClr>
          <a:schemeClr val="accent2"/>
        </a:buClr>
        <a:buSzPct val="100000"/>
        <a:buFont typeface="Wingdings 2" pitchFamily="18" charset="2"/>
        <a:buChar char=""/>
        <a:defRPr kumimoji="1" lang="ja-JP" sz="1706" kern="1200">
          <a:solidFill>
            <a:schemeClr val="tx1"/>
          </a:solidFill>
          <a:latin typeface="+mn-lt"/>
          <a:ea typeface="+mn-ea"/>
          <a:cs typeface="+mn-cs"/>
        </a:defRPr>
      </a:lvl3pPr>
      <a:lvl4pPr marL="928613" indent="-185723" algn="l" rtl="0" eaLnBrk="0" fontAlgn="base" hangingPunct="0">
        <a:spcBef>
          <a:spcPts val="285"/>
        </a:spcBef>
        <a:spcAft>
          <a:spcPct val="0"/>
        </a:spcAft>
        <a:buClr>
          <a:schemeClr val="accent2"/>
        </a:buClr>
        <a:buFont typeface="Wingdings 2" pitchFamily="18" charset="2"/>
        <a:buChar char=""/>
        <a:defRPr kumimoji="1" lang="ja-JP" sz="1544" kern="1200">
          <a:solidFill>
            <a:schemeClr val="tx1"/>
          </a:solidFill>
          <a:latin typeface="+mn-lt"/>
          <a:ea typeface="+mn-ea"/>
          <a:cs typeface="+mn-cs"/>
        </a:defRPr>
      </a:lvl4pPr>
      <a:lvl5pPr marL="1114336" indent="-185723" algn="l" rtl="0" eaLnBrk="0" fontAlgn="base" hangingPunct="0">
        <a:spcBef>
          <a:spcPts val="285"/>
        </a:spcBef>
        <a:spcAft>
          <a:spcPct val="0"/>
        </a:spcAft>
        <a:buClr>
          <a:schemeClr val="accent2"/>
        </a:buClr>
        <a:buFont typeface="Wingdings 2" pitchFamily="18" charset="2"/>
        <a:buChar char=""/>
        <a:defRPr kumimoji="1" lang="ja-JP" kern="1200">
          <a:solidFill>
            <a:schemeClr val="tx1"/>
          </a:solidFill>
          <a:latin typeface="+mn-lt"/>
          <a:ea typeface="+mn-ea"/>
          <a:cs typeface="+mn-cs"/>
        </a:defRPr>
      </a:lvl5pPr>
      <a:lvl6pPr marL="1300058" indent="-185723" algn="l" rtl="0" eaLnBrk="1" latinLnBrk="0" hangingPunct="1">
        <a:spcBef>
          <a:spcPts val="285"/>
        </a:spcBef>
        <a:buClr>
          <a:schemeClr val="accent3"/>
        </a:buClr>
        <a:buFont typeface="Wingdings 2"/>
        <a:buChar char=""/>
        <a:defRPr kumimoji="1" lang="ja-JP" sz="1463" kern="1200">
          <a:solidFill>
            <a:schemeClr val="tx1"/>
          </a:solidFill>
          <a:latin typeface="+mn-lt"/>
          <a:ea typeface="+mn-ea"/>
          <a:cs typeface="+mn-cs"/>
        </a:defRPr>
      </a:lvl6pPr>
      <a:lvl7pPr marL="1485780" indent="-185723" algn="l" rtl="0" eaLnBrk="1" latinLnBrk="0" hangingPunct="1">
        <a:spcBef>
          <a:spcPts val="285"/>
        </a:spcBef>
        <a:buClr>
          <a:schemeClr val="accent3"/>
        </a:buClr>
        <a:buFont typeface="Wingdings 2"/>
        <a:buChar char=""/>
        <a:defRPr kumimoji="1" lang="ja-JP" sz="1300" kern="1200">
          <a:solidFill>
            <a:schemeClr val="tx1"/>
          </a:solidFill>
          <a:latin typeface="+mn-lt"/>
          <a:ea typeface="+mn-ea"/>
          <a:cs typeface="+mn-cs"/>
        </a:defRPr>
      </a:lvl7pPr>
      <a:lvl8pPr marL="1671503" indent="-185723" algn="l" rtl="0" eaLnBrk="1" latinLnBrk="0" hangingPunct="1">
        <a:spcBef>
          <a:spcPts val="285"/>
        </a:spcBef>
        <a:buClr>
          <a:schemeClr val="accent3"/>
        </a:buClr>
        <a:buFont typeface="Wingdings 2"/>
        <a:buChar char=""/>
        <a:defRPr kumimoji="1" lang="ja-JP" sz="1300" kern="1200">
          <a:solidFill>
            <a:schemeClr val="tx1"/>
          </a:solidFill>
          <a:latin typeface="+mn-lt"/>
          <a:ea typeface="+mn-ea"/>
          <a:cs typeface="+mn-cs"/>
        </a:defRPr>
      </a:lvl8pPr>
      <a:lvl9pPr marL="1857225" indent="-185723" algn="l" rtl="0" eaLnBrk="1" latinLnBrk="0" hangingPunct="1">
        <a:spcBef>
          <a:spcPts val="285"/>
        </a:spcBef>
        <a:buClr>
          <a:schemeClr val="accent3"/>
        </a:buClr>
        <a:buFont typeface="Wingdings 2"/>
        <a:buChar char=""/>
        <a:defRPr kumimoji="1" lang="ja-JP" sz="1300" kern="1200" baseline="0">
          <a:solidFill>
            <a:schemeClr val="tx1"/>
          </a:solidFill>
          <a:latin typeface="+mn-lt"/>
          <a:ea typeface="+mn-ea"/>
          <a:cs typeface="+mn-cs"/>
        </a:defRPr>
      </a:lvl9pPr>
      <a:extLst/>
    </p:bodyStyle>
    <p:otherStyle>
      <a:lvl1pPr marL="0" algn="l" rtl="0" eaLnBrk="1" latinLnBrk="0" hangingPunct="1">
        <a:defRPr kumimoji="1" lang="ja-JP" kern="1200">
          <a:solidFill>
            <a:schemeClr val="tx1"/>
          </a:solidFill>
          <a:latin typeface="+mn-lt"/>
          <a:ea typeface="+mn-ea"/>
          <a:cs typeface="+mn-cs"/>
        </a:defRPr>
      </a:lvl1pPr>
      <a:lvl2pPr marL="371446" algn="l" rtl="0" eaLnBrk="1" hangingPunct="1">
        <a:defRPr kumimoji="1" lang="ja-JP" kern="1200">
          <a:solidFill>
            <a:schemeClr val="tx1"/>
          </a:solidFill>
          <a:latin typeface="+mn-lt"/>
          <a:ea typeface="+mn-ea"/>
          <a:cs typeface="+mn-cs"/>
        </a:defRPr>
      </a:lvl2pPr>
      <a:lvl3pPr marL="742892" algn="l" rtl="0" eaLnBrk="1" hangingPunct="1">
        <a:defRPr kumimoji="1" lang="ja-JP" kern="1200">
          <a:solidFill>
            <a:schemeClr val="tx1"/>
          </a:solidFill>
          <a:latin typeface="+mn-lt"/>
          <a:ea typeface="+mn-ea"/>
          <a:cs typeface="+mn-cs"/>
        </a:defRPr>
      </a:lvl3pPr>
      <a:lvl4pPr marL="1114336" algn="l" rtl="0" eaLnBrk="1" hangingPunct="1">
        <a:defRPr kumimoji="1" lang="ja-JP" kern="1200">
          <a:solidFill>
            <a:schemeClr val="tx1"/>
          </a:solidFill>
          <a:latin typeface="+mn-lt"/>
          <a:ea typeface="+mn-ea"/>
          <a:cs typeface="+mn-cs"/>
        </a:defRPr>
      </a:lvl4pPr>
      <a:lvl5pPr marL="1485780" algn="l" rtl="0" eaLnBrk="1" hangingPunct="1">
        <a:defRPr kumimoji="1" lang="ja-JP" kern="1200">
          <a:solidFill>
            <a:schemeClr val="tx1"/>
          </a:solidFill>
          <a:latin typeface="+mn-lt"/>
          <a:ea typeface="+mn-ea"/>
          <a:cs typeface="+mn-cs"/>
        </a:defRPr>
      </a:lvl5pPr>
      <a:lvl6pPr marL="1857225" algn="l" rtl="0" eaLnBrk="1" hangingPunct="1">
        <a:defRPr kumimoji="1" lang="ja-JP" kern="1200">
          <a:solidFill>
            <a:schemeClr val="tx1"/>
          </a:solidFill>
          <a:latin typeface="+mn-lt"/>
          <a:ea typeface="+mn-ea"/>
          <a:cs typeface="+mn-cs"/>
        </a:defRPr>
      </a:lvl6pPr>
      <a:lvl7pPr marL="2228670" algn="l" rtl="0" eaLnBrk="1" hangingPunct="1">
        <a:defRPr kumimoji="1" lang="ja-JP" kern="1200">
          <a:solidFill>
            <a:schemeClr val="tx1"/>
          </a:solidFill>
          <a:latin typeface="+mn-lt"/>
          <a:ea typeface="+mn-ea"/>
          <a:cs typeface="+mn-cs"/>
        </a:defRPr>
      </a:lvl7pPr>
      <a:lvl8pPr marL="2600115" algn="l" rtl="0" eaLnBrk="1" hangingPunct="1">
        <a:defRPr kumimoji="1" lang="ja-JP" kern="1200">
          <a:solidFill>
            <a:schemeClr val="tx1"/>
          </a:solidFill>
          <a:latin typeface="+mn-lt"/>
          <a:ea typeface="+mn-ea"/>
          <a:cs typeface="+mn-cs"/>
        </a:defRPr>
      </a:lvl8pPr>
      <a:lvl9pPr marL="2971561" algn="l" rtl="0" eaLnBrk="1" hangingPunct="1">
        <a:defRPr kumimoji="1" lang="ja-JP" kern="1200">
          <a:solidFill>
            <a:schemeClr val="tx1"/>
          </a:solidFill>
          <a:latin typeface="+mn-lt"/>
          <a:ea typeface="+mn-ea"/>
          <a:cs typeface="+mn-cs"/>
        </a:defRPr>
      </a:lvl9pPr>
      <a:extLst/>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6" y="365129"/>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6" y="1825625"/>
            <a:ext cx="7886700" cy="4351339"/>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1" y="6356363"/>
            <a:ext cx="2057400" cy="365125"/>
          </a:xfrm>
          <a:prstGeom prst="rect">
            <a:avLst/>
          </a:prstGeom>
        </p:spPr>
        <p:txBody>
          <a:bodyPr vert="horz" lIns="91440" tIns="45720" rIns="91440" bIns="45720" rtlCol="0" anchor="ctr"/>
          <a:lstStyle>
            <a:lvl1pPr algn="l">
              <a:defRPr sz="900">
                <a:solidFill>
                  <a:schemeClr val="tx1">
                    <a:tint val="75000"/>
                  </a:schemeClr>
                </a:solidFill>
              </a:defRPr>
            </a:lvl1pPr>
          </a:lstStyle>
          <a:p>
            <a:pPr defTabSz="371446"/>
            <a:fld id="{262AFAA0-D672-43F3-9AB5-CA174076509E}" type="datetime1">
              <a:rPr kumimoji="0" lang="ja-JP" altLang="en-US" smtClean="0">
                <a:solidFill>
                  <a:prstClr val="black">
                    <a:tint val="75000"/>
                  </a:prstClr>
                </a:solidFill>
              </a:rPr>
              <a:t>2024/8/19</a:t>
            </a:fld>
            <a:endParaRPr kumimoji="0" lang="en-US" dirty="0">
              <a:solidFill>
                <a:prstClr val="black">
                  <a:tint val="75000"/>
                </a:prstClr>
              </a:solidFill>
            </a:endParaRPr>
          </a:p>
        </p:txBody>
      </p:sp>
      <p:sp>
        <p:nvSpPr>
          <p:cNvPr id="5" name="Footer Placeholder 4"/>
          <p:cNvSpPr>
            <a:spLocks noGrp="1"/>
          </p:cNvSpPr>
          <p:nvPr>
            <p:ph type="ftr" sz="quarter" idx="3"/>
          </p:nvPr>
        </p:nvSpPr>
        <p:spPr>
          <a:xfrm>
            <a:off x="3028956" y="6356363"/>
            <a:ext cx="3086100" cy="365125"/>
          </a:xfrm>
          <a:prstGeom prst="rect">
            <a:avLst/>
          </a:prstGeom>
        </p:spPr>
        <p:txBody>
          <a:bodyPr vert="horz" lIns="91440" tIns="45720" rIns="91440" bIns="45720" rtlCol="0" anchor="ctr"/>
          <a:lstStyle>
            <a:lvl1pPr algn="ctr">
              <a:defRPr sz="900">
                <a:solidFill>
                  <a:schemeClr val="tx1">
                    <a:tint val="75000"/>
                  </a:schemeClr>
                </a:solidFill>
              </a:defRPr>
            </a:lvl1pPr>
          </a:lstStyle>
          <a:p>
            <a:pPr defTabSz="371446"/>
            <a:endParaRPr kumimoji="0" lang="ja-JP" altLang="en-US" dirty="0">
              <a:solidFill>
                <a:prstClr val="black">
                  <a:tint val="75000"/>
                </a:prstClr>
              </a:solidFill>
            </a:endParaRPr>
          </a:p>
        </p:txBody>
      </p:sp>
      <p:sp>
        <p:nvSpPr>
          <p:cNvPr id="6" name="Slide Number Placeholder 5"/>
          <p:cNvSpPr>
            <a:spLocks noGrp="1"/>
          </p:cNvSpPr>
          <p:nvPr>
            <p:ph type="sldNum" sz="quarter" idx="4"/>
          </p:nvPr>
        </p:nvSpPr>
        <p:spPr>
          <a:xfrm>
            <a:off x="6457951" y="6356363"/>
            <a:ext cx="2057400" cy="365125"/>
          </a:xfrm>
          <a:prstGeom prst="rect">
            <a:avLst/>
          </a:prstGeom>
        </p:spPr>
        <p:txBody>
          <a:bodyPr vert="horz" lIns="91440" tIns="45720" rIns="91440" bIns="45720" rtlCol="0" anchor="ctr"/>
          <a:lstStyle>
            <a:lvl1pPr algn="r">
              <a:defRPr sz="900">
                <a:solidFill>
                  <a:schemeClr val="tx1">
                    <a:tint val="75000"/>
                  </a:schemeClr>
                </a:solidFill>
              </a:defRPr>
            </a:lvl1pPr>
          </a:lstStyle>
          <a:p>
            <a:pPr defTabSz="371446"/>
            <a:fld id="{B4B91C90-22A3-4825-BE5F-CB83697714E7}" type="slidenum">
              <a:rPr kumimoji="0" lang="ja-JP" altLang="en-US" smtClean="0">
                <a:solidFill>
                  <a:prstClr val="black">
                    <a:tint val="75000"/>
                  </a:prstClr>
                </a:solidFill>
              </a:rPr>
              <a:pPr defTabSz="371446"/>
              <a:t>‹#›</a:t>
            </a:fld>
            <a:r>
              <a:rPr kumimoji="0" lang="en-US" altLang="ja-JP">
                <a:solidFill>
                  <a:prstClr val="black">
                    <a:tint val="75000"/>
                  </a:prstClr>
                </a:solidFill>
              </a:rPr>
              <a:t>/05</a:t>
            </a:r>
            <a:endParaRPr kumimoji="0" lang="ja-JP" altLang="en-US" dirty="0">
              <a:solidFill>
                <a:prstClr val="black">
                  <a:tint val="75000"/>
                </a:prstClr>
              </a:solidFill>
            </a:endParaRPr>
          </a:p>
        </p:txBody>
      </p:sp>
      <p:pic>
        <p:nvPicPr>
          <p:cNvPr id="7" name="図 6"/>
          <p:cNvPicPr>
            <a:picLocks noChangeAspect="1"/>
          </p:cNvPicPr>
          <p:nvPr userDrawn="1"/>
        </p:nvPicPr>
        <p:blipFill>
          <a:blip r:embed="rId13" cstate="email">
            <a:extLst>
              <a:ext uri="{28A0092B-C50C-407E-A947-70E740481C1C}">
                <a14:useLocalDpi xmlns:a14="http://schemas.microsoft.com/office/drawing/2010/main"/>
              </a:ext>
            </a:extLst>
          </a:blip>
          <a:stretch>
            <a:fillRect/>
          </a:stretch>
        </p:blipFill>
        <p:spPr>
          <a:xfrm>
            <a:off x="0" y="0"/>
            <a:ext cx="9144000" cy="6858000"/>
          </a:xfrm>
          <a:prstGeom prst="rect">
            <a:avLst/>
          </a:prstGeom>
        </p:spPr>
      </p:pic>
      <p:pic>
        <p:nvPicPr>
          <p:cNvPr id="8" name="OC_logo_mark"/>
          <p:cNvPicPr>
            <a:picLocks noChangeAspect="1"/>
          </p:cNvPicPr>
          <p:nvPr userDrawn="1"/>
        </p:nvPicPr>
        <p:blipFill>
          <a:blip r:embed="rId14" cstate="email">
            <a:extLst>
              <a:ext uri="{28A0092B-C50C-407E-A947-70E740481C1C}">
                <a14:useLocalDpi xmlns:a14="http://schemas.microsoft.com/office/drawing/2010/main"/>
              </a:ext>
            </a:extLst>
          </a:blip>
          <a:stretch>
            <a:fillRect/>
          </a:stretch>
        </p:blipFill>
        <p:spPr>
          <a:xfrm>
            <a:off x="8485323" y="180063"/>
            <a:ext cx="467700" cy="430620"/>
          </a:xfrm>
          <a:prstGeom prst="rect">
            <a:avLst/>
          </a:prstGeom>
          <a:effectLst/>
        </p:spPr>
      </p:pic>
    </p:spTree>
    <p:extLst>
      <p:ext uri="{BB962C8B-B14F-4D97-AF65-F5344CB8AC3E}">
        <p14:creationId xmlns:p14="http://schemas.microsoft.com/office/powerpoint/2010/main" val="2169110459"/>
      </p:ext>
    </p:extLst>
  </p:cSld>
  <p:clrMap bg1="lt1" tx1="dk1" bg2="lt2" tx2="dk2" accent1="accent1" accent2="accent2" accent3="accent3" accent4="accent4" accent5="accent5" accent6="accent6" hlink="hlink" folHlink="folHlink"/>
  <p:sldLayoutIdLst>
    <p:sldLayoutId id="2147483705" r:id="rId1"/>
    <p:sldLayoutId id="2147483706" r:id="rId2"/>
    <p:sldLayoutId id="2147483707" r:id="rId3"/>
    <p:sldLayoutId id="2147483708" r:id="rId4"/>
    <p:sldLayoutId id="2147483709" r:id="rId5"/>
    <p:sldLayoutId id="2147483710" r:id="rId6"/>
    <p:sldLayoutId id="2147483711" r:id="rId7"/>
    <p:sldLayoutId id="2147483712" r:id="rId8"/>
    <p:sldLayoutId id="2147483713" r:id="rId9"/>
    <p:sldLayoutId id="2147483714" r:id="rId10"/>
    <p:sldLayoutId id="2147483715" r:id="rId11"/>
  </p:sldLayoutIdLst>
  <p:hf hdr="0" ftr="0" dt="0"/>
  <p:txStyles>
    <p:titleStyle>
      <a:lvl1pPr algn="l" defTabSz="685763" rtl="0" eaLnBrk="1" latinLnBrk="0" hangingPunct="1">
        <a:lnSpc>
          <a:spcPct val="90000"/>
        </a:lnSpc>
        <a:spcBef>
          <a:spcPct val="0"/>
        </a:spcBef>
        <a:buNone/>
        <a:defRPr kumimoji="1" sz="3301" kern="1200">
          <a:solidFill>
            <a:schemeClr val="tx1"/>
          </a:solidFill>
          <a:latin typeface="+mj-lt"/>
          <a:ea typeface="+mj-ea"/>
          <a:cs typeface="+mj-cs"/>
        </a:defRPr>
      </a:lvl1pPr>
    </p:titleStyle>
    <p:bodyStyle>
      <a:lvl1pPr marL="171441" indent="-171441" algn="l" defTabSz="685763" rtl="0" eaLnBrk="1" latinLnBrk="0" hangingPunct="1">
        <a:lnSpc>
          <a:spcPct val="90000"/>
        </a:lnSpc>
        <a:spcBef>
          <a:spcPts val="750"/>
        </a:spcBef>
        <a:buFont typeface="Arial" panose="020B0604020202020204" pitchFamily="34" charset="0"/>
        <a:buChar char="•"/>
        <a:defRPr kumimoji="1" sz="2100" kern="1200">
          <a:solidFill>
            <a:schemeClr val="tx1"/>
          </a:solidFill>
          <a:latin typeface="+mn-lt"/>
          <a:ea typeface="+mn-ea"/>
          <a:cs typeface="+mn-cs"/>
        </a:defRPr>
      </a:lvl1pPr>
      <a:lvl2pPr marL="514322" indent="-171441" algn="l" defTabSz="685763" rtl="0" eaLnBrk="1" latinLnBrk="0" hangingPunct="1">
        <a:lnSpc>
          <a:spcPct val="90000"/>
        </a:lnSpc>
        <a:spcBef>
          <a:spcPts val="377"/>
        </a:spcBef>
        <a:buFont typeface="Arial" panose="020B0604020202020204" pitchFamily="34" charset="0"/>
        <a:buChar char="•"/>
        <a:defRPr kumimoji="1" sz="1800" kern="1200">
          <a:solidFill>
            <a:schemeClr val="tx1"/>
          </a:solidFill>
          <a:latin typeface="+mn-lt"/>
          <a:ea typeface="+mn-ea"/>
          <a:cs typeface="+mn-cs"/>
        </a:defRPr>
      </a:lvl2pPr>
      <a:lvl3pPr marL="857203" indent="-171441" algn="l" defTabSz="685763" rtl="0" eaLnBrk="1" latinLnBrk="0" hangingPunct="1">
        <a:lnSpc>
          <a:spcPct val="90000"/>
        </a:lnSpc>
        <a:spcBef>
          <a:spcPts val="377"/>
        </a:spcBef>
        <a:buFont typeface="Arial" panose="020B0604020202020204" pitchFamily="34" charset="0"/>
        <a:buChar char="•"/>
        <a:defRPr kumimoji="1" sz="1501" kern="1200">
          <a:solidFill>
            <a:schemeClr val="tx1"/>
          </a:solidFill>
          <a:latin typeface="+mn-lt"/>
          <a:ea typeface="+mn-ea"/>
          <a:cs typeface="+mn-cs"/>
        </a:defRPr>
      </a:lvl3pPr>
      <a:lvl4pPr marL="1200083"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4pPr>
      <a:lvl5pPr marL="1542964"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5pPr>
      <a:lvl6pPr marL="1885845"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6pPr>
      <a:lvl7pPr marL="2228727"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7pPr>
      <a:lvl8pPr marL="2571607"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8pPr>
      <a:lvl9pPr marL="2914487" indent="-171441" algn="l" defTabSz="685763" rtl="0" eaLnBrk="1" latinLnBrk="0" hangingPunct="1">
        <a:lnSpc>
          <a:spcPct val="90000"/>
        </a:lnSpc>
        <a:spcBef>
          <a:spcPts val="377"/>
        </a:spcBef>
        <a:buFont typeface="Arial" panose="020B0604020202020204" pitchFamily="34" charset="0"/>
        <a:buChar char="•"/>
        <a:defRPr kumimoji="1" sz="1352" kern="1200">
          <a:solidFill>
            <a:schemeClr val="tx1"/>
          </a:solidFill>
          <a:latin typeface="+mn-lt"/>
          <a:ea typeface="+mn-ea"/>
          <a:cs typeface="+mn-cs"/>
        </a:defRPr>
      </a:lvl9pPr>
    </p:bodyStyle>
    <p:otherStyle>
      <a:defPPr>
        <a:defRPr lang="en-US"/>
      </a:defPPr>
      <a:lvl1pPr marL="0" algn="l" defTabSz="685763" rtl="0" eaLnBrk="1" latinLnBrk="0" hangingPunct="1">
        <a:defRPr kumimoji="1" sz="1352" kern="1200">
          <a:solidFill>
            <a:schemeClr val="tx1"/>
          </a:solidFill>
          <a:latin typeface="+mn-lt"/>
          <a:ea typeface="+mn-ea"/>
          <a:cs typeface="+mn-cs"/>
        </a:defRPr>
      </a:lvl1pPr>
      <a:lvl2pPr marL="342881" algn="l" defTabSz="685763" rtl="0" eaLnBrk="1" latinLnBrk="0" hangingPunct="1">
        <a:defRPr kumimoji="1" sz="1352" kern="1200">
          <a:solidFill>
            <a:schemeClr val="tx1"/>
          </a:solidFill>
          <a:latin typeface="+mn-lt"/>
          <a:ea typeface="+mn-ea"/>
          <a:cs typeface="+mn-cs"/>
        </a:defRPr>
      </a:lvl2pPr>
      <a:lvl3pPr marL="685763" algn="l" defTabSz="685763" rtl="0" eaLnBrk="1" latinLnBrk="0" hangingPunct="1">
        <a:defRPr kumimoji="1" sz="1352" kern="1200">
          <a:solidFill>
            <a:schemeClr val="tx1"/>
          </a:solidFill>
          <a:latin typeface="+mn-lt"/>
          <a:ea typeface="+mn-ea"/>
          <a:cs typeface="+mn-cs"/>
        </a:defRPr>
      </a:lvl3pPr>
      <a:lvl4pPr marL="1028642" algn="l" defTabSz="685763" rtl="0" eaLnBrk="1" latinLnBrk="0" hangingPunct="1">
        <a:defRPr kumimoji="1" sz="1352" kern="1200">
          <a:solidFill>
            <a:schemeClr val="tx1"/>
          </a:solidFill>
          <a:latin typeface="+mn-lt"/>
          <a:ea typeface="+mn-ea"/>
          <a:cs typeface="+mn-cs"/>
        </a:defRPr>
      </a:lvl4pPr>
      <a:lvl5pPr marL="1371523" algn="l" defTabSz="685763" rtl="0" eaLnBrk="1" latinLnBrk="0" hangingPunct="1">
        <a:defRPr kumimoji="1" sz="1352" kern="1200">
          <a:solidFill>
            <a:schemeClr val="tx1"/>
          </a:solidFill>
          <a:latin typeface="+mn-lt"/>
          <a:ea typeface="+mn-ea"/>
          <a:cs typeface="+mn-cs"/>
        </a:defRPr>
      </a:lvl5pPr>
      <a:lvl6pPr marL="1714405" algn="l" defTabSz="685763" rtl="0" eaLnBrk="1" latinLnBrk="0" hangingPunct="1">
        <a:defRPr kumimoji="1" sz="1352" kern="1200">
          <a:solidFill>
            <a:schemeClr val="tx1"/>
          </a:solidFill>
          <a:latin typeface="+mn-lt"/>
          <a:ea typeface="+mn-ea"/>
          <a:cs typeface="+mn-cs"/>
        </a:defRPr>
      </a:lvl6pPr>
      <a:lvl7pPr marL="2057286" algn="l" defTabSz="685763" rtl="0" eaLnBrk="1" latinLnBrk="0" hangingPunct="1">
        <a:defRPr kumimoji="1" sz="1352" kern="1200">
          <a:solidFill>
            <a:schemeClr val="tx1"/>
          </a:solidFill>
          <a:latin typeface="+mn-lt"/>
          <a:ea typeface="+mn-ea"/>
          <a:cs typeface="+mn-cs"/>
        </a:defRPr>
      </a:lvl7pPr>
      <a:lvl8pPr marL="2400167" algn="l" defTabSz="685763" rtl="0" eaLnBrk="1" latinLnBrk="0" hangingPunct="1">
        <a:defRPr kumimoji="1" sz="1352" kern="1200">
          <a:solidFill>
            <a:schemeClr val="tx1"/>
          </a:solidFill>
          <a:latin typeface="+mn-lt"/>
          <a:ea typeface="+mn-ea"/>
          <a:cs typeface="+mn-cs"/>
        </a:defRPr>
      </a:lvl8pPr>
      <a:lvl9pPr marL="2743047" algn="l" defTabSz="685763" rtl="0" eaLnBrk="1" latinLnBrk="0" hangingPunct="1">
        <a:defRPr kumimoji="1" sz="1352"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28650" y="365126"/>
            <a:ext cx="7886700" cy="1325563"/>
          </a:xfrm>
          <a:prstGeom prst="rect">
            <a:avLst/>
          </a:prstGeom>
        </p:spPr>
        <p:txBody>
          <a:bodyPr vert="horz" lIns="91440" tIns="45720" rIns="91440" bIns="45720" rtlCol="0" anchor="ctr">
            <a:normAutofit/>
          </a:bodyPr>
          <a:lstStyle/>
          <a:p>
            <a:r>
              <a:rPr lang="ja-JP" altLang="en-US"/>
              <a:t>マスター タイトルの書式設定</a:t>
            </a:r>
            <a:endParaRPr lang="en-US" dirty="0"/>
          </a:p>
        </p:txBody>
      </p:sp>
      <p:sp>
        <p:nvSpPr>
          <p:cNvPr id="3" name="Text Placeholder 2"/>
          <p:cNvSpPr>
            <a:spLocks noGrp="1"/>
          </p:cNvSpPr>
          <p:nvPr>
            <p:ph type="body" idx="1"/>
          </p:nvPr>
        </p:nvSpPr>
        <p:spPr>
          <a:xfrm>
            <a:off x="628650" y="1825625"/>
            <a:ext cx="7886700" cy="4351338"/>
          </a:xfrm>
          <a:prstGeom prst="rect">
            <a:avLst/>
          </a:prstGeom>
        </p:spPr>
        <p:txBody>
          <a:bodyPr vert="horz" lIns="91440" tIns="45720" rIns="91440" bIns="45720" rtlCol="0">
            <a:normAutofit/>
          </a:bodyPr>
          <a:lstStyle/>
          <a:p>
            <a:pPr lvl="0"/>
            <a:r>
              <a:rPr lang="ja-JP" altLang="en-US"/>
              <a:t>マスター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endParaRPr lang="en-US" dirty="0"/>
          </a:p>
        </p:txBody>
      </p:sp>
      <p:sp>
        <p:nvSpPr>
          <p:cNvPr id="4" name="Date Placeholder 3"/>
          <p:cNvSpPr>
            <a:spLocks noGrp="1"/>
          </p:cNvSpPr>
          <p:nvPr>
            <p:ph type="dt" sz="half" idx="2"/>
          </p:nvPr>
        </p:nvSpPr>
        <p:spPr>
          <a:xfrm>
            <a:off x="628650" y="6356351"/>
            <a:ext cx="2057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pPr defTabSz="371446"/>
            <a:fld id="{72BD527E-DE70-4C04-83E4-8C808B7937F5}" type="datetime1">
              <a:rPr kumimoji="0" lang="ja-JP" altLang="en-US" smtClean="0">
                <a:solidFill>
                  <a:srgbClr val="000000"/>
                </a:solidFill>
              </a:rPr>
              <a:t>2024/8/19</a:t>
            </a:fld>
            <a:endParaRPr kumimoji="0" lang="en-US" altLang="ja-JP" dirty="0">
              <a:solidFill>
                <a:srgbClr val="000000"/>
              </a:solidFill>
            </a:endParaRPr>
          </a:p>
        </p:txBody>
      </p:sp>
      <p:sp>
        <p:nvSpPr>
          <p:cNvPr id="5" name="Footer Placeholder 4"/>
          <p:cNvSpPr>
            <a:spLocks noGrp="1"/>
          </p:cNvSpPr>
          <p:nvPr>
            <p:ph type="ftr" sz="quarter" idx="3"/>
          </p:nvPr>
        </p:nvSpPr>
        <p:spPr>
          <a:xfrm>
            <a:off x="3028950" y="6356351"/>
            <a:ext cx="30861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pPr defTabSz="371446"/>
            <a:endParaRPr kumimoji="0" lang="en-US" altLang="ja-JP" dirty="0">
              <a:solidFill>
                <a:srgbClr val="000000"/>
              </a:solidFill>
            </a:endParaRPr>
          </a:p>
        </p:txBody>
      </p:sp>
      <p:sp>
        <p:nvSpPr>
          <p:cNvPr id="6" name="Slide Number Placeholder 5"/>
          <p:cNvSpPr>
            <a:spLocks noGrp="1"/>
          </p:cNvSpPr>
          <p:nvPr>
            <p:ph type="sldNum" sz="quarter" idx="4"/>
          </p:nvPr>
        </p:nvSpPr>
        <p:spPr>
          <a:xfrm>
            <a:off x="6457950" y="6356351"/>
            <a:ext cx="2057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pPr defTabSz="371446"/>
            <a:fld id="{8C42D5D6-E460-48BF-97C0-501242A0426B}" type="slidenum">
              <a:rPr kumimoji="0" lang="en-US" altLang="ja-JP" smtClean="0">
                <a:solidFill>
                  <a:srgbClr val="000000"/>
                </a:solidFill>
              </a:rPr>
              <a:pPr defTabSz="371446"/>
              <a:t>‹#›</a:t>
            </a:fld>
            <a:endParaRPr kumimoji="0" lang="en-US" altLang="ja-JP" dirty="0">
              <a:solidFill>
                <a:srgbClr val="000000"/>
              </a:solidFill>
            </a:endParaRPr>
          </a:p>
        </p:txBody>
      </p:sp>
    </p:spTree>
    <p:extLst>
      <p:ext uri="{BB962C8B-B14F-4D97-AF65-F5344CB8AC3E}">
        <p14:creationId xmlns:p14="http://schemas.microsoft.com/office/powerpoint/2010/main" val="622364951"/>
      </p:ext>
    </p:extLst>
  </p:cSld>
  <p:clrMap bg1="lt1" tx1="dk1" bg2="lt2" tx2="dk2" accent1="accent1" accent2="accent2" accent3="accent3" accent4="accent4" accent5="accent5" accent6="accent6" hlink="hlink" folHlink="folHlink"/>
  <p:sldLayoutIdLst>
    <p:sldLayoutId id="2147483900" r:id="rId1"/>
    <p:sldLayoutId id="2147483901" r:id="rId2"/>
    <p:sldLayoutId id="2147483902" r:id="rId3"/>
    <p:sldLayoutId id="2147483903" r:id="rId4"/>
    <p:sldLayoutId id="2147483904" r:id="rId5"/>
    <p:sldLayoutId id="2147483905" r:id="rId6"/>
    <p:sldLayoutId id="2147483906" r:id="rId7"/>
    <p:sldLayoutId id="2147483907" r:id="rId8"/>
    <p:sldLayoutId id="2147483908" r:id="rId9"/>
    <p:sldLayoutId id="2147483909" r:id="rId10"/>
    <p:sldLayoutId id="2147483910" r:id="rId11"/>
    <p:sldLayoutId id="2147483919" r:id="rId12"/>
    <p:sldLayoutId id="2147483920" r:id="rId13"/>
  </p:sldLayoutIdLst>
  <p:hf hdr="0" ftr="0" dt="0"/>
  <p:txStyles>
    <p:titleStyle>
      <a:lvl1pPr algn="l" defTabSz="914400" rtl="0" eaLnBrk="1" latinLnBrk="0" hangingPunct="1">
        <a:lnSpc>
          <a:spcPct val="90000"/>
        </a:lnSpc>
        <a:spcBef>
          <a:spcPct val="0"/>
        </a:spcBef>
        <a:buNone/>
        <a:defRPr kumimoji="1"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kumimoji="1"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kumimoji="1"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kumimoji="1"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kumimoji="1" sz="1800" kern="1200">
          <a:solidFill>
            <a:schemeClr val="tx1"/>
          </a:solidFill>
          <a:latin typeface="+mn-lt"/>
          <a:ea typeface="+mn-ea"/>
          <a:cs typeface="+mn-cs"/>
        </a:defRPr>
      </a:lvl9pPr>
    </p:bodyStyle>
    <p:otherStyle>
      <a:defPPr>
        <a:defRPr lang="en-US"/>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52.xml"/></Relationships>
</file>

<file path=ppt/slides/_rels/slide10.xml.rels><?xml version="1.0" encoding="UTF-8" standalone="yes"?>
<Relationships xmlns="http://schemas.openxmlformats.org/package/2006/relationships"><Relationship Id="rId8" Type="http://schemas.openxmlformats.org/officeDocument/2006/relationships/image" Target="../media/image33.png"/><Relationship Id="rId13" Type="http://schemas.openxmlformats.org/officeDocument/2006/relationships/image" Target="../media/image38.png"/><Relationship Id="rId3" Type="http://schemas.openxmlformats.org/officeDocument/2006/relationships/image" Target="../media/image28.png"/><Relationship Id="rId7" Type="http://schemas.openxmlformats.org/officeDocument/2006/relationships/image" Target="../media/image32.png"/><Relationship Id="rId12" Type="http://schemas.openxmlformats.org/officeDocument/2006/relationships/image" Target="../media/image37.png"/><Relationship Id="rId2" Type="http://schemas.openxmlformats.org/officeDocument/2006/relationships/image" Target="../media/image27.jpg"/><Relationship Id="rId1" Type="http://schemas.openxmlformats.org/officeDocument/2006/relationships/slideLayout" Target="../slideLayouts/slideLayout23.xml"/><Relationship Id="rId6" Type="http://schemas.openxmlformats.org/officeDocument/2006/relationships/image" Target="../media/image31.png"/><Relationship Id="rId11" Type="http://schemas.openxmlformats.org/officeDocument/2006/relationships/image" Target="../media/image36.png"/><Relationship Id="rId5" Type="http://schemas.openxmlformats.org/officeDocument/2006/relationships/image" Target="../media/image30.png"/><Relationship Id="rId10" Type="http://schemas.openxmlformats.org/officeDocument/2006/relationships/image" Target="../media/image35.png"/><Relationship Id="rId4" Type="http://schemas.openxmlformats.org/officeDocument/2006/relationships/image" Target="../media/image29.png"/><Relationship Id="rId9" Type="http://schemas.openxmlformats.org/officeDocument/2006/relationships/image" Target="../media/image34.png"/></Relationships>
</file>

<file path=ppt/slides/_rels/slide11.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image" Target="../media/image27.jpg"/><Relationship Id="rId1" Type="http://schemas.openxmlformats.org/officeDocument/2006/relationships/slideLayout" Target="../slideLayouts/slideLayout23.xml"/><Relationship Id="rId6" Type="http://schemas.openxmlformats.org/officeDocument/2006/relationships/image" Target="../media/image42.png"/><Relationship Id="rId5" Type="http://schemas.openxmlformats.org/officeDocument/2006/relationships/image" Target="../media/image41.png"/><Relationship Id="rId4" Type="http://schemas.openxmlformats.org/officeDocument/2006/relationships/image" Target="../media/image40.png"/></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13.xml.rels><?xml version="1.0" encoding="UTF-8" standalone="yes"?>
<Relationships xmlns="http://schemas.openxmlformats.org/package/2006/relationships"><Relationship Id="rId8" Type="http://schemas.openxmlformats.org/officeDocument/2006/relationships/image" Target="../media/image48.png"/><Relationship Id="rId13" Type="http://schemas.openxmlformats.org/officeDocument/2006/relationships/image" Target="../media/image53.png"/><Relationship Id="rId3" Type="http://schemas.openxmlformats.org/officeDocument/2006/relationships/image" Target="../media/image43.png"/><Relationship Id="rId7" Type="http://schemas.openxmlformats.org/officeDocument/2006/relationships/image" Target="../media/image47.png"/><Relationship Id="rId12" Type="http://schemas.openxmlformats.org/officeDocument/2006/relationships/image" Target="../media/image52.png"/><Relationship Id="rId2" Type="http://schemas.openxmlformats.org/officeDocument/2006/relationships/image" Target="../media/image27.jpg"/><Relationship Id="rId1" Type="http://schemas.openxmlformats.org/officeDocument/2006/relationships/slideLayout" Target="../slideLayouts/slideLayout23.xml"/><Relationship Id="rId6" Type="http://schemas.openxmlformats.org/officeDocument/2006/relationships/image" Target="../media/image46.png"/><Relationship Id="rId11" Type="http://schemas.openxmlformats.org/officeDocument/2006/relationships/image" Target="../media/image51.png"/><Relationship Id="rId5" Type="http://schemas.openxmlformats.org/officeDocument/2006/relationships/image" Target="../media/image45.png"/><Relationship Id="rId10" Type="http://schemas.openxmlformats.org/officeDocument/2006/relationships/image" Target="../media/image50.png"/><Relationship Id="rId4" Type="http://schemas.openxmlformats.org/officeDocument/2006/relationships/image" Target="../media/image44.png"/><Relationship Id="rId9" Type="http://schemas.openxmlformats.org/officeDocument/2006/relationships/image" Target="../media/image49.png"/><Relationship Id="rId14" Type="http://schemas.openxmlformats.org/officeDocument/2006/relationships/image" Target="../media/image54.jpg"/></Relationships>
</file>

<file path=ppt/slides/_rels/slide14.xml.rels><?xml version="1.0" encoding="UTF-8" standalone="yes"?>
<Relationships xmlns="http://schemas.openxmlformats.org/package/2006/relationships"><Relationship Id="rId3" Type="http://schemas.openxmlformats.org/officeDocument/2006/relationships/image" Target="../media/image55.png"/><Relationship Id="rId2" Type="http://schemas.openxmlformats.org/officeDocument/2006/relationships/image" Target="../media/image27.jpg"/><Relationship Id="rId1" Type="http://schemas.openxmlformats.org/officeDocument/2006/relationships/slideLayout" Target="../slideLayouts/slideLayout23.xml"/><Relationship Id="rId4" Type="http://schemas.openxmlformats.org/officeDocument/2006/relationships/image" Target="../media/image56.png"/></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30.xml"/></Relationships>
</file>

<file path=ppt/slides/_rels/slide16.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27.jpg"/><Relationship Id="rId1" Type="http://schemas.openxmlformats.org/officeDocument/2006/relationships/slideLayout" Target="../slideLayouts/slideLayout23.xml"/><Relationship Id="rId4" Type="http://schemas.openxmlformats.org/officeDocument/2006/relationships/image" Target="../media/image58.jpg"/></Relationships>
</file>

<file path=ppt/slides/_rels/slide17.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image" Target="../media/image14.jpg"/><Relationship Id="rId1" Type="http://schemas.openxmlformats.org/officeDocument/2006/relationships/slideLayout" Target="../slideLayouts/slideLayout23.xml"/><Relationship Id="rId4" Type="http://schemas.openxmlformats.org/officeDocument/2006/relationships/image" Target="../media/image60.jpg"/></Relationships>
</file>

<file path=ppt/slides/_rels/slide18.xml.rels><?xml version="1.0" encoding="UTF-8" standalone="yes"?>
<Relationships xmlns="http://schemas.openxmlformats.org/package/2006/relationships"><Relationship Id="rId2" Type="http://schemas.openxmlformats.org/officeDocument/2006/relationships/image" Target="../media/image14.jpg"/><Relationship Id="rId1" Type="http://schemas.openxmlformats.org/officeDocument/2006/relationships/slideLayout" Target="../slideLayouts/slideLayout23.xml"/></Relationships>
</file>

<file path=ppt/slides/_rels/slide19.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image" Target="../media/image14.jpg"/><Relationship Id="rId1" Type="http://schemas.openxmlformats.org/officeDocument/2006/relationships/slideLayout" Target="../slideLayouts/slideLayout23.xml"/><Relationship Id="rId4" Type="http://schemas.openxmlformats.org/officeDocument/2006/relationships/image" Target="../media/image62.jp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8.xml"/></Relationships>
</file>

<file path=ppt/slides/_rels/slide20.xml.rels><?xml version="1.0" encoding="UTF-8" standalone="yes"?>
<Relationships xmlns="http://schemas.openxmlformats.org/package/2006/relationships"><Relationship Id="rId8" Type="http://schemas.openxmlformats.org/officeDocument/2006/relationships/image" Target="../media/image68.png"/><Relationship Id="rId3" Type="http://schemas.openxmlformats.org/officeDocument/2006/relationships/image" Target="../media/image63.jpg"/><Relationship Id="rId7" Type="http://schemas.openxmlformats.org/officeDocument/2006/relationships/image" Target="../media/image67.png"/><Relationship Id="rId2" Type="http://schemas.openxmlformats.org/officeDocument/2006/relationships/image" Target="../media/image14.jpg"/><Relationship Id="rId1" Type="http://schemas.openxmlformats.org/officeDocument/2006/relationships/slideLayout" Target="../slideLayouts/slideLayout23.xml"/><Relationship Id="rId6" Type="http://schemas.openxmlformats.org/officeDocument/2006/relationships/image" Target="../media/image66.jpg"/><Relationship Id="rId5" Type="http://schemas.openxmlformats.org/officeDocument/2006/relationships/image" Target="../media/image65.jpg"/><Relationship Id="rId4" Type="http://schemas.openxmlformats.org/officeDocument/2006/relationships/image" Target="../media/image64.jpg"/></Relationships>
</file>

<file path=ppt/slides/_rels/slide21.xml.rels><?xml version="1.0" encoding="UTF-8" standalone="yes"?>
<Relationships xmlns="http://schemas.openxmlformats.org/package/2006/relationships"><Relationship Id="rId2" Type="http://schemas.openxmlformats.org/officeDocument/2006/relationships/image" Target="../media/image14.jpg"/><Relationship Id="rId1" Type="http://schemas.openxmlformats.org/officeDocument/2006/relationships/slideLayout" Target="../slideLayouts/slideLayout23.xml"/></Relationships>
</file>

<file path=ppt/slides/_rels/slide22.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image" Target="../media/image16.png"/><Relationship Id="rId1" Type="http://schemas.openxmlformats.org/officeDocument/2006/relationships/slideLayout" Target="../slideLayouts/slideLayout31.xml"/><Relationship Id="rId5" Type="http://schemas.openxmlformats.org/officeDocument/2006/relationships/image" Target="../media/image71.png"/><Relationship Id="rId4" Type="http://schemas.openxmlformats.org/officeDocument/2006/relationships/image" Target="../media/image70.png"/></Relationships>
</file>

<file path=ppt/slides/_rels/slide23.xml.rels><?xml version="1.0" encoding="UTF-8" standalone="yes"?>
<Relationships xmlns="http://schemas.openxmlformats.org/package/2006/relationships"><Relationship Id="rId3" Type="http://schemas.openxmlformats.org/officeDocument/2006/relationships/image" Target="../media/image72.jpg"/><Relationship Id="rId2" Type="http://schemas.openxmlformats.org/officeDocument/2006/relationships/image" Target="../media/image14.jpg"/><Relationship Id="rId1" Type="http://schemas.openxmlformats.org/officeDocument/2006/relationships/slideLayout" Target="../slideLayouts/slideLayout23.xml"/><Relationship Id="rId5" Type="http://schemas.openxmlformats.org/officeDocument/2006/relationships/image" Target="../media/image74.jpg"/><Relationship Id="rId4" Type="http://schemas.openxmlformats.org/officeDocument/2006/relationships/image" Target="../media/image73.jpg"/></Relationships>
</file>

<file path=ppt/slides/_rels/slide24.xml.rels><?xml version="1.0" encoding="UTF-8" standalone="yes"?>
<Relationships xmlns="http://schemas.openxmlformats.org/package/2006/relationships"><Relationship Id="rId3" Type="http://schemas.openxmlformats.org/officeDocument/2006/relationships/image" Target="../media/image75.jpg"/><Relationship Id="rId2" Type="http://schemas.openxmlformats.org/officeDocument/2006/relationships/image" Target="../media/image14.jpg"/><Relationship Id="rId1" Type="http://schemas.openxmlformats.org/officeDocument/2006/relationships/slideLayout" Target="../slideLayouts/slideLayout23.xml"/><Relationship Id="rId5" Type="http://schemas.openxmlformats.org/officeDocument/2006/relationships/image" Target="../media/image77.jpg"/><Relationship Id="rId4" Type="http://schemas.openxmlformats.org/officeDocument/2006/relationships/image" Target="../media/image76.jpg"/></Relationships>
</file>

<file path=ppt/slides/_rels/slide25.xml.rels><?xml version="1.0" encoding="UTF-8" standalone="yes"?>
<Relationships xmlns="http://schemas.openxmlformats.org/package/2006/relationships"><Relationship Id="rId3" Type="http://schemas.openxmlformats.org/officeDocument/2006/relationships/image" Target="../media/image78.jpg"/><Relationship Id="rId2" Type="http://schemas.openxmlformats.org/officeDocument/2006/relationships/image" Target="../media/image14.jpg"/><Relationship Id="rId1" Type="http://schemas.openxmlformats.org/officeDocument/2006/relationships/slideLayout" Target="../slideLayouts/slideLayout23.xml"/><Relationship Id="rId4" Type="http://schemas.openxmlformats.org/officeDocument/2006/relationships/image" Target="../media/image79.jpg"/></Relationships>
</file>

<file path=ppt/slides/_rels/slide26.xml.rels><?xml version="1.0" encoding="UTF-8" standalone="yes"?>
<Relationships xmlns="http://schemas.openxmlformats.org/package/2006/relationships"><Relationship Id="rId3" Type="http://schemas.openxmlformats.org/officeDocument/2006/relationships/image" Target="../media/image78.jpg"/><Relationship Id="rId2" Type="http://schemas.openxmlformats.org/officeDocument/2006/relationships/image" Target="../media/image14.jpg"/><Relationship Id="rId1" Type="http://schemas.openxmlformats.org/officeDocument/2006/relationships/slideLayout" Target="../slideLayouts/slideLayout23.xml"/><Relationship Id="rId4" Type="http://schemas.openxmlformats.org/officeDocument/2006/relationships/image" Target="../media/image79.jpg"/></Relationships>
</file>

<file path=ppt/slides/_rels/slide27.xml.rels><?xml version="1.0" encoding="UTF-8" standalone="yes"?>
<Relationships xmlns="http://schemas.openxmlformats.org/package/2006/relationships"><Relationship Id="rId2" Type="http://schemas.openxmlformats.org/officeDocument/2006/relationships/image" Target="../media/image14.jpg"/><Relationship Id="rId1" Type="http://schemas.openxmlformats.org/officeDocument/2006/relationships/slideLayout" Target="../slideLayouts/slideLayout23.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30.xml"/></Relationships>
</file>

<file path=ppt/slides/_rels/slide29.xml.rels><?xml version="1.0" encoding="UTF-8" standalone="yes"?>
<Relationships xmlns="http://schemas.openxmlformats.org/package/2006/relationships"><Relationship Id="rId2" Type="http://schemas.openxmlformats.org/officeDocument/2006/relationships/image" Target="../media/image27.jpg"/><Relationship Id="rId1" Type="http://schemas.openxmlformats.org/officeDocument/2006/relationships/slideLayout" Target="../slideLayouts/slideLayout23.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30.xml"/></Relationships>
</file>

<file path=ppt/slides/_rels/slide30.xml.rels><?xml version="1.0" encoding="UTF-8" standalone="yes"?>
<Relationships xmlns="http://schemas.openxmlformats.org/package/2006/relationships"><Relationship Id="rId2" Type="http://schemas.openxmlformats.org/officeDocument/2006/relationships/image" Target="../media/image27.jpg"/><Relationship Id="rId1" Type="http://schemas.openxmlformats.org/officeDocument/2006/relationships/slideLayout" Target="../slideLayouts/slideLayout23.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0.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30.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34.xml.rels><?xml version="1.0" encoding="UTF-8" standalone="yes"?>
<Relationships xmlns="http://schemas.openxmlformats.org/package/2006/relationships"><Relationship Id="rId3" Type="http://schemas.openxmlformats.org/officeDocument/2006/relationships/image" Target="../media/image81.png"/><Relationship Id="rId7" Type="http://schemas.openxmlformats.org/officeDocument/2006/relationships/image" Target="../media/image85.png"/><Relationship Id="rId2" Type="http://schemas.openxmlformats.org/officeDocument/2006/relationships/image" Target="../media/image80.png"/><Relationship Id="rId1" Type="http://schemas.openxmlformats.org/officeDocument/2006/relationships/slideLayout" Target="../slideLayouts/slideLayout23.xml"/><Relationship Id="rId6" Type="http://schemas.openxmlformats.org/officeDocument/2006/relationships/image" Target="../media/image84.jpg"/><Relationship Id="rId5" Type="http://schemas.openxmlformats.org/officeDocument/2006/relationships/image" Target="../media/image83.png"/><Relationship Id="rId4" Type="http://schemas.openxmlformats.org/officeDocument/2006/relationships/image" Target="../media/image82.jpg"/></Relationships>
</file>

<file path=ppt/slides/_rels/slide35.xml.rels><?xml version="1.0" encoding="UTF-8" standalone="yes"?>
<Relationships xmlns="http://schemas.openxmlformats.org/package/2006/relationships"><Relationship Id="rId3" Type="http://schemas.openxmlformats.org/officeDocument/2006/relationships/image" Target="../media/image87.jpg"/><Relationship Id="rId2" Type="http://schemas.openxmlformats.org/officeDocument/2006/relationships/image" Target="../media/image86.jpg"/><Relationship Id="rId1" Type="http://schemas.openxmlformats.org/officeDocument/2006/relationships/slideLayout" Target="../slideLayouts/slideLayout23.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37.xml.rels><?xml version="1.0" encoding="UTF-8" standalone="yes"?>
<Relationships xmlns="http://schemas.openxmlformats.org/package/2006/relationships"><Relationship Id="rId3" Type="http://schemas.openxmlformats.org/officeDocument/2006/relationships/hyperlink" Target="http://www.dohkenkyo.net/" TargetMode="External"/><Relationship Id="rId2" Type="http://schemas.openxmlformats.org/officeDocument/2006/relationships/image" Target="../media/image88.jpg"/><Relationship Id="rId1" Type="http://schemas.openxmlformats.org/officeDocument/2006/relationships/slideLayout" Target="../slideLayouts/slideLayout23.xml"/><Relationship Id="rId4" Type="http://schemas.openxmlformats.org/officeDocument/2006/relationships/image" Target="../media/image89.jpg"/></Relationships>
</file>

<file path=ppt/slides/_rels/slide38.xml.rels><?xml version="1.0" encoding="UTF-8" standalone="yes"?>
<Relationships xmlns="http://schemas.openxmlformats.org/package/2006/relationships"><Relationship Id="rId3" Type="http://schemas.openxmlformats.org/officeDocument/2006/relationships/image" Target="../media/image91.jpg"/><Relationship Id="rId2" Type="http://schemas.openxmlformats.org/officeDocument/2006/relationships/image" Target="../media/image90.jpg"/><Relationship Id="rId1" Type="http://schemas.openxmlformats.org/officeDocument/2006/relationships/slideLayout" Target="../slideLayouts/slideLayout23.xml"/><Relationship Id="rId5" Type="http://schemas.openxmlformats.org/officeDocument/2006/relationships/hyperlink" Target="http://www.wise.co.jp/tachographocr/" TargetMode="External"/><Relationship Id="rId4" Type="http://schemas.openxmlformats.org/officeDocument/2006/relationships/image" Target="../media/image92.jpg"/></Relationships>
</file>

<file path=ppt/slides/_rels/slide39.xml.rels><?xml version="1.0" encoding="UTF-8" standalone="yes"?>
<Relationships xmlns="http://schemas.openxmlformats.org/package/2006/relationships"><Relationship Id="rId3" Type="http://schemas.openxmlformats.org/officeDocument/2006/relationships/hyperlink" Target="http://www.agencysoft.co.jp/bridge/" TargetMode="External"/><Relationship Id="rId2" Type="http://schemas.openxmlformats.org/officeDocument/2006/relationships/image" Target="../media/image93.jpg"/><Relationship Id="rId1" Type="http://schemas.openxmlformats.org/officeDocument/2006/relationships/slideLayout" Target="../slideLayouts/slideLayout23.xml"/><Relationship Id="rId5" Type="http://schemas.openxmlformats.org/officeDocument/2006/relationships/image" Target="../media/image95.jpg"/><Relationship Id="rId4" Type="http://schemas.openxmlformats.org/officeDocument/2006/relationships/image" Target="../media/image94.jp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40.xml.rels><?xml version="1.0" encoding="UTF-8" standalone="yes"?>
<Relationships xmlns="http://schemas.openxmlformats.org/package/2006/relationships"><Relationship Id="rId3" Type="http://schemas.openxmlformats.org/officeDocument/2006/relationships/hyperlink" Target="http://www.mlit.go.jp/road/tech/pdf/ca" TargetMode="External"/><Relationship Id="rId2" Type="http://schemas.openxmlformats.org/officeDocument/2006/relationships/hyperlink" Target="http://www.aisin.com/jp/news/2023/005858.html" TargetMode="External"/><Relationship Id="rId1" Type="http://schemas.openxmlformats.org/officeDocument/2006/relationships/slideLayout" Target="../slideLayouts/slideLayout23.xml"/><Relationship Id="rId6" Type="http://schemas.openxmlformats.org/officeDocument/2006/relationships/image" Target="../media/image98.png"/><Relationship Id="rId5" Type="http://schemas.openxmlformats.org/officeDocument/2006/relationships/image" Target="../media/image97.jpg"/><Relationship Id="rId4" Type="http://schemas.openxmlformats.org/officeDocument/2006/relationships/image" Target="../media/image96.jpg"/></Relationships>
</file>

<file path=ppt/slides/_rels/slide41.xml.rels><?xml version="1.0" encoding="UTF-8" standalone="yes"?>
<Relationships xmlns="http://schemas.openxmlformats.org/package/2006/relationships"><Relationship Id="rId8" Type="http://schemas.openxmlformats.org/officeDocument/2006/relationships/image" Target="../media/image103.jpg"/><Relationship Id="rId3" Type="http://schemas.openxmlformats.org/officeDocument/2006/relationships/image" Target="../media/image99.png"/><Relationship Id="rId7" Type="http://schemas.openxmlformats.org/officeDocument/2006/relationships/image" Target="../media/image102.jpg"/><Relationship Id="rId2" Type="http://schemas.openxmlformats.org/officeDocument/2006/relationships/image" Target="../media/image80.png"/><Relationship Id="rId1" Type="http://schemas.openxmlformats.org/officeDocument/2006/relationships/slideLayout" Target="../slideLayouts/slideLayout23.xml"/><Relationship Id="rId6" Type="http://schemas.openxmlformats.org/officeDocument/2006/relationships/hyperlink" Target="http://www.pix4d.com/jp/product/pix4dcatch/" TargetMode="External"/><Relationship Id="rId5" Type="http://schemas.openxmlformats.org/officeDocument/2006/relationships/image" Target="../media/image101.png"/><Relationship Id="rId4" Type="http://schemas.openxmlformats.org/officeDocument/2006/relationships/image" Target="../media/image100.jpg"/><Relationship Id="rId9" Type="http://schemas.openxmlformats.org/officeDocument/2006/relationships/hyperlink" Target="http://www.jip-ts.co.jp/product_service/chojuro_bg/" TargetMode="External"/></Relationships>
</file>

<file path=ppt/slides/_rels/slide42.xml.rels><?xml version="1.0" encoding="UTF-8" standalone="yes"?>
<Relationships xmlns="http://schemas.openxmlformats.org/package/2006/relationships"><Relationship Id="rId3" Type="http://schemas.openxmlformats.org/officeDocument/2006/relationships/image" Target="../media/image104.jpg"/><Relationship Id="rId7" Type="http://schemas.openxmlformats.org/officeDocument/2006/relationships/image" Target="../media/image106.jpg"/><Relationship Id="rId2" Type="http://schemas.openxmlformats.org/officeDocument/2006/relationships/hyperlink" Target="http://www.thr.mlit.go.jp/Bumon/B" TargetMode="External"/><Relationship Id="rId1" Type="http://schemas.openxmlformats.org/officeDocument/2006/relationships/slideLayout" Target="../slideLayouts/slideLayout23.xml"/><Relationship Id="rId6" Type="http://schemas.openxmlformats.org/officeDocument/2006/relationships/image" Target="../media/image105.jpg"/><Relationship Id="rId5" Type="http://schemas.openxmlformats.org/officeDocument/2006/relationships/hyperlink" Target="http://www.dohkenkyo.net/pavement/m" TargetMode="External"/><Relationship Id="rId4" Type="http://schemas.openxmlformats.org/officeDocument/2006/relationships/hyperlink" Target="http://www.netis.mlit.go.jp/ne" TargetMode="External"/></Relationships>
</file>

<file path=ppt/slides/_rels/slide43.xml.rels><?xml version="1.0" encoding="UTF-8" standalone="yes"?>
<Relationships xmlns="http://schemas.openxmlformats.org/package/2006/relationships"><Relationship Id="rId3" Type="http://schemas.openxmlformats.org/officeDocument/2006/relationships/image" Target="../media/image108.jpg"/><Relationship Id="rId2" Type="http://schemas.openxmlformats.org/officeDocument/2006/relationships/image" Target="../media/image107.jpg"/><Relationship Id="rId1" Type="http://schemas.openxmlformats.org/officeDocument/2006/relationships/slideLayout" Target="../slideLayouts/slideLayout23.xml"/><Relationship Id="rId6" Type="http://schemas.openxmlformats.org/officeDocument/2006/relationships/hyperlink" Target="http://www.netis.mlit.go.jp/netis/pubse" TargetMode="External"/><Relationship Id="rId5" Type="http://schemas.openxmlformats.org/officeDocument/2006/relationships/image" Target="../media/image109.jpg"/><Relationship Id="rId4" Type="http://schemas.openxmlformats.org/officeDocument/2006/relationships/hyperlink" Target="http://www.mlit.go.jp/report/press/co" TargetMode="External"/></Relationships>
</file>

<file path=ppt/slides/_rels/slide44.xml.rels><?xml version="1.0" encoding="UTF-8" standalone="yes"?>
<Relationships xmlns="http://schemas.openxmlformats.org/package/2006/relationships"><Relationship Id="rId3" Type="http://schemas.openxmlformats.org/officeDocument/2006/relationships/image" Target="../media/image111.jpg"/><Relationship Id="rId2" Type="http://schemas.openxmlformats.org/officeDocument/2006/relationships/image" Target="../media/image110.jpg"/><Relationship Id="rId1" Type="http://schemas.openxmlformats.org/officeDocument/2006/relationships/slideLayout" Target="../slideLayouts/slideLayout23.xml"/></Relationships>
</file>

<file path=ppt/slides/_rels/slide45.xml.rels><?xml version="1.0" encoding="UTF-8" standalone="yes"?>
<Relationships xmlns="http://schemas.openxmlformats.org/package/2006/relationships"><Relationship Id="rId2" Type="http://schemas.openxmlformats.org/officeDocument/2006/relationships/image" Target="../media/image112.jpg"/><Relationship Id="rId1" Type="http://schemas.openxmlformats.org/officeDocument/2006/relationships/slideLayout" Target="../slideLayouts/slideLayout23.xml"/></Relationships>
</file>

<file path=ppt/slides/_rels/slide46.xml.rels><?xml version="1.0" encoding="UTF-8" standalone="yes"?>
<Relationships xmlns="http://schemas.openxmlformats.org/package/2006/relationships"><Relationship Id="rId3" Type="http://schemas.openxmlformats.org/officeDocument/2006/relationships/image" Target="../media/image113.jpg"/><Relationship Id="rId2" Type="http://schemas.openxmlformats.org/officeDocument/2006/relationships/hyperlink" Target="http://www.fujifilm.com/jp/ja/business/inspection/infraservice/hibimikke" TargetMode="External"/><Relationship Id="rId1" Type="http://schemas.openxmlformats.org/officeDocument/2006/relationships/slideLayout" Target="../slideLayouts/slideLayout23.xml"/></Relationships>
</file>

<file path=ppt/slides/_rels/slide47.xml.rels><?xml version="1.0" encoding="UTF-8" standalone="yes"?>
<Relationships xmlns="http://schemas.openxmlformats.org/package/2006/relationships"><Relationship Id="rId3" Type="http://schemas.openxmlformats.org/officeDocument/2006/relationships/hyperlink" Target="http://www.symmetry-digitaltwin.com/" TargetMode="External"/><Relationship Id="rId2" Type="http://schemas.openxmlformats.org/officeDocument/2006/relationships/image" Target="../media/image114.jpg"/><Relationship Id="rId1" Type="http://schemas.openxmlformats.org/officeDocument/2006/relationships/slideLayout" Target="../slideLayouts/slideLayout23.xml"/><Relationship Id="rId5" Type="http://schemas.openxmlformats.org/officeDocument/2006/relationships/image" Target="../media/image116.jpg"/><Relationship Id="rId4" Type="http://schemas.openxmlformats.org/officeDocument/2006/relationships/image" Target="../media/image115.jpg"/></Relationships>
</file>

<file path=ppt/slides/_rels/slide48.xml.rels><?xml version="1.0" encoding="UTF-8" standalone="yes"?>
<Relationships xmlns="http://schemas.openxmlformats.org/package/2006/relationships"><Relationship Id="rId3" Type="http://schemas.openxmlformats.org/officeDocument/2006/relationships/image" Target="../media/image118.png"/><Relationship Id="rId2" Type="http://schemas.openxmlformats.org/officeDocument/2006/relationships/image" Target="../media/image117.png"/><Relationship Id="rId1" Type="http://schemas.openxmlformats.org/officeDocument/2006/relationships/slideLayout" Target="../slideLayouts/slideLayout23.xml"/><Relationship Id="rId6" Type="http://schemas.openxmlformats.org/officeDocument/2006/relationships/image" Target="../media/image121.png"/><Relationship Id="rId5" Type="http://schemas.openxmlformats.org/officeDocument/2006/relationships/image" Target="../media/image120.png"/><Relationship Id="rId4" Type="http://schemas.openxmlformats.org/officeDocument/2006/relationships/image" Target="../media/image119.png"/></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5.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28.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3.xml"/></Relationships>
</file>

<file path=ppt/slides/_rels/slide51.xml.rels><?xml version="1.0" encoding="UTF-8" standalone="yes"?>
<Relationships xmlns="http://schemas.openxmlformats.org/package/2006/relationships"><Relationship Id="rId3" Type="http://schemas.openxmlformats.org/officeDocument/2006/relationships/image" Target="../media/image123.png"/><Relationship Id="rId2" Type="http://schemas.openxmlformats.org/officeDocument/2006/relationships/image" Target="../media/image122.png"/><Relationship Id="rId1" Type="http://schemas.openxmlformats.org/officeDocument/2006/relationships/slideLayout" Target="../slideLayouts/slideLayout23.xml"/><Relationship Id="rId5" Type="http://schemas.openxmlformats.org/officeDocument/2006/relationships/image" Target="../media/image125.jpg"/><Relationship Id="rId4" Type="http://schemas.openxmlformats.org/officeDocument/2006/relationships/image" Target="../media/image124.png"/></Relationships>
</file>

<file path=ppt/slides/_rels/slide52.xml.rels><?xml version="1.0" encoding="UTF-8" standalone="yes"?>
<Relationships xmlns="http://schemas.openxmlformats.org/package/2006/relationships"><Relationship Id="rId2" Type="http://schemas.openxmlformats.org/officeDocument/2006/relationships/image" Target="../media/image126.jpg"/><Relationship Id="rId1" Type="http://schemas.openxmlformats.org/officeDocument/2006/relationships/slideLayout" Target="../slideLayouts/slideLayout23.xml"/></Relationships>
</file>

<file path=ppt/slides/_rels/slide53.xml.rels><?xml version="1.0" encoding="UTF-8" standalone="yes"?>
<Relationships xmlns="http://schemas.openxmlformats.org/package/2006/relationships"><Relationship Id="rId3" Type="http://schemas.openxmlformats.org/officeDocument/2006/relationships/image" Target="../media/image128.jpg"/><Relationship Id="rId2" Type="http://schemas.openxmlformats.org/officeDocument/2006/relationships/image" Target="../media/image127.jpg"/><Relationship Id="rId1" Type="http://schemas.openxmlformats.org/officeDocument/2006/relationships/slideLayout" Target="../slideLayouts/slideLayout23.xml"/></Relationships>
</file>

<file path=ppt/slides/_rels/slide54.xml.rels><?xml version="1.0" encoding="UTF-8" standalone="yes"?>
<Relationships xmlns="http://schemas.openxmlformats.org/package/2006/relationships"><Relationship Id="rId3" Type="http://schemas.openxmlformats.org/officeDocument/2006/relationships/image" Target="../media/image130.png"/><Relationship Id="rId2" Type="http://schemas.openxmlformats.org/officeDocument/2006/relationships/image" Target="../media/image129.png"/><Relationship Id="rId1" Type="http://schemas.openxmlformats.org/officeDocument/2006/relationships/slideLayout" Target="../slideLayouts/slideLayout23.xml"/><Relationship Id="rId6" Type="http://schemas.openxmlformats.org/officeDocument/2006/relationships/image" Target="../media/image131.jpg"/><Relationship Id="rId5" Type="http://schemas.openxmlformats.org/officeDocument/2006/relationships/hyperlink" Target="http://www.ccus.jp/p/about" TargetMode="External"/><Relationship Id="rId4" Type="http://schemas.openxmlformats.org/officeDocument/2006/relationships/image" Target="../media/image121.png"/></Relationships>
</file>

<file path=ppt/slides/_rels/slide55.xml.rels><?xml version="1.0" encoding="UTF-8" standalone="yes"?>
<Relationships xmlns="http://schemas.openxmlformats.org/package/2006/relationships"><Relationship Id="rId3" Type="http://schemas.openxmlformats.org/officeDocument/2006/relationships/image" Target="../media/image133.jpg"/><Relationship Id="rId2" Type="http://schemas.openxmlformats.org/officeDocument/2006/relationships/image" Target="../media/image132.jpg"/><Relationship Id="rId1" Type="http://schemas.openxmlformats.org/officeDocument/2006/relationships/slideLayout" Target="../slideLayouts/slideLayout23.xml"/></Relationships>
</file>

<file path=ppt/slides/_rels/slide56.xml.rels><?xml version="1.0" encoding="UTF-8" standalone="yes"?>
<Relationships xmlns="http://schemas.openxmlformats.org/package/2006/relationships"><Relationship Id="rId8" Type="http://schemas.openxmlformats.org/officeDocument/2006/relationships/image" Target="../media/image140.jpg"/><Relationship Id="rId13" Type="http://schemas.openxmlformats.org/officeDocument/2006/relationships/image" Target="../media/image145.jpg"/><Relationship Id="rId3" Type="http://schemas.openxmlformats.org/officeDocument/2006/relationships/image" Target="../media/image135.jpg"/><Relationship Id="rId7" Type="http://schemas.openxmlformats.org/officeDocument/2006/relationships/image" Target="../media/image139.jpg"/><Relationship Id="rId12" Type="http://schemas.openxmlformats.org/officeDocument/2006/relationships/image" Target="../media/image144.jpg"/><Relationship Id="rId2" Type="http://schemas.openxmlformats.org/officeDocument/2006/relationships/image" Target="../media/image134.jpg"/><Relationship Id="rId1" Type="http://schemas.openxmlformats.org/officeDocument/2006/relationships/slideLayout" Target="../slideLayouts/slideLayout23.xml"/><Relationship Id="rId6" Type="http://schemas.openxmlformats.org/officeDocument/2006/relationships/image" Target="../media/image138.jpg"/><Relationship Id="rId11" Type="http://schemas.openxmlformats.org/officeDocument/2006/relationships/image" Target="../media/image143.jpg"/><Relationship Id="rId5" Type="http://schemas.openxmlformats.org/officeDocument/2006/relationships/image" Target="../media/image137.jpg"/><Relationship Id="rId15" Type="http://schemas.openxmlformats.org/officeDocument/2006/relationships/image" Target="../media/image147.jpg"/><Relationship Id="rId10" Type="http://schemas.openxmlformats.org/officeDocument/2006/relationships/image" Target="../media/image142.jpg"/><Relationship Id="rId4" Type="http://schemas.openxmlformats.org/officeDocument/2006/relationships/image" Target="../media/image136.jpg"/><Relationship Id="rId9" Type="http://schemas.openxmlformats.org/officeDocument/2006/relationships/image" Target="../media/image141.jpg"/><Relationship Id="rId14" Type="http://schemas.openxmlformats.org/officeDocument/2006/relationships/image" Target="../media/image146.jpg"/></Relationships>
</file>

<file path=ppt/slides/_rels/slide57.xml.rels><?xml version="1.0" encoding="UTF-8" standalone="yes"?>
<Relationships xmlns="http://schemas.openxmlformats.org/package/2006/relationships"><Relationship Id="rId8" Type="http://schemas.openxmlformats.org/officeDocument/2006/relationships/image" Target="../media/image140.jpg"/><Relationship Id="rId13" Type="http://schemas.openxmlformats.org/officeDocument/2006/relationships/image" Target="../media/image145.jpg"/><Relationship Id="rId3" Type="http://schemas.openxmlformats.org/officeDocument/2006/relationships/image" Target="../media/image135.jpg"/><Relationship Id="rId7" Type="http://schemas.openxmlformats.org/officeDocument/2006/relationships/image" Target="../media/image139.jpg"/><Relationship Id="rId12" Type="http://schemas.openxmlformats.org/officeDocument/2006/relationships/image" Target="../media/image144.jpg"/><Relationship Id="rId2" Type="http://schemas.openxmlformats.org/officeDocument/2006/relationships/image" Target="../media/image134.jpg"/><Relationship Id="rId1" Type="http://schemas.openxmlformats.org/officeDocument/2006/relationships/slideLayout" Target="../slideLayouts/slideLayout23.xml"/><Relationship Id="rId6" Type="http://schemas.openxmlformats.org/officeDocument/2006/relationships/image" Target="../media/image138.jpg"/><Relationship Id="rId11" Type="http://schemas.openxmlformats.org/officeDocument/2006/relationships/image" Target="../media/image143.jpg"/><Relationship Id="rId5" Type="http://schemas.openxmlformats.org/officeDocument/2006/relationships/image" Target="../media/image137.jpg"/><Relationship Id="rId15" Type="http://schemas.openxmlformats.org/officeDocument/2006/relationships/image" Target="../media/image147.jpg"/><Relationship Id="rId10" Type="http://schemas.openxmlformats.org/officeDocument/2006/relationships/image" Target="../media/image142.jpg"/><Relationship Id="rId4" Type="http://schemas.openxmlformats.org/officeDocument/2006/relationships/image" Target="../media/image136.jpg"/><Relationship Id="rId9" Type="http://schemas.openxmlformats.org/officeDocument/2006/relationships/image" Target="../media/image141.jpg"/><Relationship Id="rId14" Type="http://schemas.openxmlformats.org/officeDocument/2006/relationships/image" Target="../media/image146.jpg"/></Relationships>
</file>

<file path=ppt/slides/_rels/slide58.xml.rels><?xml version="1.0" encoding="UTF-8" standalone="yes"?>
<Relationships xmlns="http://schemas.openxmlformats.org/package/2006/relationships"><Relationship Id="rId3" Type="http://schemas.openxmlformats.org/officeDocument/2006/relationships/image" Target="../media/image149.jpg"/><Relationship Id="rId2" Type="http://schemas.openxmlformats.org/officeDocument/2006/relationships/image" Target="../media/image148.jpg"/><Relationship Id="rId1" Type="http://schemas.openxmlformats.org/officeDocument/2006/relationships/slideLayout" Target="../slideLayouts/slideLayout23.xml"/></Relationships>
</file>

<file path=ppt/slides/_rels/slide59.xml.rels><?xml version="1.0" encoding="UTF-8" standalone="yes"?>
<Relationships xmlns="http://schemas.openxmlformats.org/package/2006/relationships"><Relationship Id="rId3" Type="http://schemas.openxmlformats.org/officeDocument/2006/relationships/image" Target="../media/image151.jpg"/><Relationship Id="rId2" Type="http://schemas.openxmlformats.org/officeDocument/2006/relationships/image" Target="../media/image150.jpg"/><Relationship Id="rId1" Type="http://schemas.openxmlformats.org/officeDocument/2006/relationships/slideLayout" Target="../slideLayouts/slideLayout23.xml"/><Relationship Id="rId5" Type="http://schemas.openxmlformats.org/officeDocument/2006/relationships/image" Target="../media/image153.jpg"/><Relationship Id="rId4" Type="http://schemas.openxmlformats.org/officeDocument/2006/relationships/image" Target="../media/image152.jpg"/></Relationships>
</file>

<file path=ppt/slides/_rels/slide6.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20.xml"/></Relationships>
</file>

<file path=ppt/slides/_rels/slide60.xml.rels><?xml version="1.0" encoding="UTF-8" standalone="yes"?>
<Relationships xmlns="http://schemas.openxmlformats.org/package/2006/relationships"><Relationship Id="rId3" Type="http://schemas.openxmlformats.org/officeDocument/2006/relationships/image" Target="../media/image130.png"/><Relationship Id="rId2" Type="http://schemas.openxmlformats.org/officeDocument/2006/relationships/image" Target="../media/image154.png"/><Relationship Id="rId1" Type="http://schemas.openxmlformats.org/officeDocument/2006/relationships/slideLayout" Target="../slideLayouts/slideLayout23.xml"/><Relationship Id="rId6" Type="http://schemas.openxmlformats.org/officeDocument/2006/relationships/image" Target="../media/image121.png"/><Relationship Id="rId5" Type="http://schemas.openxmlformats.org/officeDocument/2006/relationships/image" Target="../media/image156.png"/><Relationship Id="rId4" Type="http://schemas.openxmlformats.org/officeDocument/2006/relationships/image" Target="../media/image155.png"/></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30.xml"/></Relationships>
</file>

<file path=ppt/slides/_rels/slide62.xml.rels><?xml version="1.0" encoding="UTF-8" standalone="yes"?>
<Relationships xmlns="http://schemas.openxmlformats.org/package/2006/relationships"><Relationship Id="rId3" Type="http://schemas.openxmlformats.org/officeDocument/2006/relationships/image" Target="../media/image158.jpg"/><Relationship Id="rId2" Type="http://schemas.openxmlformats.org/officeDocument/2006/relationships/image" Target="../media/image157.png"/><Relationship Id="rId1" Type="http://schemas.openxmlformats.org/officeDocument/2006/relationships/slideLayout" Target="../slideLayouts/slideLayout29.xml"/></Relationships>
</file>

<file path=ppt/slides/_rels/slide63.xml.rels><?xml version="1.0" encoding="UTF-8" standalone="yes"?>
<Relationships xmlns="http://schemas.openxmlformats.org/package/2006/relationships"><Relationship Id="rId8" Type="http://schemas.openxmlformats.org/officeDocument/2006/relationships/image" Target="../media/image165.png"/><Relationship Id="rId3" Type="http://schemas.openxmlformats.org/officeDocument/2006/relationships/image" Target="../media/image160.png"/><Relationship Id="rId7" Type="http://schemas.openxmlformats.org/officeDocument/2006/relationships/image" Target="../media/image164.png"/><Relationship Id="rId2" Type="http://schemas.openxmlformats.org/officeDocument/2006/relationships/image" Target="../media/image159.png"/><Relationship Id="rId1" Type="http://schemas.openxmlformats.org/officeDocument/2006/relationships/slideLayout" Target="../slideLayouts/slideLayout23.xml"/><Relationship Id="rId6" Type="http://schemas.openxmlformats.org/officeDocument/2006/relationships/image" Target="../media/image163.png"/><Relationship Id="rId5" Type="http://schemas.openxmlformats.org/officeDocument/2006/relationships/image" Target="../media/image162.png"/><Relationship Id="rId10" Type="http://schemas.openxmlformats.org/officeDocument/2006/relationships/image" Target="../media/image167.jpg"/><Relationship Id="rId4" Type="http://schemas.openxmlformats.org/officeDocument/2006/relationships/image" Target="../media/image161.png"/><Relationship Id="rId9" Type="http://schemas.openxmlformats.org/officeDocument/2006/relationships/image" Target="../media/image166.jpg"/></Relationships>
</file>

<file path=ppt/slides/_rels/slide64.xml.rels><?xml version="1.0" encoding="UTF-8" standalone="yes"?>
<Relationships xmlns="http://schemas.openxmlformats.org/package/2006/relationships"><Relationship Id="rId8" Type="http://schemas.openxmlformats.org/officeDocument/2006/relationships/image" Target="../media/image174.png"/><Relationship Id="rId13" Type="http://schemas.openxmlformats.org/officeDocument/2006/relationships/image" Target="../media/image179.png"/><Relationship Id="rId18" Type="http://schemas.openxmlformats.org/officeDocument/2006/relationships/image" Target="../media/image184.png"/><Relationship Id="rId26" Type="http://schemas.openxmlformats.org/officeDocument/2006/relationships/image" Target="../media/image192.png"/><Relationship Id="rId39" Type="http://schemas.openxmlformats.org/officeDocument/2006/relationships/image" Target="../media/image205.png"/><Relationship Id="rId3" Type="http://schemas.openxmlformats.org/officeDocument/2006/relationships/image" Target="../media/image169.png"/><Relationship Id="rId21" Type="http://schemas.openxmlformats.org/officeDocument/2006/relationships/image" Target="../media/image187.png"/><Relationship Id="rId34" Type="http://schemas.openxmlformats.org/officeDocument/2006/relationships/image" Target="../media/image200.png"/><Relationship Id="rId42" Type="http://schemas.openxmlformats.org/officeDocument/2006/relationships/image" Target="../media/image208.png"/><Relationship Id="rId47" Type="http://schemas.openxmlformats.org/officeDocument/2006/relationships/image" Target="../media/image213.png"/><Relationship Id="rId7" Type="http://schemas.openxmlformats.org/officeDocument/2006/relationships/image" Target="../media/image173.png"/><Relationship Id="rId12" Type="http://schemas.openxmlformats.org/officeDocument/2006/relationships/image" Target="../media/image178.png"/><Relationship Id="rId17" Type="http://schemas.openxmlformats.org/officeDocument/2006/relationships/image" Target="../media/image183.png"/><Relationship Id="rId25" Type="http://schemas.openxmlformats.org/officeDocument/2006/relationships/image" Target="../media/image191.png"/><Relationship Id="rId33" Type="http://schemas.openxmlformats.org/officeDocument/2006/relationships/image" Target="../media/image199.png"/><Relationship Id="rId38" Type="http://schemas.openxmlformats.org/officeDocument/2006/relationships/image" Target="../media/image204.png"/><Relationship Id="rId46" Type="http://schemas.openxmlformats.org/officeDocument/2006/relationships/image" Target="../media/image212.png"/><Relationship Id="rId2" Type="http://schemas.openxmlformats.org/officeDocument/2006/relationships/image" Target="../media/image168.png"/><Relationship Id="rId16" Type="http://schemas.openxmlformats.org/officeDocument/2006/relationships/image" Target="../media/image182.png"/><Relationship Id="rId20" Type="http://schemas.openxmlformats.org/officeDocument/2006/relationships/image" Target="../media/image186.png"/><Relationship Id="rId29" Type="http://schemas.openxmlformats.org/officeDocument/2006/relationships/image" Target="../media/image195.png"/><Relationship Id="rId41" Type="http://schemas.openxmlformats.org/officeDocument/2006/relationships/image" Target="../media/image207.png"/><Relationship Id="rId1" Type="http://schemas.openxmlformats.org/officeDocument/2006/relationships/slideLayout" Target="../slideLayouts/slideLayout29.xml"/><Relationship Id="rId6" Type="http://schemas.openxmlformats.org/officeDocument/2006/relationships/image" Target="../media/image172.png"/><Relationship Id="rId11" Type="http://schemas.openxmlformats.org/officeDocument/2006/relationships/image" Target="../media/image177.png"/><Relationship Id="rId24" Type="http://schemas.openxmlformats.org/officeDocument/2006/relationships/image" Target="../media/image190.png"/><Relationship Id="rId32" Type="http://schemas.openxmlformats.org/officeDocument/2006/relationships/image" Target="../media/image198.png"/><Relationship Id="rId37" Type="http://schemas.openxmlformats.org/officeDocument/2006/relationships/image" Target="../media/image203.png"/><Relationship Id="rId40" Type="http://schemas.openxmlformats.org/officeDocument/2006/relationships/image" Target="../media/image206.png"/><Relationship Id="rId45" Type="http://schemas.openxmlformats.org/officeDocument/2006/relationships/image" Target="../media/image211.png"/><Relationship Id="rId5" Type="http://schemas.openxmlformats.org/officeDocument/2006/relationships/image" Target="../media/image171.png"/><Relationship Id="rId15" Type="http://schemas.openxmlformats.org/officeDocument/2006/relationships/image" Target="../media/image181.png"/><Relationship Id="rId23" Type="http://schemas.openxmlformats.org/officeDocument/2006/relationships/image" Target="../media/image189.png"/><Relationship Id="rId28" Type="http://schemas.openxmlformats.org/officeDocument/2006/relationships/image" Target="../media/image194.png"/><Relationship Id="rId36" Type="http://schemas.openxmlformats.org/officeDocument/2006/relationships/image" Target="../media/image202.png"/><Relationship Id="rId10" Type="http://schemas.openxmlformats.org/officeDocument/2006/relationships/image" Target="../media/image176.png"/><Relationship Id="rId19" Type="http://schemas.openxmlformats.org/officeDocument/2006/relationships/image" Target="../media/image185.png"/><Relationship Id="rId31" Type="http://schemas.openxmlformats.org/officeDocument/2006/relationships/image" Target="../media/image197.png"/><Relationship Id="rId44" Type="http://schemas.openxmlformats.org/officeDocument/2006/relationships/image" Target="../media/image210.png"/><Relationship Id="rId4" Type="http://schemas.openxmlformats.org/officeDocument/2006/relationships/image" Target="../media/image170.png"/><Relationship Id="rId9" Type="http://schemas.openxmlformats.org/officeDocument/2006/relationships/image" Target="../media/image175.png"/><Relationship Id="rId14" Type="http://schemas.openxmlformats.org/officeDocument/2006/relationships/image" Target="../media/image180.png"/><Relationship Id="rId22" Type="http://schemas.openxmlformats.org/officeDocument/2006/relationships/image" Target="../media/image188.png"/><Relationship Id="rId27" Type="http://schemas.openxmlformats.org/officeDocument/2006/relationships/image" Target="../media/image193.png"/><Relationship Id="rId30" Type="http://schemas.openxmlformats.org/officeDocument/2006/relationships/image" Target="../media/image196.png"/><Relationship Id="rId35" Type="http://schemas.openxmlformats.org/officeDocument/2006/relationships/image" Target="../media/image201.png"/><Relationship Id="rId43" Type="http://schemas.openxmlformats.org/officeDocument/2006/relationships/image" Target="../media/image209.png"/><Relationship Id="rId48" Type="http://schemas.openxmlformats.org/officeDocument/2006/relationships/image" Target="../media/image214.png"/></Relationships>
</file>

<file path=ppt/slides/_rels/slide65.xml.rels><?xml version="1.0" encoding="UTF-8" standalone="yes"?>
<Relationships xmlns="http://schemas.openxmlformats.org/package/2006/relationships"><Relationship Id="rId3" Type="http://schemas.openxmlformats.org/officeDocument/2006/relationships/image" Target="../media/image216.png"/><Relationship Id="rId2" Type="http://schemas.openxmlformats.org/officeDocument/2006/relationships/image" Target="../media/image215.png"/><Relationship Id="rId1" Type="http://schemas.openxmlformats.org/officeDocument/2006/relationships/slideLayout" Target="../slideLayouts/slideLayout29.xml"/><Relationship Id="rId4" Type="http://schemas.openxmlformats.org/officeDocument/2006/relationships/image" Target="../media/image217.png"/></Relationships>
</file>

<file path=ppt/slides/_rels/slide66.xml.rels><?xml version="1.0" encoding="UTF-8" standalone="yes"?>
<Relationships xmlns="http://schemas.openxmlformats.org/package/2006/relationships"><Relationship Id="rId8" Type="http://schemas.openxmlformats.org/officeDocument/2006/relationships/image" Target="../media/image224.png"/><Relationship Id="rId13" Type="http://schemas.openxmlformats.org/officeDocument/2006/relationships/image" Target="../media/image229.png"/><Relationship Id="rId18" Type="http://schemas.openxmlformats.org/officeDocument/2006/relationships/image" Target="../media/image234.png"/><Relationship Id="rId3" Type="http://schemas.openxmlformats.org/officeDocument/2006/relationships/image" Target="../media/image219.png"/><Relationship Id="rId21" Type="http://schemas.openxmlformats.org/officeDocument/2006/relationships/image" Target="../media/image237.png"/><Relationship Id="rId7" Type="http://schemas.openxmlformats.org/officeDocument/2006/relationships/image" Target="../media/image223.jpg"/><Relationship Id="rId12" Type="http://schemas.openxmlformats.org/officeDocument/2006/relationships/image" Target="../media/image228.png"/><Relationship Id="rId17" Type="http://schemas.openxmlformats.org/officeDocument/2006/relationships/image" Target="../media/image233.png"/><Relationship Id="rId2" Type="http://schemas.openxmlformats.org/officeDocument/2006/relationships/image" Target="../media/image218.png"/><Relationship Id="rId16" Type="http://schemas.openxmlformats.org/officeDocument/2006/relationships/image" Target="../media/image232.png"/><Relationship Id="rId20" Type="http://schemas.openxmlformats.org/officeDocument/2006/relationships/image" Target="../media/image236.png"/><Relationship Id="rId1" Type="http://schemas.openxmlformats.org/officeDocument/2006/relationships/slideLayout" Target="../slideLayouts/slideLayout23.xml"/><Relationship Id="rId6" Type="http://schemas.openxmlformats.org/officeDocument/2006/relationships/image" Target="../media/image222.jpg"/><Relationship Id="rId11" Type="http://schemas.openxmlformats.org/officeDocument/2006/relationships/image" Target="../media/image227.png"/><Relationship Id="rId5" Type="http://schemas.openxmlformats.org/officeDocument/2006/relationships/image" Target="../media/image221.png"/><Relationship Id="rId15" Type="http://schemas.openxmlformats.org/officeDocument/2006/relationships/image" Target="../media/image231.png"/><Relationship Id="rId23" Type="http://schemas.openxmlformats.org/officeDocument/2006/relationships/image" Target="../media/image239.jpg"/><Relationship Id="rId10" Type="http://schemas.openxmlformats.org/officeDocument/2006/relationships/image" Target="../media/image226.png"/><Relationship Id="rId19" Type="http://schemas.openxmlformats.org/officeDocument/2006/relationships/image" Target="../media/image235.png"/><Relationship Id="rId4" Type="http://schemas.openxmlformats.org/officeDocument/2006/relationships/image" Target="../media/image220.png"/><Relationship Id="rId9" Type="http://schemas.openxmlformats.org/officeDocument/2006/relationships/image" Target="../media/image225.png"/><Relationship Id="rId14" Type="http://schemas.openxmlformats.org/officeDocument/2006/relationships/image" Target="../media/image230.png"/><Relationship Id="rId22" Type="http://schemas.openxmlformats.org/officeDocument/2006/relationships/image" Target="../media/image238.png"/></Relationships>
</file>

<file path=ppt/slides/_rels/slide67.xml.rels><?xml version="1.0" encoding="UTF-8" standalone="yes"?>
<Relationships xmlns="http://schemas.openxmlformats.org/package/2006/relationships"><Relationship Id="rId8" Type="http://schemas.openxmlformats.org/officeDocument/2006/relationships/image" Target="../media/image244.jpg"/><Relationship Id="rId13" Type="http://schemas.openxmlformats.org/officeDocument/2006/relationships/image" Target="../media/image249.jpg"/><Relationship Id="rId3" Type="http://schemas.openxmlformats.org/officeDocument/2006/relationships/image" Target="../media/image219.png"/><Relationship Id="rId7" Type="http://schemas.openxmlformats.org/officeDocument/2006/relationships/image" Target="../media/image243.png"/><Relationship Id="rId12" Type="http://schemas.openxmlformats.org/officeDocument/2006/relationships/image" Target="../media/image248.png"/><Relationship Id="rId2" Type="http://schemas.openxmlformats.org/officeDocument/2006/relationships/image" Target="../media/image218.png"/><Relationship Id="rId1" Type="http://schemas.openxmlformats.org/officeDocument/2006/relationships/slideLayout" Target="../slideLayouts/slideLayout23.xml"/><Relationship Id="rId6" Type="http://schemas.openxmlformats.org/officeDocument/2006/relationships/image" Target="../media/image242.jpg"/><Relationship Id="rId11" Type="http://schemas.openxmlformats.org/officeDocument/2006/relationships/image" Target="../media/image247.png"/><Relationship Id="rId5" Type="http://schemas.openxmlformats.org/officeDocument/2006/relationships/image" Target="../media/image241.jpg"/><Relationship Id="rId15" Type="http://schemas.openxmlformats.org/officeDocument/2006/relationships/image" Target="../media/image251.jpg"/><Relationship Id="rId10" Type="http://schemas.openxmlformats.org/officeDocument/2006/relationships/image" Target="../media/image246.jpg"/><Relationship Id="rId4" Type="http://schemas.openxmlformats.org/officeDocument/2006/relationships/image" Target="../media/image240.png"/><Relationship Id="rId9" Type="http://schemas.openxmlformats.org/officeDocument/2006/relationships/image" Target="../media/image245.jpg"/><Relationship Id="rId14" Type="http://schemas.openxmlformats.org/officeDocument/2006/relationships/image" Target="../media/image250.jpg"/></Relationships>
</file>

<file path=ppt/slides/_rels/slide68.xml.rels><?xml version="1.0" encoding="UTF-8" standalone="yes"?>
<Relationships xmlns="http://schemas.openxmlformats.org/package/2006/relationships"><Relationship Id="rId13" Type="http://schemas.openxmlformats.org/officeDocument/2006/relationships/image" Target="../media/image261.png"/><Relationship Id="rId18" Type="http://schemas.openxmlformats.org/officeDocument/2006/relationships/image" Target="../media/image266.png"/><Relationship Id="rId26" Type="http://schemas.openxmlformats.org/officeDocument/2006/relationships/image" Target="../media/image274.png"/><Relationship Id="rId39" Type="http://schemas.openxmlformats.org/officeDocument/2006/relationships/image" Target="../media/image287.png"/><Relationship Id="rId3" Type="http://schemas.openxmlformats.org/officeDocument/2006/relationships/image" Target="../media/image219.png"/><Relationship Id="rId21" Type="http://schemas.openxmlformats.org/officeDocument/2006/relationships/image" Target="../media/image269.png"/><Relationship Id="rId34" Type="http://schemas.openxmlformats.org/officeDocument/2006/relationships/image" Target="../media/image282.png"/><Relationship Id="rId42" Type="http://schemas.openxmlformats.org/officeDocument/2006/relationships/image" Target="../media/image290.png"/><Relationship Id="rId47" Type="http://schemas.openxmlformats.org/officeDocument/2006/relationships/image" Target="../media/image295.png"/><Relationship Id="rId50" Type="http://schemas.openxmlformats.org/officeDocument/2006/relationships/image" Target="../media/image298.png"/><Relationship Id="rId7" Type="http://schemas.openxmlformats.org/officeDocument/2006/relationships/image" Target="../media/image255.png"/><Relationship Id="rId12" Type="http://schemas.openxmlformats.org/officeDocument/2006/relationships/image" Target="../media/image260.png"/><Relationship Id="rId17" Type="http://schemas.openxmlformats.org/officeDocument/2006/relationships/image" Target="../media/image265.png"/><Relationship Id="rId25" Type="http://schemas.openxmlformats.org/officeDocument/2006/relationships/image" Target="../media/image273.png"/><Relationship Id="rId33" Type="http://schemas.openxmlformats.org/officeDocument/2006/relationships/image" Target="../media/image281.png"/><Relationship Id="rId38" Type="http://schemas.openxmlformats.org/officeDocument/2006/relationships/image" Target="../media/image286.png"/><Relationship Id="rId46" Type="http://schemas.openxmlformats.org/officeDocument/2006/relationships/image" Target="../media/image294.png"/><Relationship Id="rId2" Type="http://schemas.openxmlformats.org/officeDocument/2006/relationships/image" Target="../media/image218.png"/><Relationship Id="rId16" Type="http://schemas.openxmlformats.org/officeDocument/2006/relationships/image" Target="../media/image264.png"/><Relationship Id="rId20" Type="http://schemas.openxmlformats.org/officeDocument/2006/relationships/image" Target="../media/image268.png"/><Relationship Id="rId29" Type="http://schemas.openxmlformats.org/officeDocument/2006/relationships/image" Target="../media/image277.png"/><Relationship Id="rId41" Type="http://schemas.openxmlformats.org/officeDocument/2006/relationships/image" Target="../media/image289.png"/><Relationship Id="rId1" Type="http://schemas.openxmlformats.org/officeDocument/2006/relationships/slideLayout" Target="../slideLayouts/slideLayout23.xml"/><Relationship Id="rId6" Type="http://schemas.openxmlformats.org/officeDocument/2006/relationships/image" Target="../media/image254.png"/><Relationship Id="rId11" Type="http://schemas.openxmlformats.org/officeDocument/2006/relationships/image" Target="../media/image259.png"/><Relationship Id="rId24" Type="http://schemas.openxmlformats.org/officeDocument/2006/relationships/image" Target="../media/image272.png"/><Relationship Id="rId32" Type="http://schemas.openxmlformats.org/officeDocument/2006/relationships/image" Target="../media/image280.png"/><Relationship Id="rId37" Type="http://schemas.openxmlformats.org/officeDocument/2006/relationships/image" Target="../media/image285.png"/><Relationship Id="rId40" Type="http://schemas.openxmlformats.org/officeDocument/2006/relationships/image" Target="../media/image288.png"/><Relationship Id="rId45" Type="http://schemas.openxmlformats.org/officeDocument/2006/relationships/image" Target="../media/image293.png"/><Relationship Id="rId5" Type="http://schemas.openxmlformats.org/officeDocument/2006/relationships/image" Target="../media/image253.png"/><Relationship Id="rId15" Type="http://schemas.openxmlformats.org/officeDocument/2006/relationships/image" Target="../media/image263.png"/><Relationship Id="rId23" Type="http://schemas.openxmlformats.org/officeDocument/2006/relationships/image" Target="../media/image271.png"/><Relationship Id="rId28" Type="http://schemas.openxmlformats.org/officeDocument/2006/relationships/image" Target="../media/image276.png"/><Relationship Id="rId36" Type="http://schemas.openxmlformats.org/officeDocument/2006/relationships/image" Target="../media/image284.png"/><Relationship Id="rId49" Type="http://schemas.openxmlformats.org/officeDocument/2006/relationships/image" Target="../media/image297.png"/><Relationship Id="rId10" Type="http://schemas.openxmlformats.org/officeDocument/2006/relationships/image" Target="../media/image258.png"/><Relationship Id="rId19" Type="http://schemas.openxmlformats.org/officeDocument/2006/relationships/image" Target="../media/image267.png"/><Relationship Id="rId31" Type="http://schemas.openxmlformats.org/officeDocument/2006/relationships/image" Target="../media/image279.png"/><Relationship Id="rId44" Type="http://schemas.openxmlformats.org/officeDocument/2006/relationships/image" Target="../media/image292.png"/><Relationship Id="rId52" Type="http://schemas.openxmlformats.org/officeDocument/2006/relationships/image" Target="../media/image300.jpg"/><Relationship Id="rId4" Type="http://schemas.openxmlformats.org/officeDocument/2006/relationships/image" Target="../media/image252.png"/><Relationship Id="rId9" Type="http://schemas.openxmlformats.org/officeDocument/2006/relationships/image" Target="../media/image257.png"/><Relationship Id="rId14" Type="http://schemas.openxmlformats.org/officeDocument/2006/relationships/image" Target="../media/image262.png"/><Relationship Id="rId22" Type="http://schemas.openxmlformats.org/officeDocument/2006/relationships/image" Target="../media/image270.png"/><Relationship Id="rId27" Type="http://schemas.openxmlformats.org/officeDocument/2006/relationships/image" Target="../media/image275.png"/><Relationship Id="rId30" Type="http://schemas.openxmlformats.org/officeDocument/2006/relationships/image" Target="../media/image278.png"/><Relationship Id="rId35" Type="http://schemas.openxmlformats.org/officeDocument/2006/relationships/image" Target="../media/image283.png"/><Relationship Id="rId43" Type="http://schemas.openxmlformats.org/officeDocument/2006/relationships/image" Target="../media/image291.png"/><Relationship Id="rId48" Type="http://schemas.openxmlformats.org/officeDocument/2006/relationships/image" Target="../media/image296.png"/><Relationship Id="rId8" Type="http://schemas.openxmlformats.org/officeDocument/2006/relationships/image" Target="../media/image256.png"/><Relationship Id="rId51" Type="http://schemas.openxmlformats.org/officeDocument/2006/relationships/image" Target="../media/image299.png"/></Relationships>
</file>

<file path=ppt/slides/_rels/slide69.xml.rels><?xml version="1.0" encoding="UTF-8" standalone="yes"?>
<Relationships xmlns="http://schemas.openxmlformats.org/package/2006/relationships"><Relationship Id="rId8" Type="http://schemas.openxmlformats.org/officeDocument/2006/relationships/image" Target="../media/image306.png"/><Relationship Id="rId13" Type="http://schemas.openxmlformats.org/officeDocument/2006/relationships/image" Target="../media/image311.png"/><Relationship Id="rId18" Type="http://schemas.openxmlformats.org/officeDocument/2006/relationships/image" Target="../media/image316.png"/><Relationship Id="rId3" Type="http://schemas.openxmlformats.org/officeDocument/2006/relationships/image" Target="../media/image301.png"/><Relationship Id="rId21" Type="http://schemas.openxmlformats.org/officeDocument/2006/relationships/image" Target="../media/image319.png"/><Relationship Id="rId7" Type="http://schemas.openxmlformats.org/officeDocument/2006/relationships/image" Target="../media/image305.png"/><Relationship Id="rId12" Type="http://schemas.openxmlformats.org/officeDocument/2006/relationships/image" Target="../media/image310.png"/><Relationship Id="rId17" Type="http://schemas.openxmlformats.org/officeDocument/2006/relationships/image" Target="../media/image315.png"/><Relationship Id="rId2" Type="http://schemas.openxmlformats.org/officeDocument/2006/relationships/image" Target="../media/image168.png"/><Relationship Id="rId16" Type="http://schemas.openxmlformats.org/officeDocument/2006/relationships/image" Target="../media/image314.png"/><Relationship Id="rId20" Type="http://schemas.openxmlformats.org/officeDocument/2006/relationships/image" Target="../media/image318.png"/><Relationship Id="rId1" Type="http://schemas.openxmlformats.org/officeDocument/2006/relationships/slideLayout" Target="../slideLayouts/slideLayout29.xml"/><Relationship Id="rId6" Type="http://schemas.openxmlformats.org/officeDocument/2006/relationships/image" Target="../media/image304.png"/><Relationship Id="rId11" Type="http://schemas.openxmlformats.org/officeDocument/2006/relationships/image" Target="../media/image309.png"/><Relationship Id="rId5" Type="http://schemas.openxmlformats.org/officeDocument/2006/relationships/image" Target="../media/image303.png"/><Relationship Id="rId15" Type="http://schemas.openxmlformats.org/officeDocument/2006/relationships/image" Target="../media/image313.png"/><Relationship Id="rId23" Type="http://schemas.openxmlformats.org/officeDocument/2006/relationships/image" Target="../media/image321.png"/><Relationship Id="rId10" Type="http://schemas.openxmlformats.org/officeDocument/2006/relationships/image" Target="../media/image308.png"/><Relationship Id="rId19" Type="http://schemas.openxmlformats.org/officeDocument/2006/relationships/image" Target="../media/image317.png"/><Relationship Id="rId4" Type="http://schemas.openxmlformats.org/officeDocument/2006/relationships/image" Target="../media/image302.png"/><Relationship Id="rId9" Type="http://schemas.openxmlformats.org/officeDocument/2006/relationships/image" Target="../media/image307.png"/><Relationship Id="rId14" Type="http://schemas.openxmlformats.org/officeDocument/2006/relationships/image" Target="../media/image312.png"/><Relationship Id="rId22" Type="http://schemas.openxmlformats.org/officeDocument/2006/relationships/image" Target="../media/image320.png"/></Relationships>
</file>

<file path=ppt/slides/_rels/slide7.xml.rels><?xml version="1.0" encoding="UTF-8" standalone="yes"?>
<Relationships xmlns="http://schemas.openxmlformats.org/package/2006/relationships"><Relationship Id="rId2" Type="http://schemas.openxmlformats.org/officeDocument/2006/relationships/image" Target="../media/image25.emf"/><Relationship Id="rId1" Type="http://schemas.openxmlformats.org/officeDocument/2006/relationships/slideLayout" Target="../slideLayouts/slideLayout20.xml"/></Relationships>
</file>

<file path=ppt/slides/_rels/slide70.xml.rels><?xml version="1.0" encoding="UTF-8" standalone="yes"?>
<Relationships xmlns="http://schemas.openxmlformats.org/package/2006/relationships"><Relationship Id="rId3" Type="http://schemas.openxmlformats.org/officeDocument/2006/relationships/image" Target="../media/image219.png"/><Relationship Id="rId2" Type="http://schemas.openxmlformats.org/officeDocument/2006/relationships/image" Target="../media/image218.png"/><Relationship Id="rId1" Type="http://schemas.openxmlformats.org/officeDocument/2006/relationships/slideLayout" Target="../slideLayouts/slideLayout23.xml"/></Relationships>
</file>

<file path=ppt/slides/_rels/slide71.xml.rels><?xml version="1.0" encoding="UTF-8" standalone="yes"?>
<Relationships xmlns="http://schemas.openxmlformats.org/package/2006/relationships"><Relationship Id="rId8" Type="http://schemas.openxmlformats.org/officeDocument/2006/relationships/image" Target="../media/image326.png"/><Relationship Id="rId13" Type="http://schemas.openxmlformats.org/officeDocument/2006/relationships/image" Target="../media/image331.png"/><Relationship Id="rId18" Type="http://schemas.openxmlformats.org/officeDocument/2006/relationships/image" Target="../media/image336.png"/><Relationship Id="rId3" Type="http://schemas.openxmlformats.org/officeDocument/2006/relationships/image" Target="../media/image219.png"/><Relationship Id="rId7" Type="http://schemas.openxmlformats.org/officeDocument/2006/relationships/image" Target="../media/image325.png"/><Relationship Id="rId12" Type="http://schemas.openxmlformats.org/officeDocument/2006/relationships/image" Target="../media/image330.png"/><Relationship Id="rId17" Type="http://schemas.openxmlformats.org/officeDocument/2006/relationships/image" Target="../media/image335.png"/><Relationship Id="rId2" Type="http://schemas.openxmlformats.org/officeDocument/2006/relationships/image" Target="../media/image218.png"/><Relationship Id="rId16" Type="http://schemas.openxmlformats.org/officeDocument/2006/relationships/image" Target="../media/image334.png"/><Relationship Id="rId1" Type="http://schemas.openxmlformats.org/officeDocument/2006/relationships/slideLayout" Target="../slideLayouts/slideLayout23.xml"/><Relationship Id="rId6" Type="http://schemas.openxmlformats.org/officeDocument/2006/relationships/image" Target="../media/image324.png"/><Relationship Id="rId11" Type="http://schemas.openxmlformats.org/officeDocument/2006/relationships/image" Target="../media/image329.png"/><Relationship Id="rId5" Type="http://schemas.openxmlformats.org/officeDocument/2006/relationships/image" Target="../media/image323.png"/><Relationship Id="rId15" Type="http://schemas.openxmlformats.org/officeDocument/2006/relationships/image" Target="../media/image333.png"/><Relationship Id="rId10" Type="http://schemas.openxmlformats.org/officeDocument/2006/relationships/image" Target="../media/image328.png"/><Relationship Id="rId4" Type="http://schemas.openxmlformats.org/officeDocument/2006/relationships/image" Target="../media/image322.png"/><Relationship Id="rId9" Type="http://schemas.openxmlformats.org/officeDocument/2006/relationships/image" Target="../media/image327.png"/><Relationship Id="rId14" Type="http://schemas.openxmlformats.org/officeDocument/2006/relationships/image" Target="../media/image332.png"/></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20.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20.xml"/></Relationships>
</file>

<file path=ppt/slides/_rels/slide74.xml.rels><?xml version="1.0" encoding="UTF-8" standalone="yes"?>
<Relationships xmlns="http://schemas.openxmlformats.org/package/2006/relationships"><Relationship Id="rId1" Type="http://schemas.openxmlformats.org/officeDocument/2006/relationships/slideLayout" Target="../slideLayouts/slideLayout30.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28.xml"/></Relationships>
</file>

<file path=ppt/slides/_rels/slide76.xml.rels><?xml version="1.0" encoding="UTF-8" standalone="yes"?>
<Relationships xmlns="http://schemas.openxmlformats.org/package/2006/relationships"><Relationship Id="rId8" Type="http://schemas.openxmlformats.org/officeDocument/2006/relationships/image" Target="../media/image343.png"/><Relationship Id="rId3" Type="http://schemas.openxmlformats.org/officeDocument/2006/relationships/image" Target="../media/image338.png"/><Relationship Id="rId7" Type="http://schemas.openxmlformats.org/officeDocument/2006/relationships/image" Target="../media/image342.png"/><Relationship Id="rId2" Type="http://schemas.openxmlformats.org/officeDocument/2006/relationships/image" Target="../media/image337.png"/><Relationship Id="rId1" Type="http://schemas.openxmlformats.org/officeDocument/2006/relationships/slideLayout" Target="../slideLayouts/slideLayout20.xml"/><Relationship Id="rId6" Type="http://schemas.openxmlformats.org/officeDocument/2006/relationships/image" Target="../media/image341.png"/><Relationship Id="rId5" Type="http://schemas.openxmlformats.org/officeDocument/2006/relationships/image" Target="../media/image340.png"/><Relationship Id="rId10" Type="http://schemas.openxmlformats.org/officeDocument/2006/relationships/image" Target="../media/image345.png"/><Relationship Id="rId4" Type="http://schemas.openxmlformats.org/officeDocument/2006/relationships/image" Target="../media/image339.png"/><Relationship Id="rId9" Type="http://schemas.openxmlformats.org/officeDocument/2006/relationships/image" Target="../media/image344.png"/></Relationships>
</file>

<file path=ppt/slides/_rels/slide77.xml.rels><?xml version="1.0" encoding="UTF-8" standalone="yes"?>
<Relationships xmlns="http://schemas.openxmlformats.org/package/2006/relationships"><Relationship Id="rId2" Type="http://schemas.openxmlformats.org/officeDocument/2006/relationships/image" Target="../media/image346.png"/><Relationship Id="rId1" Type="http://schemas.openxmlformats.org/officeDocument/2006/relationships/slideLayout" Target="../slideLayouts/slideLayout25.xml"/></Relationships>
</file>

<file path=ppt/slides/_rels/slide78.xml.rels><?xml version="1.0" encoding="UTF-8" standalone="yes"?>
<Relationships xmlns="http://schemas.openxmlformats.org/package/2006/relationships"><Relationship Id="rId3" Type="http://schemas.openxmlformats.org/officeDocument/2006/relationships/image" Target="../media/image347.png"/><Relationship Id="rId2" Type="http://schemas.openxmlformats.org/officeDocument/2006/relationships/notesSlide" Target="../notesSlides/notesSlide1.xml"/><Relationship Id="rId1" Type="http://schemas.openxmlformats.org/officeDocument/2006/relationships/slideLayout" Target="../slideLayouts/slideLayout28.xml"/></Relationships>
</file>

<file path=ppt/slides/_rels/slide79.xml.rels><?xml version="1.0" encoding="UTF-8" standalone="yes"?>
<Relationships xmlns="http://schemas.openxmlformats.org/package/2006/relationships"><Relationship Id="rId3" Type="http://schemas.openxmlformats.org/officeDocument/2006/relationships/image" Target="../media/image347.png"/><Relationship Id="rId2" Type="http://schemas.openxmlformats.org/officeDocument/2006/relationships/notesSlide" Target="../notesSlides/notesSlide2.xml"/><Relationship Id="rId1" Type="http://schemas.openxmlformats.org/officeDocument/2006/relationships/slideLayout" Target="../slideLayouts/slideLayout28.xml"/></Relationships>
</file>

<file path=ppt/slides/_rels/slide8.xml.rels><?xml version="1.0" encoding="UTF-8" standalone="yes"?>
<Relationships xmlns="http://schemas.openxmlformats.org/package/2006/relationships"><Relationship Id="rId2" Type="http://schemas.openxmlformats.org/officeDocument/2006/relationships/image" Target="../media/image26.png"/><Relationship Id="rId1" Type="http://schemas.openxmlformats.org/officeDocument/2006/relationships/slideLayout" Target="../slideLayouts/slideLayout23.xml"/></Relationships>
</file>

<file path=ppt/slides/_rels/slide80.xml.rels><?xml version="1.0" encoding="UTF-8" standalone="yes"?>
<Relationships xmlns="http://schemas.openxmlformats.org/package/2006/relationships"><Relationship Id="rId2" Type="http://schemas.openxmlformats.org/officeDocument/2006/relationships/image" Target="../media/image348.png"/><Relationship Id="rId1" Type="http://schemas.openxmlformats.org/officeDocument/2006/relationships/slideLayout" Target="../slideLayouts/slideLayout29.xml"/></Relationships>
</file>

<file path=ppt/slides/_rels/slide81.xml.rels><?xml version="1.0" encoding="UTF-8" standalone="yes"?>
<Relationships xmlns="http://schemas.openxmlformats.org/package/2006/relationships"><Relationship Id="rId8" Type="http://schemas.openxmlformats.org/officeDocument/2006/relationships/image" Target="../media/image355.png"/><Relationship Id="rId3" Type="http://schemas.openxmlformats.org/officeDocument/2006/relationships/image" Target="../media/image350.jpeg"/><Relationship Id="rId7" Type="http://schemas.openxmlformats.org/officeDocument/2006/relationships/image" Target="../media/image354.jpeg"/><Relationship Id="rId2" Type="http://schemas.openxmlformats.org/officeDocument/2006/relationships/image" Target="../media/image349.jpeg"/><Relationship Id="rId1" Type="http://schemas.openxmlformats.org/officeDocument/2006/relationships/slideLayout" Target="../slideLayouts/slideLayout23.xml"/><Relationship Id="rId6" Type="http://schemas.openxmlformats.org/officeDocument/2006/relationships/image" Target="../media/image353.jpeg"/><Relationship Id="rId5" Type="http://schemas.openxmlformats.org/officeDocument/2006/relationships/image" Target="../media/image352.jpeg"/><Relationship Id="rId10" Type="http://schemas.openxmlformats.org/officeDocument/2006/relationships/image" Target="../media/image357.png"/><Relationship Id="rId4" Type="http://schemas.openxmlformats.org/officeDocument/2006/relationships/image" Target="../media/image351.jpeg"/><Relationship Id="rId9" Type="http://schemas.openxmlformats.org/officeDocument/2006/relationships/image" Target="../media/image356.jpeg"/></Relationships>
</file>

<file path=ppt/slides/_rels/slide82.xml.rels><?xml version="1.0" encoding="UTF-8" standalone="yes"?>
<Relationships xmlns="http://schemas.openxmlformats.org/package/2006/relationships"><Relationship Id="rId3" Type="http://schemas.openxmlformats.org/officeDocument/2006/relationships/image" Target="../media/image359.jpeg"/><Relationship Id="rId2" Type="http://schemas.openxmlformats.org/officeDocument/2006/relationships/image" Target="../media/image358.jpeg"/><Relationship Id="rId1" Type="http://schemas.openxmlformats.org/officeDocument/2006/relationships/slideLayout" Target="../slideLayouts/slideLayout28.xml"/><Relationship Id="rId6" Type="http://schemas.openxmlformats.org/officeDocument/2006/relationships/image" Target="../media/image362.jpeg"/><Relationship Id="rId5" Type="http://schemas.openxmlformats.org/officeDocument/2006/relationships/image" Target="../media/image361.jpeg"/><Relationship Id="rId4" Type="http://schemas.openxmlformats.org/officeDocument/2006/relationships/image" Target="../media/image360.jpeg"/></Relationships>
</file>

<file path=ppt/slides/_rels/slide83.xml.rels><?xml version="1.0" encoding="UTF-8" standalone="yes"?>
<Relationships xmlns="http://schemas.openxmlformats.org/package/2006/relationships"><Relationship Id="rId3" Type="http://schemas.openxmlformats.org/officeDocument/2006/relationships/image" Target="../media/image364.jpeg"/><Relationship Id="rId2" Type="http://schemas.openxmlformats.org/officeDocument/2006/relationships/image" Target="../media/image363.jpeg"/><Relationship Id="rId1" Type="http://schemas.openxmlformats.org/officeDocument/2006/relationships/slideLayout" Target="../slideLayouts/slideLayout28.xml"/></Relationships>
</file>

<file path=ppt/slides/_rels/slide84.xml.rels><?xml version="1.0" encoding="UTF-8" standalone="yes"?>
<Relationships xmlns="http://schemas.openxmlformats.org/package/2006/relationships"><Relationship Id="rId3" Type="http://schemas.openxmlformats.org/officeDocument/2006/relationships/image" Target="../media/image366.jpeg"/><Relationship Id="rId2" Type="http://schemas.openxmlformats.org/officeDocument/2006/relationships/image" Target="../media/image365.png"/><Relationship Id="rId1" Type="http://schemas.openxmlformats.org/officeDocument/2006/relationships/slideLayout" Target="../slideLayouts/slideLayout28.xml"/><Relationship Id="rId6" Type="http://schemas.openxmlformats.org/officeDocument/2006/relationships/image" Target="../media/image369.jpeg"/><Relationship Id="rId5" Type="http://schemas.openxmlformats.org/officeDocument/2006/relationships/chart" Target="../charts/chart1.xml"/><Relationship Id="rId4" Type="http://schemas.openxmlformats.org/officeDocument/2006/relationships/image" Target="../media/image367.jpeg"/></Relationships>
</file>

<file path=ppt/slides/_rels/slide85.xml.rels><?xml version="1.0" encoding="UTF-8" standalone="yes"?>
<Relationships xmlns="http://schemas.openxmlformats.org/package/2006/relationships"><Relationship Id="rId3" Type="http://schemas.openxmlformats.org/officeDocument/2006/relationships/image" Target="../media/image371.png"/><Relationship Id="rId2" Type="http://schemas.openxmlformats.org/officeDocument/2006/relationships/image" Target="../media/image370.png"/><Relationship Id="rId1" Type="http://schemas.openxmlformats.org/officeDocument/2006/relationships/slideLayout" Target="../slideLayouts/slideLayout32.xml"/><Relationship Id="rId5" Type="http://schemas.openxmlformats.org/officeDocument/2006/relationships/image" Target="../media/image373.png"/><Relationship Id="rId4" Type="http://schemas.openxmlformats.org/officeDocument/2006/relationships/image" Target="../media/image372.png"/></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32.xml"/></Relationships>
</file>

<file path=ppt/slides/_rels/slide87.xml.rels><?xml version="1.0" encoding="UTF-8" standalone="yes"?>
<Relationships xmlns="http://schemas.openxmlformats.org/package/2006/relationships"><Relationship Id="rId3" Type="http://schemas.openxmlformats.org/officeDocument/2006/relationships/image" Target="../media/image375.jpeg"/><Relationship Id="rId2" Type="http://schemas.openxmlformats.org/officeDocument/2006/relationships/image" Target="../media/image374.jpeg"/><Relationship Id="rId1" Type="http://schemas.openxmlformats.org/officeDocument/2006/relationships/slideLayout" Target="../slideLayouts/slideLayout28.xml"/><Relationship Id="rId4" Type="http://schemas.openxmlformats.org/officeDocument/2006/relationships/image" Target="../media/image376.jpeg"/></Relationships>
</file>

<file path=ppt/slides/_rels/slide88.xml.rels><?xml version="1.0" encoding="UTF-8" standalone="yes"?>
<Relationships xmlns="http://schemas.openxmlformats.org/package/2006/relationships"><Relationship Id="rId3" Type="http://schemas.openxmlformats.org/officeDocument/2006/relationships/image" Target="../media/image378.jpg"/><Relationship Id="rId2" Type="http://schemas.openxmlformats.org/officeDocument/2006/relationships/image" Target="../media/image377.jpg"/><Relationship Id="rId1" Type="http://schemas.openxmlformats.org/officeDocument/2006/relationships/slideLayout" Target="../slideLayouts/slideLayout23.xml"/></Relationships>
</file>

<file path=ppt/slides/_rels/slide89.xml.rels><?xml version="1.0" encoding="UTF-8" standalone="yes"?>
<Relationships xmlns="http://schemas.openxmlformats.org/package/2006/relationships"><Relationship Id="rId2" Type="http://schemas.openxmlformats.org/officeDocument/2006/relationships/image" Target="../media/image379.png"/><Relationship Id="rId1" Type="http://schemas.openxmlformats.org/officeDocument/2006/relationships/slideLayout" Target="../slideLayouts/slideLayout28.xml"/></Relationships>
</file>

<file path=ppt/slides/_rels/slide9.xml.rels><?xml version="1.0" encoding="UTF-8" standalone="yes"?>
<Relationships xmlns="http://schemas.openxmlformats.org/package/2006/relationships"><Relationship Id="rId2" Type="http://schemas.openxmlformats.org/officeDocument/2006/relationships/image" Target="../media/image27.jpg"/><Relationship Id="rId1" Type="http://schemas.openxmlformats.org/officeDocument/2006/relationships/slideLayout" Target="../slideLayouts/slideLayout23.xml"/></Relationships>
</file>

<file path=ppt/slides/_rels/slide90.xml.rels><?xml version="1.0" encoding="UTF-8" standalone="yes"?>
<Relationships xmlns="http://schemas.openxmlformats.org/package/2006/relationships"><Relationship Id="rId3" Type="http://schemas.openxmlformats.org/officeDocument/2006/relationships/image" Target="../media/image380.emf"/><Relationship Id="rId2" Type="http://schemas.openxmlformats.org/officeDocument/2006/relationships/notesSlide" Target="../notesSlides/notesSlide3.xml"/><Relationship Id="rId1" Type="http://schemas.openxmlformats.org/officeDocument/2006/relationships/slideLayout" Target="../slideLayouts/slideLayout28.xml"/><Relationship Id="rId4" Type="http://schemas.openxmlformats.org/officeDocument/2006/relationships/image" Target="../media/image381.emf"/></Relationships>
</file>

<file path=ppt/slides/_rels/slide91.xml.rels><?xml version="1.0" encoding="UTF-8" standalone="yes"?>
<Relationships xmlns="http://schemas.openxmlformats.org/package/2006/relationships"><Relationship Id="rId3" Type="http://schemas.openxmlformats.org/officeDocument/2006/relationships/image" Target="../media/image382.jpeg"/><Relationship Id="rId2" Type="http://schemas.openxmlformats.org/officeDocument/2006/relationships/notesSlide" Target="../notesSlides/notesSlide4.xml"/><Relationship Id="rId1" Type="http://schemas.openxmlformats.org/officeDocument/2006/relationships/slideLayout" Target="../slideLayouts/slideLayout23.xml"/><Relationship Id="rId5" Type="http://schemas.openxmlformats.org/officeDocument/2006/relationships/image" Target="../media/image384.png"/><Relationship Id="rId4" Type="http://schemas.openxmlformats.org/officeDocument/2006/relationships/image" Target="../media/image383.jpeg"/></Relationships>
</file>

<file path=ppt/slides/_rels/slide92.xml.rels><?xml version="1.0" encoding="UTF-8" standalone="yes"?>
<Relationships xmlns="http://schemas.openxmlformats.org/package/2006/relationships"><Relationship Id="rId1" Type="http://schemas.openxmlformats.org/officeDocument/2006/relationships/slideLayout" Target="../slideLayouts/slideLayout52.xml"/></Relationships>
</file>

<file path=ppt/slides/_rels/slide93.xml.rels><?xml version="1.0" encoding="UTF-8" standalone="yes"?>
<Relationships xmlns="http://schemas.openxmlformats.org/package/2006/relationships"><Relationship Id="rId1" Type="http://schemas.openxmlformats.org/officeDocument/2006/relationships/slideLayout" Target="../slideLayouts/slideLayout52.xml"/></Relationships>
</file>

<file path=ppt/slides/_rels/slide94.xml.rels><?xml version="1.0" encoding="UTF-8" standalone="yes"?>
<Relationships xmlns="http://schemas.openxmlformats.org/package/2006/relationships"><Relationship Id="rId1" Type="http://schemas.openxmlformats.org/officeDocument/2006/relationships/slideLayout" Target="../slideLayouts/slideLayout58.xml"/></Relationships>
</file>

<file path=ppt/slides/_rels/slide95.xml.rels><?xml version="1.0" encoding="UTF-8" standalone="yes"?>
<Relationships xmlns="http://schemas.openxmlformats.org/package/2006/relationships"><Relationship Id="rId1" Type="http://schemas.openxmlformats.org/officeDocument/2006/relationships/slideLayout" Target="../slideLayouts/slideLayout52.xml"/></Relationships>
</file>

<file path=ppt/slides/_rels/slide96.xml.rels><?xml version="1.0" encoding="UTF-8" standalone="yes"?>
<Relationships xmlns="http://schemas.openxmlformats.org/package/2006/relationships"><Relationship Id="rId2" Type="http://schemas.openxmlformats.org/officeDocument/2006/relationships/image" Target="../media/image347.png"/><Relationship Id="rId1" Type="http://schemas.openxmlformats.org/officeDocument/2006/relationships/slideLayout" Target="../slideLayouts/slideLayout52.xml"/></Relationships>
</file>

<file path=ppt/slides/_rels/slide97.xml.rels><?xml version="1.0" encoding="UTF-8" standalone="yes"?>
<Relationships xmlns="http://schemas.openxmlformats.org/package/2006/relationships"><Relationship Id="rId1" Type="http://schemas.openxmlformats.org/officeDocument/2006/relationships/slideLayout" Target="../slideLayouts/slideLayout57.xml"/></Relationships>
</file>

<file path=ppt/slides/_rels/slide98.xml.rels><?xml version="1.0" encoding="UTF-8" standalone="yes"?>
<Relationships xmlns="http://schemas.openxmlformats.org/package/2006/relationships"><Relationship Id="rId1" Type="http://schemas.openxmlformats.org/officeDocument/2006/relationships/slideLayout" Target="../slideLayouts/slideLayout5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9" name="Text Box 5">
            <a:extLst>
              <a:ext uri="{FF2B5EF4-FFF2-40B4-BE49-F238E27FC236}">
                <a16:creationId xmlns:a16="http://schemas.microsoft.com/office/drawing/2014/main" id="{35C882C9-0FF4-ABA5-FB0B-43417D9A8E10}"/>
              </a:ext>
            </a:extLst>
          </p:cNvPr>
          <p:cNvSpPr txBox="1">
            <a:spLocks noChangeArrowheads="1"/>
          </p:cNvSpPr>
          <p:nvPr/>
        </p:nvSpPr>
        <p:spPr bwMode="auto">
          <a:xfrm>
            <a:off x="948214" y="4880652"/>
            <a:ext cx="7247571"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r>
              <a:rPr lang="ja-JP" altLang="en-US" sz="1800" b="1" dirty="0">
                <a:latin typeface="HGS創英角ﾎﾟｯﾌﾟ体" panose="040B0A00000000000000" pitchFamily="50" charset="-128"/>
                <a:ea typeface="HGS創英角ﾎﾟｯﾌﾟ体" panose="040B0A00000000000000" pitchFamily="50" charset="-128"/>
              </a:rPr>
              <a:t>　　　　　　　　</a:t>
            </a:r>
            <a:r>
              <a:rPr lang="ja-JP" altLang="en-US" sz="2000" b="1" dirty="0">
                <a:latin typeface="ＭＳ ゴシック" panose="020B0609070205080204" pitchFamily="49" charset="-128"/>
                <a:ea typeface="ＭＳ ゴシック" panose="020B0609070205080204" pitchFamily="49" charset="-128"/>
              </a:rPr>
              <a:t>植野インフラマネジメントオフィス　代表</a:t>
            </a:r>
            <a:endParaRPr lang="en-US" altLang="ja-JP" sz="2000" b="1" dirty="0">
              <a:latin typeface="ＭＳ ゴシック" panose="020B0609070205080204" pitchFamily="49" charset="-128"/>
              <a:ea typeface="ＭＳ ゴシック" panose="020B0609070205080204" pitchFamily="49" charset="-128"/>
            </a:endParaRPr>
          </a:p>
          <a:p>
            <a:pPr eaLnBrk="1" hangingPunct="1">
              <a:spcBef>
                <a:spcPct val="0"/>
              </a:spcBef>
              <a:buFontTx/>
              <a:buNone/>
            </a:pPr>
            <a:r>
              <a:rPr lang="ja-JP" altLang="en-US" sz="2000" b="1" dirty="0">
                <a:latin typeface="ＭＳ ゴシック" panose="020B0609070205080204" pitchFamily="49" charset="-128"/>
                <a:ea typeface="ＭＳ ゴシック" panose="020B0609070205080204" pitchFamily="49" charset="-128"/>
              </a:rPr>
              <a:t>　　　　　　　　　　（富山市　政策参与）　　　　　　</a:t>
            </a:r>
            <a:endParaRPr lang="en-US" altLang="ja-JP" sz="2000" b="1" dirty="0">
              <a:latin typeface="ＭＳ ゴシック" panose="020B0609070205080204" pitchFamily="49" charset="-128"/>
              <a:ea typeface="ＭＳ ゴシック" panose="020B0609070205080204" pitchFamily="49" charset="-128"/>
            </a:endParaRPr>
          </a:p>
          <a:p>
            <a:pPr eaLnBrk="1" hangingPunct="1">
              <a:spcBef>
                <a:spcPct val="0"/>
              </a:spcBef>
              <a:buFontTx/>
              <a:buNone/>
            </a:pPr>
            <a:r>
              <a:rPr lang="ja-JP" altLang="en-US" sz="2000" b="1" dirty="0">
                <a:latin typeface="ＭＳ ゴシック" panose="020B0609070205080204" pitchFamily="49" charset="-128"/>
                <a:ea typeface="ＭＳ ゴシック" panose="020B0609070205080204" pitchFamily="49" charset="-128"/>
              </a:rPr>
              <a:t>　　　　　　　　　　　　　　植野　芳彦　</a:t>
            </a:r>
            <a:endParaRPr lang="ja-JP" altLang="en-US" sz="2000" b="1" dirty="0">
              <a:solidFill>
                <a:srgbClr val="000000"/>
              </a:solidFill>
              <a:latin typeface="ＭＳ ゴシック" panose="020B0609070205080204" pitchFamily="49" charset="-128"/>
              <a:ea typeface="ＭＳ ゴシック" panose="020B0609070205080204" pitchFamily="49" charset="-128"/>
            </a:endParaRPr>
          </a:p>
        </p:txBody>
      </p:sp>
      <p:sp>
        <p:nvSpPr>
          <p:cNvPr id="4100" name="テキスト ボックス 1">
            <a:extLst>
              <a:ext uri="{FF2B5EF4-FFF2-40B4-BE49-F238E27FC236}">
                <a16:creationId xmlns:a16="http://schemas.microsoft.com/office/drawing/2014/main" id="{9B9A8C65-54AC-55C9-76E5-843269FC650F}"/>
              </a:ext>
            </a:extLst>
          </p:cNvPr>
          <p:cNvSpPr txBox="1">
            <a:spLocks noChangeArrowheads="1"/>
          </p:cNvSpPr>
          <p:nvPr/>
        </p:nvSpPr>
        <p:spPr bwMode="auto">
          <a:xfrm>
            <a:off x="1" y="360843"/>
            <a:ext cx="9008534" cy="19636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r>
              <a:rPr lang="ja-JP" altLang="en-US" sz="2000" b="1" kern="0" dirty="0">
                <a:ea typeface="游ゴシック" panose="020B0400000000000000" pitchFamily="50" charset="-128"/>
                <a:cs typeface="MS PGothic" panose="020B0600070205080204" pitchFamily="50" charset="-128"/>
              </a:rPr>
              <a:t>２０２４</a:t>
            </a:r>
            <a:r>
              <a:rPr lang="en-US" altLang="ja-JP" sz="2000" b="1" kern="0" dirty="0">
                <a:ea typeface="游ゴシック" panose="020B0400000000000000" pitchFamily="50" charset="-128"/>
                <a:cs typeface="MS PGothic" panose="020B0600070205080204" pitchFamily="50" charset="-128"/>
              </a:rPr>
              <a:t>.0</a:t>
            </a:r>
            <a:r>
              <a:rPr lang="ja-JP" altLang="en-US" sz="2000" b="1" kern="0" dirty="0">
                <a:ea typeface="游ゴシック" panose="020B0400000000000000" pitchFamily="50" charset="-128"/>
                <a:cs typeface="MS PGothic" panose="020B0600070205080204" pitchFamily="50" charset="-128"/>
              </a:rPr>
              <a:t>８</a:t>
            </a:r>
            <a:r>
              <a:rPr lang="en-US" altLang="ja-JP" sz="2000" b="1" kern="0" dirty="0">
                <a:ea typeface="游ゴシック" panose="020B0400000000000000" pitchFamily="50" charset="-128"/>
                <a:cs typeface="MS PGothic" panose="020B0600070205080204" pitchFamily="50" charset="-128"/>
              </a:rPr>
              <a:t>.</a:t>
            </a:r>
            <a:r>
              <a:rPr lang="ja-JP" altLang="en-US" sz="2000" b="1" kern="0" dirty="0">
                <a:ea typeface="游ゴシック" panose="020B0400000000000000" pitchFamily="50" charset="-128"/>
                <a:cs typeface="MS PGothic" panose="020B0600070205080204" pitchFamily="50" charset="-128"/>
              </a:rPr>
              <a:t>２８</a:t>
            </a:r>
            <a:endParaRPr lang="en-US" altLang="ja-JP" sz="2000" b="1" kern="0" dirty="0">
              <a:ea typeface="游ゴシック" panose="020B0400000000000000" pitchFamily="50" charset="-128"/>
              <a:cs typeface="MS PGothic" panose="020B0600070205080204" pitchFamily="50" charset="-128"/>
            </a:endParaRPr>
          </a:p>
          <a:p>
            <a:pPr algn="ctr">
              <a:spcBef>
                <a:spcPct val="0"/>
              </a:spcBef>
              <a:buFontTx/>
              <a:buNone/>
            </a:pPr>
            <a:endParaRPr lang="en-US" altLang="ja-JP" sz="2000" b="1" kern="0" dirty="0">
              <a:ea typeface="游ゴシック" panose="020B0400000000000000" pitchFamily="50" charset="-128"/>
              <a:cs typeface="MS PGothic" panose="020B0600070205080204" pitchFamily="50" charset="-128"/>
            </a:endParaRPr>
          </a:p>
          <a:p>
            <a:pPr algn="ctr">
              <a:spcBef>
                <a:spcPct val="0"/>
              </a:spcBef>
              <a:buFontTx/>
              <a:buNone/>
            </a:pPr>
            <a:r>
              <a:rPr lang="ja-JP" altLang="en-US" sz="2400" b="1" kern="0" dirty="0">
                <a:ea typeface="游ゴシック" panose="020B0400000000000000" pitchFamily="50" charset="-128"/>
                <a:cs typeface="MS PGothic" panose="020B0600070205080204" pitchFamily="50" charset="-128"/>
              </a:rPr>
              <a:t>「こうきょうセミナー」</a:t>
            </a:r>
            <a:endParaRPr lang="en-US" altLang="ja-JP" sz="2400" b="1" kern="0" dirty="0">
              <a:ea typeface="游ゴシック" panose="020B0400000000000000" pitchFamily="50" charset="-128"/>
              <a:cs typeface="MS PGothic" panose="020B0600070205080204" pitchFamily="50" charset="-128"/>
            </a:endParaRPr>
          </a:p>
          <a:p>
            <a:pPr algn="ctr">
              <a:buNone/>
            </a:pPr>
            <a:r>
              <a:rPr lang="ja-JP" altLang="ja-JP" sz="2400" kern="0" dirty="0">
                <a:effectLst/>
                <a:latin typeface="游ゴシック" panose="020B0400000000000000" pitchFamily="50" charset="-128"/>
                <a:ea typeface="MS Gothic" panose="020B0609070205080204" pitchFamily="49" charset="-128"/>
                <a:cs typeface="MS PGothic" panose="020B0600070205080204" pitchFamily="50" charset="-128"/>
              </a:rPr>
              <a:t>第５回　「インフラメンテナンス市場の攻略」</a:t>
            </a:r>
            <a:endParaRPr lang="ja-JP" altLang="ja-JP" sz="2400" kern="100" dirty="0">
              <a:effectLst/>
              <a:latin typeface="游ゴシック" panose="020B0400000000000000" pitchFamily="50" charset="-128"/>
              <a:ea typeface="游ゴシック" panose="020B0400000000000000" pitchFamily="50" charset="-128"/>
              <a:cs typeface="Times New Roman" panose="02020603050405020304" pitchFamily="18" charset="0"/>
            </a:endParaRPr>
          </a:p>
          <a:p>
            <a:pPr algn="ctr">
              <a:buNone/>
            </a:pPr>
            <a:r>
              <a:rPr lang="ja-JP" altLang="ja-JP" sz="2400" kern="0" dirty="0">
                <a:effectLst/>
                <a:latin typeface="游ゴシック" panose="020B0400000000000000" pitchFamily="50" charset="-128"/>
                <a:ea typeface="MS Gothic" panose="020B0609070205080204" pitchFamily="49" charset="-128"/>
                <a:cs typeface="MS PGothic" panose="020B0600070205080204" pitchFamily="50" charset="-128"/>
              </a:rPr>
              <a:t>　　　　　　―総括編―</a:t>
            </a:r>
            <a:endParaRPr lang="ja-JP" altLang="ja-JP" sz="2400" kern="100" dirty="0">
              <a:effectLst/>
              <a:latin typeface="游ゴシック" panose="020B0400000000000000" pitchFamily="50" charset="-128"/>
              <a:ea typeface="游ゴシック" panose="020B0400000000000000" pitchFamily="50" charset="-128"/>
              <a:cs typeface="Times New Roman" panose="02020603050405020304" pitchFamily="18" charset="0"/>
            </a:endParaRPr>
          </a:p>
        </p:txBody>
      </p:sp>
    </p:spTree>
    <p:extLst>
      <p:ext uri="{BB962C8B-B14F-4D97-AF65-F5344CB8AC3E}">
        <p14:creationId xmlns:p14="http://schemas.microsoft.com/office/powerpoint/2010/main" val="245958559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579746" y="96379"/>
            <a:ext cx="1339672" cy="277577"/>
          </a:xfrm>
          <a:prstGeom prst="rect">
            <a:avLst/>
          </a:prstGeom>
        </p:spPr>
      </p:pic>
      <p:sp>
        <p:nvSpPr>
          <p:cNvPr id="3" name="object 3"/>
          <p:cNvSpPr txBox="1">
            <a:spLocks noGrp="1"/>
          </p:cNvSpPr>
          <p:nvPr>
            <p:ph type="title"/>
          </p:nvPr>
        </p:nvSpPr>
        <p:spPr>
          <a:xfrm>
            <a:off x="224582" y="163178"/>
            <a:ext cx="6674468" cy="318743"/>
          </a:xfrm>
          <a:prstGeom prst="rect">
            <a:avLst/>
          </a:prstGeom>
        </p:spPr>
        <p:txBody>
          <a:bodyPr vert="horz" wrap="square" lIns="0" tIns="10860" rIns="0" bIns="0" rtlCol="0">
            <a:spAutoFit/>
          </a:bodyPr>
          <a:lstStyle/>
          <a:p>
            <a:pPr marL="10860">
              <a:lnSpc>
                <a:spcPct val="100000"/>
              </a:lnSpc>
              <a:spcBef>
                <a:spcPts val="86"/>
              </a:spcBef>
              <a:tabLst>
                <a:tab pos="3615217" algn="l"/>
              </a:tabLst>
            </a:pPr>
            <a:r>
              <a:rPr sz="2000" dirty="0"/>
              <a:t>群</a:t>
            </a:r>
            <a:r>
              <a:rPr sz="2000" spc="-21" dirty="0"/>
              <a:t>マ</a:t>
            </a:r>
            <a:r>
              <a:rPr sz="2000" dirty="0"/>
              <a:t>ネ計画検討会</a:t>
            </a:r>
            <a:r>
              <a:rPr sz="2000" spc="-21" dirty="0"/>
              <a:t>・</a:t>
            </a:r>
            <a:r>
              <a:rPr sz="2000" dirty="0"/>
              <a:t>実施検討</a:t>
            </a:r>
            <a:r>
              <a:rPr sz="2000" spc="-43" dirty="0"/>
              <a:t>会</a:t>
            </a:r>
            <a:r>
              <a:rPr sz="2000" dirty="0"/>
              <a:t>	議論</a:t>
            </a:r>
            <a:r>
              <a:rPr sz="2000" spc="-9" dirty="0"/>
              <a:t>の</a:t>
            </a:r>
            <a:r>
              <a:rPr sz="2000" dirty="0"/>
              <a:t>当面</a:t>
            </a:r>
            <a:r>
              <a:rPr sz="2000" spc="-9" dirty="0"/>
              <a:t>の</a:t>
            </a:r>
            <a:r>
              <a:rPr sz="2000" dirty="0"/>
              <a:t>進</a:t>
            </a:r>
            <a:r>
              <a:rPr sz="2000" spc="-26" dirty="0"/>
              <a:t>め</a:t>
            </a:r>
            <a:r>
              <a:rPr sz="2000" dirty="0"/>
              <a:t>方（案</a:t>
            </a:r>
            <a:r>
              <a:rPr sz="2000" spc="-43" dirty="0"/>
              <a:t>）</a:t>
            </a:r>
          </a:p>
        </p:txBody>
      </p:sp>
      <p:grpSp>
        <p:nvGrpSpPr>
          <p:cNvPr id="4" name="object 4"/>
          <p:cNvGrpSpPr/>
          <p:nvPr/>
        </p:nvGrpSpPr>
        <p:grpSpPr>
          <a:xfrm>
            <a:off x="617709" y="3113303"/>
            <a:ext cx="6635915" cy="2932162"/>
            <a:chOff x="722376" y="3412235"/>
            <a:chExt cx="7760334" cy="3429000"/>
          </a:xfrm>
        </p:grpSpPr>
        <p:sp>
          <p:nvSpPr>
            <p:cNvPr id="5" name="object 5"/>
            <p:cNvSpPr/>
            <p:nvPr/>
          </p:nvSpPr>
          <p:spPr>
            <a:xfrm>
              <a:off x="1600503" y="3412235"/>
              <a:ext cx="326390" cy="608330"/>
            </a:xfrm>
            <a:custGeom>
              <a:avLst/>
              <a:gdLst/>
              <a:ahLst/>
              <a:cxnLst/>
              <a:rect l="l" t="t" r="r" b="b"/>
              <a:pathLst>
                <a:path w="326389" h="608329">
                  <a:moveTo>
                    <a:pt x="155144" y="0"/>
                  </a:moveTo>
                  <a:lnTo>
                    <a:pt x="155144" y="62484"/>
                  </a:lnTo>
                  <a:lnTo>
                    <a:pt x="129822" y="93038"/>
                  </a:lnTo>
                  <a:lnTo>
                    <a:pt x="106489" y="127345"/>
                  </a:lnTo>
                  <a:lnTo>
                    <a:pt x="85231" y="165092"/>
                  </a:lnTo>
                  <a:lnTo>
                    <a:pt x="66131" y="205965"/>
                  </a:lnTo>
                  <a:lnTo>
                    <a:pt x="49275" y="249654"/>
                  </a:lnTo>
                  <a:lnTo>
                    <a:pt x="34748" y="295846"/>
                  </a:lnTo>
                  <a:lnTo>
                    <a:pt x="22634" y="344229"/>
                  </a:lnTo>
                  <a:lnTo>
                    <a:pt x="13017" y="394490"/>
                  </a:lnTo>
                  <a:lnTo>
                    <a:pt x="5983" y="446317"/>
                  </a:lnTo>
                  <a:lnTo>
                    <a:pt x="1615" y="499399"/>
                  </a:lnTo>
                  <a:lnTo>
                    <a:pt x="0" y="553422"/>
                  </a:lnTo>
                  <a:lnTo>
                    <a:pt x="1220" y="608076"/>
                  </a:lnTo>
                  <a:lnTo>
                    <a:pt x="5407" y="553810"/>
                  </a:lnTo>
                  <a:lnTo>
                    <a:pt x="12400" y="500944"/>
                  </a:lnTo>
                  <a:lnTo>
                    <a:pt x="22082" y="449779"/>
                  </a:lnTo>
                  <a:lnTo>
                    <a:pt x="34334" y="400616"/>
                  </a:lnTo>
                  <a:lnTo>
                    <a:pt x="49036" y="353758"/>
                  </a:lnTo>
                  <a:lnTo>
                    <a:pt x="66069" y="309506"/>
                  </a:lnTo>
                  <a:lnTo>
                    <a:pt x="85316" y="268161"/>
                  </a:lnTo>
                  <a:lnTo>
                    <a:pt x="106657" y="230026"/>
                  </a:lnTo>
                  <a:lnTo>
                    <a:pt x="129972" y="195402"/>
                  </a:lnTo>
                  <a:lnTo>
                    <a:pt x="155144" y="164591"/>
                  </a:lnTo>
                  <a:lnTo>
                    <a:pt x="155144" y="227075"/>
                  </a:lnTo>
                  <a:lnTo>
                    <a:pt x="325832" y="27432"/>
                  </a:lnTo>
                  <a:lnTo>
                    <a:pt x="155144" y="0"/>
                  </a:lnTo>
                  <a:close/>
                </a:path>
              </a:pathLst>
            </a:custGeom>
            <a:solidFill>
              <a:srgbClr val="7E7E7E"/>
            </a:solidFill>
          </p:spPr>
          <p:txBody>
            <a:bodyPr wrap="square" lIns="0" tIns="0" rIns="0" bIns="0" rtlCol="0"/>
            <a:lstStyle/>
            <a:p>
              <a:endParaRPr sz="1749"/>
            </a:p>
          </p:txBody>
        </p:sp>
        <p:sp>
          <p:nvSpPr>
            <p:cNvPr id="6" name="object 6"/>
            <p:cNvSpPr/>
            <p:nvPr/>
          </p:nvSpPr>
          <p:spPr>
            <a:xfrm>
              <a:off x="1601723" y="3968495"/>
              <a:ext cx="325120" cy="684530"/>
            </a:xfrm>
            <a:custGeom>
              <a:avLst/>
              <a:gdLst/>
              <a:ahLst/>
              <a:cxnLst/>
              <a:rect l="l" t="t" r="r" b="b"/>
              <a:pathLst>
                <a:path w="325119" h="684529">
                  <a:moveTo>
                    <a:pt x="0" y="0"/>
                  </a:moveTo>
                  <a:lnTo>
                    <a:pt x="0" y="103631"/>
                  </a:lnTo>
                  <a:lnTo>
                    <a:pt x="1669" y="163145"/>
                  </a:lnTo>
                  <a:lnTo>
                    <a:pt x="6572" y="220905"/>
                  </a:lnTo>
                  <a:lnTo>
                    <a:pt x="14546" y="276625"/>
                  </a:lnTo>
                  <a:lnTo>
                    <a:pt x="25431" y="330017"/>
                  </a:lnTo>
                  <a:lnTo>
                    <a:pt x="39067" y="380792"/>
                  </a:lnTo>
                  <a:lnTo>
                    <a:pt x="55292" y="428663"/>
                  </a:lnTo>
                  <a:lnTo>
                    <a:pt x="73946" y="473342"/>
                  </a:lnTo>
                  <a:lnTo>
                    <a:pt x="94869" y="514540"/>
                  </a:lnTo>
                  <a:lnTo>
                    <a:pt x="117898" y="551970"/>
                  </a:lnTo>
                  <a:lnTo>
                    <a:pt x="142875" y="585343"/>
                  </a:lnTo>
                  <a:lnTo>
                    <a:pt x="169637" y="614373"/>
                  </a:lnTo>
                  <a:lnTo>
                    <a:pt x="227876" y="658247"/>
                  </a:lnTo>
                  <a:lnTo>
                    <a:pt x="291331" y="681287"/>
                  </a:lnTo>
                  <a:lnTo>
                    <a:pt x="324612" y="684276"/>
                  </a:lnTo>
                  <a:lnTo>
                    <a:pt x="324612" y="580644"/>
                  </a:lnTo>
                  <a:lnTo>
                    <a:pt x="291331" y="577655"/>
                  </a:lnTo>
                  <a:lnTo>
                    <a:pt x="259032" y="568883"/>
                  </a:lnTo>
                  <a:lnTo>
                    <a:pt x="198024" y="535138"/>
                  </a:lnTo>
                  <a:lnTo>
                    <a:pt x="142874" y="481711"/>
                  </a:lnTo>
                  <a:lnTo>
                    <a:pt x="117898" y="448338"/>
                  </a:lnTo>
                  <a:lnTo>
                    <a:pt x="94868" y="410908"/>
                  </a:lnTo>
                  <a:lnTo>
                    <a:pt x="73946" y="369710"/>
                  </a:lnTo>
                  <a:lnTo>
                    <a:pt x="55292" y="325031"/>
                  </a:lnTo>
                  <a:lnTo>
                    <a:pt x="39067" y="277160"/>
                  </a:lnTo>
                  <a:lnTo>
                    <a:pt x="25431" y="226385"/>
                  </a:lnTo>
                  <a:lnTo>
                    <a:pt x="14546" y="172993"/>
                  </a:lnTo>
                  <a:lnTo>
                    <a:pt x="6572" y="117273"/>
                  </a:lnTo>
                  <a:lnTo>
                    <a:pt x="1669" y="59513"/>
                  </a:lnTo>
                  <a:lnTo>
                    <a:pt x="0" y="0"/>
                  </a:lnTo>
                  <a:close/>
                </a:path>
              </a:pathLst>
            </a:custGeom>
            <a:solidFill>
              <a:srgbClr val="666666"/>
            </a:solidFill>
          </p:spPr>
          <p:txBody>
            <a:bodyPr wrap="square" lIns="0" tIns="0" rIns="0" bIns="0" rtlCol="0"/>
            <a:lstStyle/>
            <a:p>
              <a:endParaRPr sz="1749"/>
            </a:p>
          </p:txBody>
        </p:sp>
        <p:sp>
          <p:nvSpPr>
            <p:cNvPr id="7" name="object 7"/>
            <p:cNvSpPr/>
            <p:nvPr/>
          </p:nvSpPr>
          <p:spPr>
            <a:xfrm>
              <a:off x="722376" y="4469891"/>
              <a:ext cx="7760334" cy="1737360"/>
            </a:xfrm>
            <a:custGeom>
              <a:avLst/>
              <a:gdLst/>
              <a:ahLst/>
              <a:cxnLst/>
              <a:rect l="l" t="t" r="r" b="b"/>
              <a:pathLst>
                <a:path w="7760334" h="1737360">
                  <a:moveTo>
                    <a:pt x="3880104" y="0"/>
                  </a:moveTo>
                  <a:lnTo>
                    <a:pt x="0" y="868680"/>
                  </a:lnTo>
                  <a:lnTo>
                    <a:pt x="1214628" y="868680"/>
                  </a:lnTo>
                  <a:lnTo>
                    <a:pt x="1214628" y="1737360"/>
                  </a:lnTo>
                  <a:lnTo>
                    <a:pt x="6545580" y="1737360"/>
                  </a:lnTo>
                  <a:lnTo>
                    <a:pt x="6545580" y="868680"/>
                  </a:lnTo>
                  <a:lnTo>
                    <a:pt x="7760208" y="868680"/>
                  </a:lnTo>
                  <a:lnTo>
                    <a:pt x="3880104" y="0"/>
                  </a:lnTo>
                  <a:close/>
                </a:path>
              </a:pathLst>
            </a:custGeom>
            <a:solidFill>
              <a:srgbClr val="B6DDE8"/>
            </a:solidFill>
          </p:spPr>
          <p:txBody>
            <a:bodyPr wrap="square" lIns="0" tIns="0" rIns="0" bIns="0" rtlCol="0"/>
            <a:lstStyle/>
            <a:p>
              <a:endParaRPr sz="1749"/>
            </a:p>
          </p:txBody>
        </p:sp>
        <p:sp>
          <p:nvSpPr>
            <p:cNvPr id="8" name="object 8"/>
            <p:cNvSpPr/>
            <p:nvPr/>
          </p:nvSpPr>
          <p:spPr>
            <a:xfrm>
              <a:off x="1391412" y="6589780"/>
              <a:ext cx="6085840" cy="251460"/>
            </a:xfrm>
            <a:custGeom>
              <a:avLst/>
              <a:gdLst/>
              <a:ahLst/>
              <a:cxnLst/>
              <a:rect l="l" t="t" r="r" b="b"/>
              <a:pathLst>
                <a:path w="6085840" h="251459">
                  <a:moveTo>
                    <a:pt x="5960364" y="0"/>
                  </a:moveTo>
                  <a:lnTo>
                    <a:pt x="0" y="0"/>
                  </a:lnTo>
                  <a:lnTo>
                    <a:pt x="0" y="251460"/>
                  </a:lnTo>
                  <a:lnTo>
                    <a:pt x="5960364" y="251460"/>
                  </a:lnTo>
                  <a:lnTo>
                    <a:pt x="6085332" y="126492"/>
                  </a:lnTo>
                  <a:lnTo>
                    <a:pt x="5960364" y="0"/>
                  </a:lnTo>
                  <a:close/>
                </a:path>
              </a:pathLst>
            </a:custGeom>
            <a:solidFill>
              <a:srgbClr val="FFBF00"/>
            </a:solidFill>
          </p:spPr>
          <p:txBody>
            <a:bodyPr wrap="square" lIns="0" tIns="0" rIns="0" bIns="0" rtlCol="0"/>
            <a:lstStyle/>
            <a:p>
              <a:endParaRPr sz="1749"/>
            </a:p>
          </p:txBody>
        </p:sp>
      </p:grpSp>
      <p:sp>
        <p:nvSpPr>
          <p:cNvPr id="9" name="object 9"/>
          <p:cNvSpPr txBox="1"/>
          <p:nvPr/>
        </p:nvSpPr>
        <p:spPr>
          <a:xfrm>
            <a:off x="1274077" y="5866918"/>
            <a:ext cx="4110673" cy="181555"/>
          </a:xfrm>
          <a:prstGeom prst="rect">
            <a:avLst/>
          </a:prstGeom>
        </p:spPr>
        <p:txBody>
          <a:bodyPr vert="horz" wrap="square" lIns="0" tIns="10317" rIns="0" bIns="0" rtlCol="0">
            <a:spAutoFit/>
          </a:bodyPr>
          <a:lstStyle/>
          <a:p>
            <a:pPr marL="10860">
              <a:spcBef>
                <a:spcPts val="81"/>
              </a:spcBef>
            </a:pPr>
            <a:r>
              <a:rPr sz="1112" b="1" spc="-26" dirty="0">
                <a:latin typeface="Meiryo UI"/>
                <a:cs typeface="Meiryo UI"/>
              </a:rPr>
              <a:t>【中長期】将来的なメンテナンスの業務・工事実施の方針を検討</a:t>
            </a:r>
            <a:endParaRPr sz="1112" dirty="0">
              <a:latin typeface="Meiryo UI"/>
              <a:cs typeface="Meiryo UI"/>
            </a:endParaRPr>
          </a:p>
        </p:txBody>
      </p:sp>
      <p:sp>
        <p:nvSpPr>
          <p:cNvPr id="10" name="object 10"/>
          <p:cNvSpPr/>
          <p:nvPr/>
        </p:nvSpPr>
        <p:spPr>
          <a:xfrm>
            <a:off x="1225208" y="1114221"/>
            <a:ext cx="5211646" cy="216654"/>
          </a:xfrm>
          <a:custGeom>
            <a:avLst/>
            <a:gdLst/>
            <a:ahLst/>
            <a:cxnLst/>
            <a:rect l="l" t="t" r="r" b="b"/>
            <a:pathLst>
              <a:path w="6094730" h="253365">
                <a:moveTo>
                  <a:pt x="5967984" y="0"/>
                </a:moveTo>
                <a:lnTo>
                  <a:pt x="0" y="0"/>
                </a:lnTo>
                <a:lnTo>
                  <a:pt x="0" y="252983"/>
                </a:lnTo>
                <a:lnTo>
                  <a:pt x="5967984" y="252983"/>
                </a:lnTo>
                <a:lnTo>
                  <a:pt x="6094476" y="126491"/>
                </a:lnTo>
                <a:lnTo>
                  <a:pt x="5967984" y="0"/>
                </a:lnTo>
                <a:close/>
              </a:path>
            </a:pathLst>
          </a:custGeom>
          <a:solidFill>
            <a:srgbClr val="FFBF00"/>
          </a:solidFill>
        </p:spPr>
        <p:txBody>
          <a:bodyPr wrap="square" lIns="0" tIns="0" rIns="0" bIns="0" rtlCol="0"/>
          <a:lstStyle/>
          <a:p>
            <a:endParaRPr sz="1749"/>
          </a:p>
        </p:txBody>
      </p:sp>
      <p:sp>
        <p:nvSpPr>
          <p:cNvPr id="11" name="object 11"/>
          <p:cNvSpPr txBox="1"/>
          <p:nvPr/>
        </p:nvSpPr>
        <p:spPr>
          <a:xfrm>
            <a:off x="1276794" y="1107012"/>
            <a:ext cx="4067450" cy="181555"/>
          </a:xfrm>
          <a:prstGeom prst="rect">
            <a:avLst/>
          </a:prstGeom>
        </p:spPr>
        <p:txBody>
          <a:bodyPr vert="horz" wrap="square" lIns="0" tIns="10317" rIns="0" bIns="0" rtlCol="0">
            <a:spAutoFit/>
          </a:bodyPr>
          <a:lstStyle/>
          <a:p>
            <a:pPr marL="10860">
              <a:spcBef>
                <a:spcPts val="81"/>
              </a:spcBef>
            </a:pPr>
            <a:r>
              <a:rPr sz="1112" b="1" spc="-21" dirty="0">
                <a:latin typeface="Meiryo UI"/>
                <a:cs typeface="Meiryo UI"/>
              </a:rPr>
              <a:t>【中長期】地域のインフラのあるべき姿を検討</a:t>
            </a:r>
            <a:r>
              <a:rPr sz="1112" b="1" spc="-9" dirty="0">
                <a:latin typeface="Meiryo UI"/>
                <a:cs typeface="Meiryo UI"/>
              </a:rPr>
              <a:t>（</a:t>
            </a:r>
            <a:r>
              <a:rPr sz="1112" b="1" spc="-13" dirty="0">
                <a:latin typeface="Meiryo UI"/>
                <a:cs typeface="Meiryo UI"/>
              </a:rPr>
              <a:t>計画づくり</a:t>
            </a:r>
            <a:r>
              <a:rPr sz="1112" b="1" spc="-43" dirty="0">
                <a:latin typeface="Meiryo UI"/>
                <a:cs typeface="Meiryo UI"/>
              </a:rPr>
              <a:t>）</a:t>
            </a:r>
            <a:endParaRPr sz="1112" dirty="0">
              <a:latin typeface="Meiryo UI"/>
              <a:cs typeface="Meiryo UI"/>
            </a:endParaRPr>
          </a:p>
        </p:txBody>
      </p:sp>
      <p:grpSp>
        <p:nvGrpSpPr>
          <p:cNvPr id="12" name="object 12"/>
          <p:cNvGrpSpPr/>
          <p:nvPr/>
        </p:nvGrpSpPr>
        <p:grpSpPr>
          <a:xfrm>
            <a:off x="590342" y="1790574"/>
            <a:ext cx="6663609" cy="3671175"/>
            <a:chOff x="690372" y="1865376"/>
            <a:chExt cx="7792720" cy="4293235"/>
          </a:xfrm>
        </p:grpSpPr>
        <p:sp>
          <p:nvSpPr>
            <p:cNvPr id="13" name="object 13"/>
            <p:cNvSpPr/>
            <p:nvPr/>
          </p:nvSpPr>
          <p:spPr>
            <a:xfrm>
              <a:off x="690372" y="1865376"/>
              <a:ext cx="7792720" cy="1731645"/>
            </a:xfrm>
            <a:custGeom>
              <a:avLst/>
              <a:gdLst/>
              <a:ahLst/>
              <a:cxnLst/>
              <a:rect l="l" t="t" r="r" b="b"/>
              <a:pathLst>
                <a:path w="7792720" h="1731645">
                  <a:moveTo>
                    <a:pt x="6676644" y="0"/>
                  </a:moveTo>
                  <a:lnTo>
                    <a:pt x="1115567" y="0"/>
                  </a:lnTo>
                  <a:lnTo>
                    <a:pt x="1115567" y="865632"/>
                  </a:lnTo>
                  <a:lnTo>
                    <a:pt x="0" y="865632"/>
                  </a:lnTo>
                  <a:lnTo>
                    <a:pt x="3896867" y="1731264"/>
                  </a:lnTo>
                  <a:lnTo>
                    <a:pt x="7792211" y="865632"/>
                  </a:lnTo>
                  <a:lnTo>
                    <a:pt x="6676644" y="865632"/>
                  </a:lnTo>
                  <a:lnTo>
                    <a:pt x="6676644" y="0"/>
                  </a:lnTo>
                  <a:close/>
                </a:path>
              </a:pathLst>
            </a:custGeom>
            <a:solidFill>
              <a:srgbClr val="D6E4BC"/>
            </a:solidFill>
          </p:spPr>
          <p:txBody>
            <a:bodyPr wrap="square" lIns="0" tIns="0" rIns="0" bIns="0" rtlCol="0"/>
            <a:lstStyle/>
            <a:p>
              <a:endParaRPr sz="1749"/>
            </a:p>
          </p:txBody>
        </p:sp>
        <p:sp>
          <p:nvSpPr>
            <p:cNvPr id="14" name="object 14"/>
            <p:cNvSpPr/>
            <p:nvPr/>
          </p:nvSpPr>
          <p:spPr>
            <a:xfrm>
              <a:off x="3159251" y="1906524"/>
              <a:ext cx="2842260" cy="393700"/>
            </a:xfrm>
            <a:custGeom>
              <a:avLst/>
              <a:gdLst/>
              <a:ahLst/>
              <a:cxnLst/>
              <a:rect l="l" t="t" r="r" b="b"/>
              <a:pathLst>
                <a:path w="2842260" h="393700">
                  <a:moveTo>
                    <a:pt x="2776728" y="0"/>
                  </a:moveTo>
                  <a:lnTo>
                    <a:pt x="65531" y="0"/>
                  </a:lnTo>
                  <a:lnTo>
                    <a:pt x="39862" y="5095"/>
                  </a:lnTo>
                  <a:lnTo>
                    <a:pt x="19050" y="19050"/>
                  </a:lnTo>
                  <a:lnTo>
                    <a:pt x="5095" y="39862"/>
                  </a:lnTo>
                  <a:lnTo>
                    <a:pt x="0" y="65532"/>
                  </a:lnTo>
                  <a:lnTo>
                    <a:pt x="0" y="327660"/>
                  </a:lnTo>
                  <a:lnTo>
                    <a:pt x="5095" y="352686"/>
                  </a:lnTo>
                  <a:lnTo>
                    <a:pt x="19050" y="373570"/>
                  </a:lnTo>
                  <a:lnTo>
                    <a:pt x="39862" y="387881"/>
                  </a:lnTo>
                  <a:lnTo>
                    <a:pt x="65531" y="393191"/>
                  </a:lnTo>
                  <a:lnTo>
                    <a:pt x="2776728" y="393191"/>
                  </a:lnTo>
                  <a:lnTo>
                    <a:pt x="2801754" y="387881"/>
                  </a:lnTo>
                  <a:lnTo>
                    <a:pt x="2822638" y="373570"/>
                  </a:lnTo>
                  <a:lnTo>
                    <a:pt x="2836949" y="352686"/>
                  </a:lnTo>
                  <a:lnTo>
                    <a:pt x="2842260" y="327660"/>
                  </a:lnTo>
                  <a:lnTo>
                    <a:pt x="2842260" y="65532"/>
                  </a:lnTo>
                  <a:lnTo>
                    <a:pt x="2836949" y="39862"/>
                  </a:lnTo>
                  <a:lnTo>
                    <a:pt x="2822638" y="19050"/>
                  </a:lnTo>
                  <a:lnTo>
                    <a:pt x="2801754" y="5095"/>
                  </a:lnTo>
                  <a:lnTo>
                    <a:pt x="2776728" y="0"/>
                  </a:lnTo>
                  <a:close/>
                </a:path>
              </a:pathLst>
            </a:custGeom>
            <a:solidFill>
              <a:srgbClr val="00AF4F"/>
            </a:solidFill>
          </p:spPr>
          <p:txBody>
            <a:bodyPr wrap="square" lIns="0" tIns="0" rIns="0" bIns="0" rtlCol="0"/>
            <a:lstStyle/>
            <a:p>
              <a:endParaRPr sz="1749"/>
            </a:p>
          </p:txBody>
        </p:sp>
        <p:sp>
          <p:nvSpPr>
            <p:cNvPr id="15" name="object 15"/>
            <p:cNvSpPr/>
            <p:nvPr/>
          </p:nvSpPr>
          <p:spPr>
            <a:xfrm>
              <a:off x="3142488" y="5751576"/>
              <a:ext cx="2840990" cy="407034"/>
            </a:xfrm>
            <a:custGeom>
              <a:avLst/>
              <a:gdLst/>
              <a:ahLst/>
              <a:cxnLst/>
              <a:rect l="l" t="t" r="r" b="b"/>
              <a:pathLst>
                <a:path w="2840990" h="407035">
                  <a:moveTo>
                    <a:pt x="2773679" y="0"/>
                  </a:moveTo>
                  <a:lnTo>
                    <a:pt x="67056" y="0"/>
                  </a:lnTo>
                  <a:lnTo>
                    <a:pt x="41148" y="5119"/>
                  </a:lnTo>
                  <a:lnTo>
                    <a:pt x="19812" y="19240"/>
                  </a:lnTo>
                  <a:lnTo>
                    <a:pt x="5333" y="40505"/>
                  </a:lnTo>
                  <a:lnTo>
                    <a:pt x="0" y="67055"/>
                  </a:lnTo>
                  <a:lnTo>
                    <a:pt x="0" y="338327"/>
                  </a:lnTo>
                  <a:lnTo>
                    <a:pt x="5333" y="365117"/>
                  </a:lnTo>
                  <a:lnTo>
                    <a:pt x="19812" y="386905"/>
                  </a:lnTo>
                  <a:lnTo>
                    <a:pt x="41148" y="401550"/>
                  </a:lnTo>
                  <a:lnTo>
                    <a:pt x="67056" y="406907"/>
                  </a:lnTo>
                  <a:lnTo>
                    <a:pt x="2773679" y="406907"/>
                  </a:lnTo>
                  <a:lnTo>
                    <a:pt x="2800230" y="401550"/>
                  </a:lnTo>
                  <a:lnTo>
                    <a:pt x="2821495" y="386905"/>
                  </a:lnTo>
                  <a:lnTo>
                    <a:pt x="2835616" y="365117"/>
                  </a:lnTo>
                  <a:lnTo>
                    <a:pt x="2840736" y="338327"/>
                  </a:lnTo>
                  <a:lnTo>
                    <a:pt x="2840736" y="67055"/>
                  </a:lnTo>
                  <a:lnTo>
                    <a:pt x="2835616" y="40505"/>
                  </a:lnTo>
                  <a:lnTo>
                    <a:pt x="2821495" y="19240"/>
                  </a:lnTo>
                  <a:lnTo>
                    <a:pt x="2800230" y="5119"/>
                  </a:lnTo>
                  <a:lnTo>
                    <a:pt x="2773679" y="0"/>
                  </a:lnTo>
                  <a:close/>
                </a:path>
              </a:pathLst>
            </a:custGeom>
            <a:solidFill>
              <a:srgbClr val="0070BF"/>
            </a:solidFill>
          </p:spPr>
          <p:txBody>
            <a:bodyPr wrap="square" lIns="0" tIns="0" rIns="0" bIns="0" rtlCol="0"/>
            <a:lstStyle/>
            <a:p>
              <a:endParaRPr sz="1749"/>
            </a:p>
          </p:txBody>
        </p:sp>
      </p:grpSp>
      <p:sp>
        <p:nvSpPr>
          <p:cNvPr id="16" name="object 16"/>
          <p:cNvSpPr txBox="1"/>
          <p:nvPr/>
        </p:nvSpPr>
        <p:spPr>
          <a:xfrm>
            <a:off x="1949562" y="4608055"/>
            <a:ext cx="3826471" cy="216019"/>
          </a:xfrm>
          <a:prstGeom prst="rect">
            <a:avLst/>
          </a:prstGeom>
          <a:solidFill>
            <a:srgbClr val="FFFF00"/>
          </a:solidFill>
        </p:spPr>
        <p:txBody>
          <a:bodyPr vert="horz" wrap="square" lIns="0" tIns="31494" rIns="0" bIns="0" rtlCol="0">
            <a:spAutoFit/>
          </a:bodyPr>
          <a:lstStyle/>
          <a:p>
            <a:pPr marL="297015">
              <a:spcBef>
                <a:spcPts val="248"/>
              </a:spcBef>
            </a:pPr>
            <a:r>
              <a:rPr sz="1197" b="1" spc="-21" dirty="0">
                <a:latin typeface="Meiryo UI"/>
                <a:cs typeface="Meiryo UI"/>
              </a:rPr>
              <a:t>④群マネ業務・工事実施のために検討が必要な事項</a:t>
            </a:r>
            <a:endParaRPr sz="1197">
              <a:latin typeface="Meiryo UI"/>
              <a:cs typeface="Meiryo UI"/>
            </a:endParaRPr>
          </a:p>
        </p:txBody>
      </p:sp>
      <p:grpSp>
        <p:nvGrpSpPr>
          <p:cNvPr id="17" name="object 17"/>
          <p:cNvGrpSpPr/>
          <p:nvPr/>
        </p:nvGrpSpPr>
        <p:grpSpPr>
          <a:xfrm>
            <a:off x="8021480" y="1557985"/>
            <a:ext cx="654849" cy="3981224"/>
            <a:chOff x="9190832" y="1573461"/>
            <a:chExt cx="765810" cy="4655820"/>
          </a:xfrm>
        </p:grpSpPr>
        <p:pic>
          <p:nvPicPr>
            <p:cNvPr id="18" name="object 18"/>
            <p:cNvPicPr/>
            <p:nvPr/>
          </p:nvPicPr>
          <p:blipFill>
            <a:blip r:embed="rId3" cstate="print"/>
            <a:stretch>
              <a:fillRect/>
            </a:stretch>
          </p:blipFill>
          <p:spPr>
            <a:xfrm>
              <a:off x="9190832" y="1573461"/>
              <a:ext cx="765459" cy="4655541"/>
            </a:xfrm>
            <a:prstGeom prst="rect">
              <a:avLst/>
            </a:prstGeom>
          </p:spPr>
        </p:pic>
        <p:sp>
          <p:nvSpPr>
            <p:cNvPr id="19" name="object 19"/>
            <p:cNvSpPr/>
            <p:nvPr/>
          </p:nvSpPr>
          <p:spPr>
            <a:xfrm>
              <a:off x="9372600" y="1632203"/>
              <a:ext cx="410209" cy="166370"/>
            </a:xfrm>
            <a:custGeom>
              <a:avLst/>
              <a:gdLst/>
              <a:ahLst/>
              <a:cxnLst/>
              <a:rect l="l" t="t" r="r" b="b"/>
              <a:pathLst>
                <a:path w="410209" h="166369">
                  <a:moveTo>
                    <a:pt x="166116" y="83058"/>
                  </a:moveTo>
                  <a:lnTo>
                    <a:pt x="82969" y="0"/>
                  </a:lnTo>
                  <a:lnTo>
                    <a:pt x="0" y="83058"/>
                  </a:lnTo>
                  <a:lnTo>
                    <a:pt x="82969" y="166116"/>
                  </a:lnTo>
                  <a:lnTo>
                    <a:pt x="166116" y="83058"/>
                  </a:lnTo>
                  <a:close/>
                </a:path>
                <a:path w="410209" h="166369">
                  <a:moveTo>
                    <a:pt x="409956" y="83058"/>
                  </a:moveTo>
                  <a:lnTo>
                    <a:pt x="326796" y="0"/>
                  </a:lnTo>
                  <a:lnTo>
                    <a:pt x="243840" y="83058"/>
                  </a:lnTo>
                  <a:lnTo>
                    <a:pt x="326796" y="166116"/>
                  </a:lnTo>
                  <a:lnTo>
                    <a:pt x="409956" y="83058"/>
                  </a:lnTo>
                  <a:close/>
                </a:path>
              </a:pathLst>
            </a:custGeom>
            <a:solidFill>
              <a:srgbClr val="FF0000"/>
            </a:solidFill>
          </p:spPr>
          <p:txBody>
            <a:bodyPr wrap="square" lIns="0" tIns="0" rIns="0" bIns="0" rtlCol="0"/>
            <a:lstStyle/>
            <a:p>
              <a:endParaRPr sz="1749"/>
            </a:p>
          </p:txBody>
        </p:sp>
      </p:grpSp>
      <p:sp>
        <p:nvSpPr>
          <p:cNvPr id="20" name="object 20"/>
          <p:cNvSpPr txBox="1"/>
          <p:nvPr/>
        </p:nvSpPr>
        <p:spPr>
          <a:xfrm>
            <a:off x="8010338" y="1548345"/>
            <a:ext cx="631520" cy="3982853"/>
          </a:xfrm>
          <a:prstGeom prst="rect">
            <a:avLst/>
          </a:prstGeom>
          <a:ln w="28955">
            <a:solidFill>
              <a:srgbClr val="FF7C80"/>
            </a:solidFill>
          </a:ln>
        </p:spPr>
        <p:txBody>
          <a:bodyPr vert="eaVert" wrap="square" lIns="0" tIns="54842" rIns="0" bIns="0" rtlCol="0">
            <a:spAutoFit/>
          </a:bodyPr>
          <a:lstStyle/>
          <a:p>
            <a:pPr marL="284526" marR="48869">
              <a:spcBef>
                <a:spcPts val="432"/>
              </a:spcBef>
            </a:pPr>
            <a:r>
              <a:rPr sz="1368" b="1" dirty="0">
                <a:solidFill>
                  <a:srgbClr val="FF0000"/>
                </a:solidFill>
                <a:latin typeface="Meiryo UI"/>
                <a:cs typeface="Meiryo UI"/>
              </a:rPr>
              <a:t>制度等における課題解決の方策の</a:t>
            </a:r>
            <a:r>
              <a:rPr sz="1368" b="1" spc="9" dirty="0">
                <a:solidFill>
                  <a:srgbClr val="FF0000"/>
                </a:solidFill>
                <a:latin typeface="Meiryo UI"/>
                <a:cs typeface="Meiryo UI"/>
              </a:rPr>
              <a:t>取</a:t>
            </a:r>
            <a:r>
              <a:rPr sz="1368" b="1" dirty="0">
                <a:solidFill>
                  <a:srgbClr val="FF0000"/>
                </a:solidFill>
                <a:latin typeface="Meiryo UI"/>
                <a:cs typeface="Meiryo UI"/>
              </a:rPr>
              <a:t>りま</a:t>
            </a:r>
            <a:r>
              <a:rPr sz="1368" b="1" spc="9" dirty="0">
                <a:solidFill>
                  <a:srgbClr val="FF0000"/>
                </a:solidFill>
                <a:latin typeface="Meiryo UI"/>
                <a:cs typeface="Meiryo UI"/>
              </a:rPr>
              <a:t>と</a:t>
            </a:r>
            <a:r>
              <a:rPr sz="1368" b="1" dirty="0">
                <a:solidFill>
                  <a:srgbClr val="FF0000"/>
                </a:solidFill>
                <a:latin typeface="Meiryo UI"/>
                <a:cs typeface="Meiryo UI"/>
              </a:rPr>
              <a:t>め      群マネ検討の手引</a:t>
            </a:r>
            <a:r>
              <a:rPr sz="1368" b="1" spc="-17" dirty="0">
                <a:solidFill>
                  <a:srgbClr val="FF0000"/>
                </a:solidFill>
                <a:latin typeface="Meiryo UI"/>
                <a:cs typeface="Meiryo UI"/>
              </a:rPr>
              <a:t>き</a:t>
            </a:r>
            <a:r>
              <a:rPr sz="1368" b="1" spc="13" dirty="0">
                <a:solidFill>
                  <a:srgbClr val="FF0000"/>
                </a:solidFill>
                <a:latin typeface="Meiryo UI"/>
                <a:cs typeface="Meiryo UI"/>
              </a:rPr>
              <a:t>（</a:t>
            </a:r>
            <a:r>
              <a:rPr sz="1368" b="1" spc="-4" dirty="0">
                <a:solidFill>
                  <a:srgbClr val="FF0000"/>
                </a:solidFill>
                <a:latin typeface="Meiryo UI"/>
                <a:cs typeface="Meiryo UI"/>
              </a:rPr>
              <a:t>仮</a:t>
            </a:r>
            <a:r>
              <a:rPr sz="1368" b="1" dirty="0">
                <a:solidFill>
                  <a:srgbClr val="FF0000"/>
                </a:solidFill>
                <a:latin typeface="Meiryo UI"/>
                <a:cs typeface="Meiryo UI"/>
              </a:rPr>
              <a:t>）等とし</a:t>
            </a:r>
            <a:r>
              <a:rPr sz="1368" b="1" spc="9" dirty="0">
                <a:solidFill>
                  <a:srgbClr val="FF0000"/>
                </a:solidFill>
                <a:latin typeface="Meiryo UI"/>
                <a:cs typeface="Meiryo UI"/>
              </a:rPr>
              <a:t>て</a:t>
            </a:r>
            <a:r>
              <a:rPr sz="1368" b="1" dirty="0">
                <a:solidFill>
                  <a:srgbClr val="FF0000"/>
                </a:solidFill>
                <a:latin typeface="Meiryo UI"/>
                <a:cs typeface="Meiryo UI"/>
              </a:rPr>
              <a:t>取り</a:t>
            </a:r>
            <a:r>
              <a:rPr sz="1368" b="1" spc="9" dirty="0">
                <a:solidFill>
                  <a:srgbClr val="FF0000"/>
                </a:solidFill>
                <a:latin typeface="Meiryo UI"/>
                <a:cs typeface="Meiryo UI"/>
              </a:rPr>
              <a:t>ま</a:t>
            </a:r>
            <a:r>
              <a:rPr sz="1368" b="1" dirty="0">
                <a:solidFill>
                  <a:srgbClr val="FF0000"/>
                </a:solidFill>
                <a:latin typeface="Meiryo UI"/>
                <a:cs typeface="Meiryo UI"/>
              </a:rPr>
              <a:t>とめ</a:t>
            </a:r>
            <a:endParaRPr sz="1368" dirty="0">
              <a:latin typeface="Meiryo UI"/>
              <a:cs typeface="Meiryo UI"/>
            </a:endParaRPr>
          </a:p>
        </p:txBody>
      </p:sp>
      <p:sp>
        <p:nvSpPr>
          <p:cNvPr id="21" name="object 21"/>
          <p:cNvSpPr txBox="1"/>
          <p:nvPr/>
        </p:nvSpPr>
        <p:spPr>
          <a:xfrm>
            <a:off x="2809227" y="2149817"/>
            <a:ext cx="2812464" cy="220925"/>
          </a:xfrm>
          <a:prstGeom prst="rect">
            <a:avLst/>
          </a:prstGeom>
        </p:spPr>
        <p:txBody>
          <a:bodyPr vert="horz" wrap="square" lIns="0" tIns="10317" rIns="0" bIns="0" rtlCol="0">
            <a:spAutoFit/>
          </a:bodyPr>
          <a:lstStyle/>
          <a:p>
            <a:pPr marL="10860">
              <a:spcBef>
                <a:spcPts val="81"/>
              </a:spcBef>
            </a:pPr>
            <a:r>
              <a:rPr sz="1368" b="1" spc="-26" dirty="0">
                <a:solidFill>
                  <a:srgbClr val="FF0000"/>
                </a:solidFill>
                <a:latin typeface="Meiryo UI"/>
                <a:cs typeface="Meiryo UI"/>
              </a:rPr>
              <a:t>計画づくりの視点からアプローチ</a:t>
            </a:r>
            <a:endParaRPr sz="1368" dirty="0">
              <a:latin typeface="Meiryo UI"/>
              <a:cs typeface="Meiryo UI"/>
            </a:endParaRPr>
          </a:p>
        </p:txBody>
      </p:sp>
      <p:sp>
        <p:nvSpPr>
          <p:cNvPr id="22" name="object 22"/>
          <p:cNvSpPr txBox="1"/>
          <p:nvPr/>
        </p:nvSpPr>
        <p:spPr>
          <a:xfrm>
            <a:off x="1724792" y="2375708"/>
            <a:ext cx="4778960" cy="206697"/>
          </a:xfrm>
          <a:prstGeom prst="rect">
            <a:avLst/>
          </a:prstGeom>
          <a:solidFill>
            <a:srgbClr val="FFFF00"/>
          </a:solidFill>
        </p:spPr>
        <p:txBody>
          <a:bodyPr vert="horz" wrap="square" lIns="0" tIns="22262" rIns="0" bIns="0" rtlCol="0">
            <a:spAutoFit/>
          </a:bodyPr>
          <a:lstStyle/>
          <a:p>
            <a:pPr marL="118371">
              <a:spcBef>
                <a:spcPts val="174"/>
              </a:spcBef>
            </a:pPr>
            <a:r>
              <a:rPr sz="1197" b="1" dirty="0">
                <a:latin typeface="Meiryo UI"/>
                <a:cs typeface="Meiryo UI"/>
              </a:rPr>
              <a:t>①新設～</a:t>
            </a:r>
            <a:r>
              <a:rPr sz="1197" b="1" spc="-21" dirty="0">
                <a:latin typeface="Meiryo UI"/>
                <a:cs typeface="Meiryo UI"/>
              </a:rPr>
              <a:t>更新までの群マネ計画づくりのために検討が必要な事項</a:t>
            </a:r>
            <a:endParaRPr sz="1197" dirty="0">
              <a:latin typeface="Meiryo UI"/>
              <a:cs typeface="Meiryo UI"/>
            </a:endParaRPr>
          </a:p>
        </p:txBody>
      </p:sp>
      <p:sp>
        <p:nvSpPr>
          <p:cNvPr id="23" name="object 23"/>
          <p:cNvSpPr txBox="1"/>
          <p:nvPr/>
        </p:nvSpPr>
        <p:spPr>
          <a:xfrm>
            <a:off x="658106" y="5874752"/>
            <a:ext cx="495210" cy="597612"/>
          </a:xfrm>
          <a:prstGeom prst="rect">
            <a:avLst/>
          </a:prstGeom>
          <a:solidFill>
            <a:srgbClr val="000000"/>
          </a:solidFill>
        </p:spPr>
        <p:txBody>
          <a:bodyPr vert="horz" wrap="square" lIns="0" tIns="44525" rIns="0" bIns="0" rtlCol="0">
            <a:spAutoFit/>
          </a:bodyPr>
          <a:lstStyle/>
          <a:p>
            <a:pPr marL="95023" marR="54299" indent="-32579">
              <a:spcBef>
                <a:spcPts val="350"/>
              </a:spcBef>
            </a:pPr>
            <a:r>
              <a:rPr sz="1197" b="1" spc="-17" dirty="0">
                <a:solidFill>
                  <a:srgbClr val="FFFFFF"/>
                </a:solidFill>
                <a:latin typeface="Meiryo UI"/>
                <a:cs typeface="Meiryo UI"/>
              </a:rPr>
              <a:t>モデル</a:t>
            </a:r>
            <a:r>
              <a:rPr sz="1197" b="1" spc="-21" dirty="0">
                <a:solidFill>
                  <a:srgbClr val="FFFFFF"/>
                </a:solidFill>
                <a:latin typeface="Meiryo UI"/>
                <a:cs typeface="Meiryo UI"/>
              </a:rPr>
              <a:t>地域</a:t>
            </a:r>
            <a:endParaRPr sz="1197">
              <a:latin typeface="Meiryo UI"/>
              <a:cs typeface="Meiryo UI"/>
            </a:endParaRPr>
          </a:p>
        </p:txBody>
      </p:sp>
      <p:sp>
        <p:nvSpPr>
          <p:cNvPr id="24" name="object 24"/>
          <p:cNvSpPr/>
          <p:nvPr/>
        </p:nvSpPr>
        <p:spPr>
          <a:xfrm>
            <a:off x="1153098" y="6230900"/>
            <a:ext cx="5199700" cy="276383"/>
          </a:xfrm>
          <a:custGeom>
            <a:avLst/>
            <a:gdLst/>
            <a:ahLst/>
            <a:cxnLst/>
            <a:rect l="l" t="t" r="r" b="b"/>
            <a:pathLst>
              <a:path w="6080759" h="323215">
                <a:moveTo>
                  <a:pt x="5937504" y="0"/>
                </a:moveTo>
                <a:lnTo>
                  <a:pt x="0" y="0"/>
                </a:lnTo>
                <a:lnTo>
                  <a:pt x="0" y="323088"/>
                </a:lnTo>
                <a:lnTo>
                  <a:pt x="5937504" y="323088"/>
                </a:lnTo>
                <a:lnTo>
                  <a:pt x="6080760" y="161544"/>
                </a:lnTo>
                <a:lnTo>
                  <a:pt x="5937504" y="0"/>
                </a:lnTo>
                <a:close/>
              </a:path>
            </a:pathLst>
          </a:custGeom>
          <a:solidFill>
            <a:srgbClr val="0099FF"/>
          </a:solidFill>
        </p:spPr>
        <p:txBody>
          <a:bodyPr wrap="square" lIns="0" tIns="0" rIns="0" bIns="0" rtlCol="0"/>
          <a:lstStyle/>
          <a:p>
            <a:endParaRPr sz="1749"/>
          </a:p>
        </p:txBody>
      </p:sp>
      <p:sp>
        <p:nvSpPr>
          <p:cNvPr id="25" name="object 25"/>
          <p:cNvSpPr txBox="1"/>
          <p:nvPr/>
        </p:nvSpPr>
        <p:spPr>
          <a:xfrm>
            <a:off x="1249319" y="6173558"/>
            <a:ext cx="3091258" cy="301139"/>
          </a:xfrm>
          <a:prstGeom prst="rect">
            <a:avLst/>
          </a:prstGeom>
        </p:spPr>
        <p:txBody>
          <a:bodyPr vert="horz" wrap="square" lIns="0" tIns="36924" rIns="0" bIns="0" rtlCol="0">
            <a:spAutoFit/>
          </a:bodyPr>
          <a:lstStyle/>
          <a:p>
            <a:pPr marL="444708" marR="4344" indent="-434391">
              <a:lnSpc>
                <a:spcPts val="1026"/>
              </a:lnSpc>
              <a:spcBef>
                <a:spcPts val="291"/>
              </a:spcBef>
            </a:pPr>
            <a:r>
              <a:rPr sz="1026" b="1" spc="-17" dirty="0">
                <a:latin typeface="Meiryo UI"/>
                <a:cs typeface="Meiryo UI"/>
              </a:rPr>
              <a:t>【当面】支援期間内に行う、既存の入札契約方式に拘らず最適な方式による業務・工事発注を検討</a:t>
            </a:r>
            <a:endParaRPr sz="1026">
              <a:latin typeface="Meiryo UI"/>
              <a:cs typeface="Meiryo UI"/>
            </a:endParaRPr>
          </a:p>
        </p:txBody>
      </p:sp>
      <p:grpSp>
        <p:nvGrpSpPr>
          <p:cNvPr id="26" name="object 26"/>
          <p:cNvGrpSpPr/>
          <p:nvPr/>
        </p:nvGrpSpPr>
        <p:grpSpPr>
          <a:xfrm>
            <a:off x="506939" y="2685861"/>
            <a:ext cx="6772750" cy="1945652"/>
            <a:chOff x="592836" y="2912364"/>
            <a:chExt cx="7920355" cy="2275332"/>
          </a:xfrm>
        </p:grpSpPr>
        <p:sp>
          <p:nvSpPr>
            <p:cNvPr id="27" name="object 27"/>
            <p:cNvSpPr/>
            <p:nvPr/>
          </p:nvSpPr>
          <p:spPr>
            <a:xfrm>
              <a:off x="3062965" y="3217164"/>
              <a:ext cx="428625" cy="791210"/>
            </a:xfrm>
            <a:custGeom>
              <a:avLst/>
              <a:gdLst/>
              <a:ahLst/>
              <a:cxnLst/>
              <a:rect l="l" t="t" r="r" b="b"/>
              <a:pathLst>
                <a:path w="428625" h="791210">
                  <a:moveTo>
                    <a:pt x="204490" y="0"/>
                  </a:moveTo>
                  <a:lnTo>
                    <a:pt x="204490" y="82296"/>
                  </a:lnTo>
                  <a:lnTo>
                    <a:pt x="177556" y="113817"/>
                  </a:lnTo>
                  <a:lnTo>
                    <a:pt x="152269" y="148501"/>
                  </a:lnTo>
                  <a:lnTo>
                    <a:pt x="128692" y="186135"/>
                  </a:lnTo>
                  <a:lnTo>
                    <a:pt x="106887" y="226508"/>
                  </a:lnTo>
                  <a:lnTo>
                    <a:pt x="86916" y="269409"/>
                  </a:lnTo>
                  <a:lnTo>
                    <a:pt x="68842" y="314626"/>
                  </a:lnTo>
                  <a:lnTo>
                    <a:pt x="52726" y="361949"/>
                  </a:lnTo>
                  <a:lnTo>
                    <a:pt x="38632" y="411165"/>
                  </a:lnTo>
                  <a:lnTo>
                    <a:pt x="26621" y="462064"/>
                  </a:lnTo>
                  <a:lnTo>
                    <a:pt x="16756" y="514434"/>
                  </a:lnTo>
                  <a:lnTo>
                    <a:pt x="9099" y="568064"/>
                  </a:lnTo>
                  <a:lnTo>
                    <a:pt x="3712" y="622742"/>
                  </a:lnTo>
                  <a:lnTo>
                    <a:pt x="658" y="678258"/>
                  </a:lnTo>
                  <a:lnTo>
                    <a:pt x="0" y="734400"/>
                  </a:lnTo>
                  <a:lnTo>
                    <a:pt x="1798" y="790956"/>
                  </a:lnTo>
                  <a:lnTo>
                    <a:pt x="6135" y="732446"/>
                  </a:lnTo>
                  <a:lnTo>
                    <a:pt x="13002" y="675174"/>
                  </a:lnTo>
                  <a:lnTo>
                    <a:pt x="22324" y="619363"/>
                  </a:lnTo>
                  <a:lnTo>
                    <a:pt x="34028" y="565234"/>
                  </a:lnTo>
                  <a:lnTo>
                    <a:pt x="48038" y="513011"/>
                  </a:lnTo>
                  <a:lnTo>
                    <a:pt x="64282" y="462915"/>
                  </a:lnTo>
                  <a:lnTo>
                    <a:pt x="82685" y="415168"/>
                  </a:lnTo>
                  <a:lnTo>
                    <a:pt x="103172" y="369993"/>
                  </a:lnTo>
                  <a:lnTo>
                    <a:pt x="125671" y="327612"/>
                  </a:lnTo>
                  <a:lnTo>
                    <a:pt x="150106" y="288247"/>
                  </a:lnTo>
                  <a:lnTo>
                    <a:pt x="176404" y="252121"/>
                  </a:lnTo>
                  <a:lnTo>
                    <a:pt x="204490" y="219456"/>
                  </a:lnTo>
                  <a:lnTo>
                    <a:pt x="204490" y="301751"/>
                  </a:lnTo>
                  <a:lnTo>
                    <a:pt x="428518" y="39624"/>
                  </a:lnTo>
                  <a:lnTo>
                    <a:pt x="204490" y="0"/>
                  </a:lnTo>
                  <a:close/>
                </a:path>
              </a:pathLst>
            </a:custGeom>
            <a:solidFill>
              <a:srgbClr val="7E7E7E"/>
            </a:solidFill>
          </p:spPr>
          <p:txBody>
            <a:bodyPr wrap="square" lIns="0" tIns="0" rIns="0" bIns="0" rtlCol="0"/>
            <a:lstStyle/>
            <a:p>
              <a:endParaRPr sz="1749"/>
            </a:p>
          </p:txBody>
        </p:sp>
        <p:sp>
          <p:nvSpPr>
            <p:cNvPr id="28" name="object 28"/>
            <p:cNvSpPr/>
            <p:nvPr/>
          </p:nvSpPr>
          <p:spPr>
            <a:xfrm>
              <a:off x="3063240" y="3941064"/>
              <a:ext cx="428625" cy="887094"/>
            </a:xfrm>
            <a:custGeom>
              <a:avLst/>
              <a:gdLst/>
              <a:ahLst/>
              <a:cxnLst/>
              <a:rect l="l" t="t" r="r" b="b"/>
              <a:pathLst>
                <a:path w="428625" h="887095">
                  <a:moveTo>
                    <a:pt x="0" y="0"/>
                  </a:moveTo>
                  <a:lnTo>
                    <a:pt x="0" y="135636"/>
                  </a:lnTo>
                  <a:lnTo>
                    <a:pt x="1421" y="197199"/>
                  </a:lnTo>
                  <a:lnTo>
                    <a:pt x="5612" y="257403"/>
                  </a:lnTo>
                  <a:lnTo>
                    <a:pt x="12462" y="316052"/>
                  </a:lnTo>
                  <a:lnTo>
                    <a:pt x="21860" y="372953"/>
                  </a:lnTo>
                  <a:lnTo>
                    <a:pt x="33694" y="427910"/>
                  </a:lnTo>
                  <a:lnTo>
                    <a:pt x="47855" y="480730"/>
                  </a:lnTo>
                  <a:lnTo>
                    <a:pt x="64230" y="531218"/>
                  </a:lnTo>
                  <a:lnTo>
                    <a:pt x="82710" y="579180"/>
                  </a:lnTo>
                  <a:lnTo>
                    <a:pt x="103183" y="624422"/>
                  </a:lnTo>
                  <a:lnTo>
                    <a:pt x="125539" y="666750"/>
                  </a:lnTo>
                  <a:lnTo>
                    <a:pt x="149666" y="705968"/>
                  </a:lnTo>
                  <a:lnTo>
                    <a:pt x="175455" y="741883"/>
                  </a:lnTo>
                  <a:lnTo>
                    <a:pt x="202793" y="774300"/>
                  </a:lnTo>
                  <a:lnTo>
                    <a:pt x="231570" y="803026"/>
                  </a:lnTo>
                  <a:lnTo>
                    <a:pt x="261675" y="827865"/>
                  </a:lnTo>
                  <a:lnTo>
                    <a:pt x="325427" y="865108"/>
                  </a:lnTo>
                  <a:lnTo>
                    <a:pt x="393160" y="884474"/>
                  </a:lnTo>
                  <a:lnTo>
                    <a:pt x="428244" y="886968"/>
                  </a:lnTo>
                  <a:lnTo>
                    <a:pt x="428244" y="749808"/>
                  </a:lnTo>
                  <a:lnTo>
                    <a:pt x="393160" y="747325"/>
                  </a:lnTo>
                  <a:lnTo>
                    <a:pt x="358851" y="740005"/>
                  </a:lnTo>
                  <a:lnTo>
                    <a:pt x="292998" y="711622"/>
                  </a:lnTo>
                  <a:lnTo>
                    <a:pt x="231570" y="666195"/>
                  </a:lnTo>
                  <a:lnTo>
                    <a:pt x="202793" y="637569"/>
                  </a:lnTo>
                  <a:lnTo>
                    <a:pt x="175455" y="605259"/>
                  </a:lnTo>
                  <a:lnTo>
                    <a:pt x="149666" y="569456"/>
                  </a:lnTo>
                  <a:lnTo>
                    <a:pt x="125539" y="530352"/>
                  </a:lnTo>
                  <a:lnTo>
                    <a:pt x="103183" y="488138"/>
                  </a:lnTo>
                  <a:lnTo>
                    <a:pt x="82710" y="443008"/>
                  </a:lnTo>
                  <a:lnTo>
                    <a:pt x="64230" y="395153"/>
                  </a:lnTo>
                  <a:lnTo>
                    <a:pt x="47855" y="344765"/>
                  </a:lnTo>
                  <a:lnTo>
                    <a:pt x="33694" y="292036"/>
                  </a:lnTo>
                  <a:lnTo>
                    <a:pt x="21860" y="237158"/>
                  </a:lnTo>
                  <a:lnTo>
                    <a:pt x="12462" y="180324"/>
                  </a:lnTo>
                  <a:lnTo>
                    <a:pt x="5612" y="121724"/>
                  </a:lnTo>
                  <a:lnTo>
                    <a:pt x="1421" y="61552"/>
                  </a:lnTo>
                  <a:lnTo>
                    <a:pt x="0" y="0"/>
                  </a:lnTo>
                  <a:close/>
                </a:path>
              </a:pathLst>
            </a:custGeom>
            <a:solidFill>
              <a:srgbClr val="666666"/>
            </a:solidFill>
          </p:spPr>
          <p:txBody>
            <a:bodyPr wrap="square" lIns="0" tIns="0" rIns="0" bIns="0" rtlCol="0"/>
            <a:lstStyle/>
            <a:p>
              <a:endParaRPr sz="1749"/>
            </a:p>
          </p:txBody>
        </p:sp>
        <p:sp>
          <p:nvSpPr>
            <p:cNvPr id="29" name="object 29"/>
            <p:cNvSpPr/>
            <p:nvPr/>
          </p:nvSpPr>
          <p:spPr>
            <a:xfrm>
              <a:off x="4736495" y="3080004"/>
              <a:ext cx="481965" cy="906780"/>
            </a:xfrm>
            <a:custGeom>
              <a:avLst/>
              <a:gdLst/>
              <a:ahLst/>
              <a:cxnLst/>
              <a:rect l="l" t="t" r="r" b="b"/>
              <a:pathLst>
                <a:path w="481964" h="906779">
                  <a:moveTo>
                    <a:pt x="230221" y="0"/>
                  </a:moveTo>
                  <a:lnTo>
                    <a:pt x="230221" y="92963"/>
                  </a:lnTo>
                  <a:lnTo>
                    <a:pt x="203492" y="124561"/>
                  </a:lnTo>
                  <a:lnTo>
                    <a:pt x="178200" y="159002"/>
                  </a:lnTo>
                  <a:lnTo>
                    <a:pt x="154390" y="196125"/>
                  </a:lnTo>
                  <a:lnTo>
                    <a:pt x="132106" y="235768"/>
                  </a:lnTo>
                  <a:lnTo>
                    <a:pt x="111393" y="277770"/>
                  </a:lnTo>
                  <a:lnTo>
                    <a:pt x="92296" y="321967"/>
                  </a:lnTo>
                  <a:lnTo>
                    <a:pt x="74858" y="368199"/>
                  </a:lnTo>
                  <a:lnTo>
                    <a:pt x="59126" y="416303"/>
                  </a:lnTo>
                  <a:lnTo>
                    <a:pt x="45143" y="466118"/>
                  </a:lnTo>
                  <a:lnTo>
                    <a:pt x="32954" y="517481"/>
                  </a:lnTo>
                  <a:lnTo>
                    <a:pt x="22604" y="570231"/>
                  </a:lnTo>
                  <a:lnTo>
                    <a:pt x="14137" y="624205"/>
                  </a:lnTo>
                  <a:lnTo>
                    <a:pt x="7599" y="679242"/>
                  </a:lnTo>
                  <a:lnTo>
                    <a:pt x="3033" y="735180"/>
                  </a:lnTo>
                  <a:lnTo>
                    <a:pt x="485" y="791857"/>
                  </a:lnTo>
                  <a:lnTo>
                    <a:pt x="0" y="849111"/>
                  </a:lnTo>
                  <a:lnTo>
                    <a:pt x="1621" y="906779"/>
                  </a:lnTo>
                  <a:lnTo>
                    <a:pt x="5646" y="848770"/>
                  </a:lnTo>
                  <a:lnTo>
                    <a:pt x="11804" y="791764"/>
                  </a:lnTo>
                  <a:lnTo>
                    <a:pt x="20035" y="735924"/>
                  </a:lnTo>
                  <a:lnTo>
                    <a:pt x="30279" y="681414"/>
                  </a:lnTo>
                  <a:lnTo>
                    <a:pt x="42475" y="628397"/>
                  </a:lnTo>
                  <a:lnTo>
                    <a:pt x="56565" y="577036"/>
                  </a:lnTo>
                  <a:lnTo>
                    <a:pt x="72487" y="527494"/>
                  </a:lnTo>
                  <a:lnTo>
                    <a:pt x="90181" y="479935"/>
                  </a:lnTo>
                  <a:lnTo>
                    <a:pt x="109589" y="434522"/>
                  </a:lnTo>
                  <a:lnTo>
                    <a:pt x="130650" y="391419"/>
                  </a:lnTo>
                  <a:lnTo>
                    <a:pt x="153303" y="350788"/>
                  </a:lnTo>
                  <a:lnTo>
                    <a:pt x="177489" y="312793"/>
                  </a:lnTo>
                  <a:lnTo>
                    <a:pt x="203148" y="277597"/>
                  </a:lnTo>
                  <a:lnTo>
                    <a:pt x="230221" y="245363"/>
                  </a:lnTo>
                  <a:lnTo>
                    <a:pt x="230221" y="338327"/>
                  </a:lnTo>
                  <a:lnTo>
                    <a:pt x="481681" y="42671"/>
                  </a:lnTo>
                  <a:lnTo>
                    <a:pt x="230221" y="0"/>
                  </a:lnTo>
                  <a:close/>
                </a:path>
              </a:pathLst>
            </a:custGeom>
            <a:solidFill>
              <a:srgbClr val="7E7E7E"/>
            </a:solidFill>
          </p:spPr>
          <p:txBody>
            <a:bodyPr wrap="square" lIns="0" tIns="0" rIns="0" bIns="0" rtlCol="0"/>
            <a:lstStyle/>
            <a:p>
              <a:endParaRPr sz="1749"/>
            </a:p>
          </p:txBody>
        </p:sp>
        <p:sp>
          <p:nvSpPr>
            <p:cNvPr id="30" name="object 30"/>
            <p:cNvSpPr/>
            <p:nvPr/>
          </p:nvSpPr>
          <p:spPr>
            <a:xfrm>
              <a:off x="4736591" y="3909060"/>
              <a:ext cx="481965" cy="1018540"/>
            </a:xfrm>
            <a:custGeom>
              <a:avLst/>
              <a:gdLst/>
              <a:ahLst/>
              <a:cxnLst/>
              <a:rect l="l" t="t" r="r" b="b"/>
              <a:pathLst>
                <a:path w="481964" h="1018539">
                  <a:moveTo>
                    <a:pt x="0" y="0"/>
                  </a:moveTo>
                  <a:lnTo>
                    <a:pt x="0" y="153924"/>
                  </a:lnTo>
                  <a:lnTo>
                    <a:pt x="1213" y="215608"/>
                  </a:lnTo>
                  <a:lnTo>
                    <a:pt x="4798" y="276126"/>
                  </a:lnTo>
                  <a:lnTo>
                    <a:pt x="10673" y="335332"/>
                  </a:lnTo>
                  <a:lnTo>
                    <a:pt x="18754" y="393077"/>
                  </a:lnTo>
                  <a:lnTo>
                    <a:pt x="28959" y="449217"/>
                  </a:lnTo>
                  <a:lnTo>
                    <a:pt x="41205" y="503604"/>
                  </a:lnTo>
                  <a:lnTo>
                    <a:pt x="55410" y="556092"/>
                  </a:lnTo>
                  <a:lnTo>
                    <a:pt x="71490" y="606535"/>
                  </a:lnTo>
                  <a:lnTo>
                    <a:pt x="89364" y="654785"/>
                  </a:lnTo>
                  <a:lnTo>
                    <a:pt x="108948" y="700696"/>
                  </a:lnTo>
                  <a:lnTo>
                    <a:pt x="130160" y="744122"/>
                  </a:lnTo>
                  <a:lnTo>
                    <a:pt x="152917" y="784916"/>
                  </a:lnTo>
                  <a:lnTo>
                    <a:pt x="177137" y="822931"/>
                  </a:lnTo>
                  <a:lnTo>
                    <a:pt x="202736" y="858022"/>
                  </a:lnTo>
                  <a:lnTo>
                    <a:pt x="229633" y="890041"/>
                  </a:lnTo>
                  <a:lnTo>
                    <a:pt x="257744" y="918842"/>
                  </a:lnTo>
                  <a:lnTo>
                    <a:pt x="286987" y="944278"/>
                  </a:lnTo>
                  <a:lnTo>
                    <a:pt x="348538" y="984471"/>
                  </a:lnTo>
                  <a:lnTo>
                    <a:pt x="413624" y="1009446"/>
                  </a:lnTo>
                  <a:lnTo>
                    <a:pt x="481584" y="1018032"/>
                  </a:lnTo>
                  <a:lnTo>
                    <a:pt x="481584" y="864107"/>
                  </a:lnTo>
                  <a:lnTo>
                    <a:pt x="447286" y="861945"/>
                  </a:lnTo>
                  <a:lnTo>
                    <a:pt x="413624" y="855553"/>
                  </a:lnTo>
                  <a:lnTo>
                    <a:pt x="348538" y="830661"/>
                  </a:lnTo>
                  <a:lnTo>
                    <a:pt x="286987" y="790584"/>
                  </a:lnTo>
                  <a:lnTo>
                    <a:pt x="257744" y="765213"/>
                  </a:lnTo>
                  <a:lnTo>
                    <a:pt x="229633" y="736478"/>
                  </a:lnTo>
                  <a:lnTo>
                    <a:pt x="202736" y="704524"/>
                  </a:lnTo>
                  <a:lnTo>
                    <a:pt x="177137" y="669496"/>
                  </a:lnTo>
                  <a:lnTo>
                    <a:pt x="152917" y="631537"/>
                  </a:lnTo>
                  <a:lnTo>
                    <a:pt x="130160" y="590793"/>
                  </a:lnTo>
                  <a:lnTo>
                    <a:pt x="108948" y="547407"/>
                  </a:lnTo>
                  <a:lnTo>
                    <a:pt x="89364" y="501524"/>
                  </a:lnTo>
                  <a:lnTo>
                    <a:pt x="71490" y="453287"/>
                  </a:lnTo>
                  <a:lnTo>
                    <a:pt x="55410" y="402842"/>
                  </a:lnTo>
                  <a:lnTo>
                    <a:pt x="41205" y="350332"/>
                  </a:lnTo>
                  <a:lnTo>
                    <a:pt x="28959" y="295902"/>
                  </a:lnTo>
                  <a:lnTo>
                    <a:pt x="18754" y="239696"/>
                  </a:lnTo>
                  <a:lnTo>
                    <a:pt x="10673" y="181859"/>
                  </a:lnTo>
                  <a:lnTo>
                    <a:pt x="4798" y="122534"/>
                  </a:lnTo>
                  <a:lnTo>
                    <a:pt x="1213" y="61866"/>
                  </a:lnTo>
                  <a:lnTo>
                    <a:pt x="0" y="0"/>
                  </a:lnTo>
                  <a:close/>
                </a:path>
              </a:pathLst>
            </a:custGeom>
            <a:solidFill>
              <a:srgbClr val="666666"/>
            </a:solidFill>
          </p:spPr>
          <p:txBody>
            <a:bodyPr wrap="square" lIns="0" tIns="0" rIns="0" bIns="0" rtlCol="0"/>
            <a:lstStyle/>
            <a:p>
              <a:endParaRPr sz="1749"/>
            </a:p>
          </p:txBody>
        </p:sp>
        <p:sp>
          <p:nvSpPr>
            <p:cNvPr id="31" name="object 31"/>
            <p:cNvSpPr/>
            <p:nvPr/>
          </p:nvSpPr>
          <p:spPr>
            <a:xfrm>
              <a:off x="6475084" y="2912364"/>
              <a:ext cx="663575" cy="1120140"/>
            </a:xfrm>
            <a:custGeom>
              <a:avLst/>
              <a:gdLst/>
              <a:ahLst/>
              <a:cxnLst/>
              <a:rect l="l" t="t" r="r" b="b"/>
              <a:pathLst>
                <a:path w="663575" h="1120139">
                  <a:moveTo>
                    <a:pt x="317383" y="0"/>
                  </a:moveTo>
                  <a:lnTo>
                    <a:pt x="317383" y="126492"/>
                  </a:lnTo>
                  <a:lnTo>
                    <a:pt x="288265" y="156052"/>
                  </a:lnTo>
                  <a:lnTo>
                    <a:pt x="260366" y="187729"/>
                  </a:lnTo>
                  <a:lnTo>
                    <a:pt x="233717" y="221427"/>
                  </a:lnTo>
                  <a:lnTo>
                    <a:pt x="208344" y="257052"/>
                  </a:lnTo>
                  <a:lnTo>
                    <a:pt x="184279" y="294509"/>
                  </a:lnTo>
                  <a:lnTo>
                    <a:pt x="161550" y="333705"/>
                  </a:lnTo>
                  <a:lnTo>
                    <a:pt x="140187" y="374545"/>
                  </a:lnTo>
                  <a:lnTo>
                    <a:pt x="120218" y="416933"/>
                  </a:lnTo>
                  <a:lnTo>
                    <a:pt x="101673" y="460776"/>
                  </a:lnTo>
                  <a:lnTo>
                    <a:pt x="84581" y="505980"/>
                  </a:lnTo>
                  <a:lnTo>
                    <a:pt x="68971" y="552450"/>
                  </a:lnTo>
                  <a:lnTo>
                    <a:pt x="54873" y="600090"/>
                  </a:lnTo>
                  <a:lnTo>
                    <a:pt x="42315" y="648808"/>
                  </a:lnTo>
                  <a:lnTo>
                    <a:pt x="31327" y="698508"/>
                  </a:lnTo>
                  <a:lnTo>
                    <a:pt x="21938" y="749096"/>
                  </a:lnTo>
                  <a:lnTo>
                    <a:pt x="14177" y="800477"/>
                  </a:lnTo>
                  <a:lnTo>
                    <a:pt x="8073" y="852558"/>
                  </a:lnTo>
                  <a:lnTo>
                    <a:pt x="3657" y="905243"/>
                  </a:lnTo>
                  <a:lnTo>
                    <a:pt x="956" y="958438"/>
                  </a:lnTo>
                  <a:lnTo>
                    <a:pt x="0" y="1012049"/>
                  </a:lnTo>
                  <a:lnTo>
                    <a:pt x="818" y="1065981"/>
                  </a:lnTo>
                  <a:lnTo>
                    <a:pt x="3439" y="1120140"/>
                  </a:lnTo>
                  <a:lnTo>
                    <a:pt x="8178" y="1063490"/>
                  </a:lnTo>
                  <a:lnTo>
                    <a:pt x="14838" y="1007642"/>
                  </a:lnTo>
                  <a:lnTo>
                    <a:pt x="23378" y="952703"/>
                  </a:lnTo>
                  <a:lnTo>
                    <a:pt x="33757" y="898778"/>
                  </a:lnTo>
                  <a:lnTo>
                    <a:pt x="45933" y="845973"/>
                  </a:lnTo>
                  <a:lnTo>
                    <a:pt x="59866" y="794395"/>
                  </a:lnTo>
                  <a:lnTo>
                    <a:pt x="75516" y="744149"/>
                  </a:lnTo>
                  <a:lnTo>
                    <a:pt x="92840" y="695343"/>
                  </a:lnTo>
                  <a:lnTo>
                    <a:pt x="111799" y="648081"/>
                  </a:lnTo>
                  <a:lnTo>
                    <a:pt x="132351" y="602470"/>
                  </a:lnTo>
                  <a:lnTo>
                    <a:pt x="154455" y="558615"/>
                  </a:lnTo>
                  <a:lnTo>
                    <a:pt x="178070" y="516624"/>
                  </a:lnTo>
                  <a:lnTo>
                    <a:pt x="203156" y="476602"/>
                  </a:lnTo>
                  <a:lnTo>
                    <a:pt x="229671" y="438656"/>
                  </a:lnTo>
                  <a:lnTo>
                    <a:pt x="257575" y="402890"/>
                  </a:lnTo>
                  <a:lnTo>
                    <a:pt x="286826" y="369412"/>
                  </a:lnTo>
                  <a:lnTo>
                    <a:pt x="317383" y="338328"/>
                  </a:lnTo>
                  <a:lnTo>
                    <a:pt x="317383" y="464820"/>
                  </a:lnTo>
                  <a:lnTo>
                    <a:pt x="663331" y="79248"/>
                  </a:lnTo>
                  <a:lnTo>
                    <a:pt x="317383" y="0"/>
                  </a:lnTo>
                  <a:close/>
                </a:path>
              </a:pathLst>
            </a:custGeom>
            <a:solidFill>
              <a:srgbClr val="7E7E7E"/>
            </a:solidFill>
          </p:spPr>
          <p:txBody>
            <a:bodyPr wrap="square" lIns="0" tIns="0" rIns="0" bIns="0" rtlCol="0"/>
            <a:lstStyle/>
            <a:p>
              <a:endParaRPr sz="1749"/>
            </a:p>
          </p:txBody>
        </p:sp>
        <p:sp>
          <p:nvSpPr>
            <p:cNvPr id="32" name="object 32"/>
            <p:cNvSpPr/>
            <p:nvPr/>
          </p:nvSpPr>
          <p:spPr>
            <a:xfrm>
              <a:off x="6473951" y="3927348"/>
              <a:ext cx="664845" cy="1251585"/>
            </a:xfrm>
            <a:custGeom>
              <a:avLst/>
              <a:gdLst/>
              <a:ahLst/>
              <a:cxnLst/>
              <a:rect l="l" t="t" r="r" b="b"/>
              <a:pathLst>
                <a:path w="664845" h="1251585">
                  <a:moveTo>
                    <a:pt x="0" y="0"/>
                  </a:moveTo>
                  <a:lnTo>
                    <a:pt x="0" y="210312"/>
                  </a:lnTo>
                  <a:lnTo>
                    <a:pt x="1056" y="269494"/>
                  </a:lnTo>
                  <a:lnTo>
                    <a:pt x="4186" y="327795"/>
                  </a:lnTo>
                  <a:lnTo>
                    <a:pt x="9333" y="385129"/>
                  </a:lnTo>
                  <a:lnTo>
                    <a:pt x="16440" y="441409"/>
                  </a:lnTo>
                  <a:lnTo>
                    <a:pt x="25451" y="496546"/>
                  </a:lnTo>
                  <a:lnTo>
                    <a:pt x="36307" y="550455"/>
                  </a:lnTo>
                  <a:lnTo>
                    <a:pt x="48953" y="603049"/>
                  </a:lnTo>
                  <a:lnTo>
                    <a:pt x="63331" y="654239"/>
                  </a:lnTo>
                  <a:lnTo>
                    <a:pt x="79383" y="703941"/>
                  </a:lnTo>
                  <a:lnTo>
                    <a:pt x="97055" y="752065"/>
                  </a:lnTo>
                  <a:lnTo>
                    <a:pt x="116287" y="798527"/>
                  </a:lnTo>
                  <a:lnTo>
                    <a:pt x="137023" y="843237"/>
                  </a:lnTo>
                  <a:lnTo>
                    <a:pt x="159207" y="886110"/>
                  </a:lnTo>
                  <a:lnTo>
                    <a:pt x="182781" y="927059"/>
                  </a:lnTo>
                  <a:lnTo>
                    <a:pt x="207688" y="965996"/>
                  </a:lnTo>
                  <a:lnTo>
                    <a:pt x="233872" y="1002835"/>
                  </a:lnTo>
                  <a:lnTo>
                    <a:pt x="261274" y="1037488"/>
                  </a:lnTo>
                  <a:lnTo>
                    <a:pt x="289839" y="1069869"/>
                  </a:lnTo>
                  <a:lnTo>
                    <a:pt x="319509" y="1099891"/>
                  </a:lnTo>
                  <a:lnTo>
                    <a:pt x="350228" y="1127466"/>
                  </a:lnTo>
                  <a:lnTo>
                    <a:pt x="381937" y="1152508"/>
                  </a:lnTo>
                  <a:lnTo>
                    <a:pt x="414581" y="1174929"/>
                  </a:lnTo>
                  <a:lnTo>
                    <a:pt x="448103" y="1194643"/>
                  </a:lnTo>
                  <a:lnTo>
                    <a:pt x="482445" y="1211563"/>
                  </a:lnTo>
                  <a:lnTo>
                    <a:pt x="553361" y="1236672"/>
                  </a:lnTo>
                  <a:lnTo>
                    <a:pt x="626875" y="1249560"/>
                  </a:lnTo>
                  <a:lnTo>
                    <a:pt x="664464" y="1251204"/>
                  </a:lnTo>
                  <a:lnTo>
                    <a:pt x="664464" y="1040892"/>
                  </a:lnTo>
                  <a:lnTo>
                    <a:pt x="626875" y="1039243"/>
                  </a:lnTo>
                  <a:lnTo>
                    <a:pt x="589822" y="1034355"/>
                  </a:lnTo>
                  <a:lnTo>
                    <a:pt x="517550" y="1015215"/>
                  </a:lnTo>
                  <a:lnTo>
                    <a:pt x="448103" y="984176"/>
                  </a:lnTo>
                  <a:lnTo>
                    <a:pt x="414581" y="964415"/>
                  </a:lnTo>
                  <a:lnTo>
                    <a:pt x="381937" y="941944"/>
                  </a:lnTo>
                  <a:lnTo>
                    <a:pt x="350228" y="916850"/>
                  </a:lnTo>
                  <a:lnTo>
                    <a:pt x="319509" y="889223"/>
                  </a:lnTo>
                  <a:lnTo>
                    <a:pt x="289839" y="859149"/>
                  </a:lnTo>
                  <a:lnTo>
                    <a:pt x="261274" y="826717"/>
                  </a:lnTo>
                  <a:lnTo>
                    <a:pt x="233872" y="792016"/>
                  </a:lnTo>
                  <a:lnTo>
                    <a:pt x="207688" y="755133"/>
                  </a:lnTo>
                  <a:lnTo>
                    <a:pt x="182781" y="716157"/>
                  </a:lnTo>
                  <a:lnTo>
                    <a:pt x="159207" y="675174"/>
                  </a:lnTo>
                  <a:lnTo>
                    <a:pt x="137023" y="632275"/>
                  </a:lnTo>
                  <a:lnTo>
                    <a:pt x="116287" y="587546"/>
                  </a:lnTo>
                  <a:lnTo>
                    <a:pt x="97055" y="541077"/>
                  </a:lnTo>
                  <a:lnTo>
                    <a:pt x="79383" y="492954"/>
                  </a:lnTo>
                  <a:lnTo>
                    <a:pt x="63331" y="443266"/>
                  </a:lnTo>
                  <a:lnTo>
                    <a:pt x="48953" y="392102"/>
                  </a:lnTo>
                  <a:lnTo>
                    <a:pt x="36307" y="339548"/>
                  </a:lnTo>
                  <a:lnTo>
                    <a:pt x="25451" y="285694"/>
                  </a:lnTo>
                  <a:lnTo>
                    <a:pt x="16440" y="230628"/>
                  </a:lnTo>
                  <a:lnTo>
                    <a:pt x="9333" y="174437"/>
                  </a:lnTo>
                  <a:lnTo>
                    <a:pt x="4186" y="117210"/>
                  </a:lnTo>
                  <a:lnTo>
                    <a:pt x="1056" y="59035"/>
                  </a:lnTo>
                  <a:lnTo>
                    <a:pt x="0" y="0"/>
                  </a:lnTo>
                  <a:close/>
                </a:path>
              </a:pathLst>
            </a:custGeom>
            <a:solidFill>
              <a:srgbClr val="666666"/>
            </a:solidFill>
          </p:spPr>
          <p:txBody>
            <a:bodyPr wrap="square" lIns="0" tIns="0" rIns="0" bIns="0" rtlCol="0"/>
            <a:lstStyle/>
            <a:p>
              <a:endParaRPr sz="1749"/>
            </a:p>
          </p:txBody>
        </p:sp>
        <p:sp>
          <p:nvSpPr>
            <p:cNvPr id="33" name="object 33"/>
            <p:cNvSpPr/>
            <p:nvPr/>
          </p:nvSpPr>
          <p:spPr>
            <a:xfrm>
              <a:off x="592836" y="3429000"/>
              <a:ext cx="7920355" cy="1181100"/>
            </a:xfrm>
            <a:custGeom>
              <a:avLst/>
              <a:gdLst/>
              <a:ahLst/>
              <a:cxnLst/>
              <a:rect l="l" t="t" r="r" b="b"/>
              <a:pathLst>
                <a:path w="7920355" h="1181100">
                  <a:moveTo>
                    <a:pt x="7920228" y="0"/>
                  </a:moveTo>
                  <a:lnTo>
                    <a:pt x="0" y="589788"/>
                  </a:lnTo>
                  <a:lnTo>
                    <a:pt x="7920228" y="1181100"/>
                  </a:lnTo>
                  <a:lnTo>
                    <a:pt x="7920228" y="0"/>
                  </a:lnTo>
                  <a:close/>
                </a:path>
              </a:pathLst>
            </a:custGeom>
            <a:solidFill>
              <a:srgbClr val="FF7C80"/>
            </a:solidFill>
          </p:spPr>
          <p:txBody>
            <a:bodyPr wrap="square" lIns="0" tIns="0" rIns="0" bIns="0" rtlCol="0"/>
            <a:lstStyle/>
            <a:p>
              <a:endParaRPr sz="1749"/>
            </a:p>
          </p:txBody>
        </p:sp>
        <p:sp>
          <p:nvSpPr>
            <p:cNvPr id="34" name="object 34"/>
            <p:cNvSpPr/>
            <p:nvPr/>
          </p:nvSpPr>
          <p:spPr>
            <a:xfrm>
              <a:off x="3419856" y="3860293"/>
              <a:ext cx="3779521" cy="415899"/>
            </a:xfrm>
            <a:custGeom>
              <a:avLst/>
              <a:gdLst/>
              <a:ahLst/>
              <a:cxnLst/>
              <a:rect l="l" t="t" r="r" b="b"/>
              <a:pathLst>
                <a:path w="3779520" h="287020">
                  <a:moveTo>
                    <a:pt x="3779520" y="0"/>
                  </a:moveTo>
                  <a:lnTo>
                    <a:pt x="0" y="0"/>
                  </a:lnTo>
                  <a:lnTo>
                    <a:pt x="0" y="286512"/>
                  </a:lnTo>
                  <a:lnTo>
                    <a:pt x="3779520" y="286512"/>
                  </a:lnTo>
                  <a:lnTo>
                    <a:pt x="3779520" y="0"/>
                  </a:lnTo>
                  <a:close/>
                </a:path>
              </a:pathLst>
            </a:custGeom>
            <a:solidFill>
              <a:srgbClr val="FFFF00"/>
            </a:solidFill>
          </p:spPr>
          <p:txBody>
            <a:bodyPr wrap="square" lIns="0" tIns="0" rIns="0" bIns="0" rtlCol="0"/>
            <a:lstStyle/>
            <a:p>
              <a:endParaRPr sz="1749"/>
            </a:p>
          </p:txBody>
        </p:sp>
        <p:sp>
          <p:nvSpPr>
            <p:cNvPr id="35" name="object 35"/>
            <p:cNvSpPr/>
            <p:nvPr/>
          </p:nvSpPr>
          <p:spPr>
            <a:xfrm>
              <a:off x="1982724" y="4079748"/>
              <a:ext cx="266065" cy="593090"/>
            </a:xfrm>
            <a:custGeom>
              <a:avLst/>
              <a:gdLst/>
              <a:ahLst/>
              <a:cxnLst/>
              <a:rect l="l" t="t" r="r" b="b"/>
              <a:pathLst>
                <a:path w="266064" h="593089">
                  <a:moveTo>
                    <a:pt x="265175" y="0"/>
                  </a:moveTo>
                  <a:lnTo>
                    <a:pt x="262128" y="56546"/>
                  </a:lnTo>
                  <a:lnTo>
                    <a:pt x="256702" y="111666"/>
                  </a:lnTo>
                  <a:lnTo>
                    <a:pt x="248991" y="165030"/>
                  </a:lnTo>
                  <a:lnTo>
                    <a:pt x="239085" y="216310"/>
                  </a:lnTo>
                  <a:lnTo>
                    <a:pt x="227076" y="265176"/>
                  </a:lnTo>
                  <a:lnTo>
                    <a:pt x="213055" y="311298"/>
                  </a:lnTo>
                  <a:lnTo>
                    <a:pt x="197114" y="354348"/>
                  </a:lnTo>
                  <a:lnTo>
                    <a:pt x="179344" y="393996"/>
                  </a:lnTo>
                  <a:lnTo>
                    <a:pt x="159837" y="429914"/>
                  </a:lnTo>
                  <a:lnTo>
                    <a:pt x="138683" y="461772"/>
                  </a:lnTo>
                  <a:lnTo>
                    <a:pt x="138683" y="416051"/>
                  </a:lnTo>
                  <a:lnTo>
                    <a:pt x="0" y="591312"/>
                  </a:lnTo>
                  <a:lnTo>
                    <a:pt x="138683" y="592836"/>
                  </a:lnTo>
                  <a:lnTo>
                    <a:pt x="138683" y="547116"/>
                  </a:lnTo>
                  <a:lnTo>
                    <a:pt x="161037" y="513247"/>
                  </a:lnTo>
                  <a:lnTo>
                    <a:pt x="181488" y="475072"/>
                  </a:lnTo>
                  <a:lnTo>
                    <a:pt x="199947" y="432967"/>
                  </a:lnTo>
                  <a:lnTo>
                    <a:pt x="216324" y="387310"/>
                  </a:lnTo>
                  <a:lnTo>
                    <a:pt x="230530" y="338479"/>
                  </a:lnTo>
                  <a:lnTo>
                    <a:pt x="242476" y="286852"/>
                  </a:lnTo>
                  <a:lnTo>
                    <a:pt x="252072" y="232806"/>
                  </a:lnTo>
                  <a:lnTo>
                    <a:pt x="259229" y="176721"/>
                  </a:lnTo>
                  <a:lnTo>
                    <a:pt x="263859" y="118972"/>
                  </a:lnTo>
                  <a:lnTo>
                    <a:pt x="265871" y="59939"/>
                  </a:lnTo>
                  <a:lnTo>
                    <a:pt x="265175" y="0"/>
                  </a:lnTo>
                  <a:close/>
                </a:path>
              </a:pathLst>
            </a:custGeom>
            <a:solidFill>
              <a:srgbClr val="7E7E7E"/>
            </a:solidFill>
          </p:spPr>
          <p:txBody>
            <a:bodyPr wrap="square" lIns="0" tIns="0" rIns="0" bIns="0" rtlCol="0"/>
            <a:lstStyle/>
            <a:p>
              <a:endParaRPr sz="1749"/>
            </a:p>
          </p:txBody>
        </p:sp>
        <p:sp>
          <p:nvSpPr>
            <p:cNvPr id="36" name="object 36"/>
            <p:cNvSpPr/>
            <p:nvPr/>
          </p:nvSpPr>
          <p:spPr>
            <a:xfrm>
              <a:off x="1982724" y="3445764"/>
              <a:ext cx="266700" cy="676910"/>
            </a:xfrm>
            <a:custGeom>
              <a:avLst/>
              <a:gdLst/>
              <a:ahLst/>
              <a:cxnLst/>
              <a:rect l="l" t="t" r="r" b="b"/>
              <a:pathLst>
                <a:path w="266700" h="676910">
                  <a:moveTo>
                    <a:pt x="0" y="0"/>
                  </a:moveTo>
                  <a:lnTo>
                    <a:pt x="0" y="83820"/>
                  </a:lnTo>
                  <a:lnTo>
                    <a:pt x="28887" y="87295"/>
                  </a:lnTo>
                  <a:lnTo>
                    <a:pt x="56915" y="97482"/>
                  </a:lnTo>
                  <a:lnTo>
                    <a:pt x="109724" y="136547"/>
                  </a:lnTo>
                  <a:lnTo>
                    <a:pt x="157081" y="198132"/>
                  </a:lnTo>
                  <a:lnTo>
                    <a:pt x="178296" y="236468"/>
                  </a:lnTo>
                  <a:lnTo>
                    <a:pt x="197644" y="279354"/>
                  </a:lnTo>
                  <a:lnTo>
                    <a:pt x="214957" y="326428"/>
                  </a:lnTo>
                  <a:lnTo>
                    <a:pt x="230067" y="377331"/>
                  </a:lnTo>
                  <a:lnTo>
                    <a:pt x="242807" y="431701"/>
                  </a:lnTo>
                  <a:lnTo>
                    <a:pt x="253008" y="489179"/>
                  </a:lnTo>
                  <a:lnTo>
                    <a:pt x="260502" y="549404"/>
                  </a:lnTo>
                  <a:lnTo>
                    <a:pt x="265122" y="612017"/>
                  </a:lnTo>
                  <a:lnTo>
                    <a:pt x="266700" y="676656"/>
                  </a:lnTo>
                  <a:lnTo>
                    <a:pt x="266700" y="591312"/>
                  </a:lnTo>
                  <a:lnTo>
                    <a:pt x="265122" y="526958"/>
                  </a:lnTo>
                  <a:lnTo>
                    <a:pt x="260502" y="464592"/>
                  </a:lnTo>
                  <a:lnTo>
                    <a:pt x="253008" y="404579"/>
                  </a:lnTo>
                  <a:lnTo>
                    <a:pt x="242807" y="347280"/>
                  </a:lnTo>
                  <a:lnTo>
                    <a:pt x="230067" y="293059"/>
                  </a:lnTo>
                  <a:lnTo>
                    <a:pt x="214957" y="242279"/>
                  </a:lnTo>
                  <a:lnTo>
                    <a:pt x="197644" y="195303"/>
                  </a:lnTo>
                  <a:lnTo>
                    <a:pt x="178296" y="152493"/>
                  </a:lnTo>
                  <a:lnTo>
                    <a:pt x="157081" y="114214"/>
                  </a:lnTo>
                  <a:lnTo>
                    <a:pt x="134168" y="80828"/>
                  </a:lnTo>
                  <a:lnTo>
                    <a:pt x="83917" y="30187"/>
                  </a:lnTo>
                  <a:lnTo>
                    <a:pt x="28887" y="3475"/>
                  </a:lnTo>
                  <a:lnTo>
                    <a:pt x="0" y="0"/>
                  </a:lnTo>
                  <a:close/>
                </a:path>
              </a:pathLst>
            </a:custGeom>
            <a:solidFill>
              <a:srgbClr val="666666"/>
            </a:solidFill>
          </p:spPr>
          <p:txBody>
            <a:bodyPr wrap="square" lIns="0" tIns="0" rIns="0" bIns="0" rtlCol="0"/>
            <a:lstStyle/>
            <a:p>
              <a:endParaRPr sz="1749"/>
            </a:p>
          </p:txBody>
        </p:sp>
        <p:sp>
          <p:nvSpPr>
            <p:cNvPr id="37" name="object 37"/>
            <p:cNvSpPr/>
            <p:nvPr/>
          </p:nvSpPr>
          <p:spPr>
            <a:xfrm>
              <a:off x="3514343" y="4044696"/>
              <a:ext cx="448945" cy="788035"/>
            </a:xfrm>
            <a:custGeom>
              <a:avLst/>
              <a:gdLst/>
              <a:ahLst/>
              <a:cxnLst/>
              <a:rect l="l" t="t" r="r" b="b"/>
              <a:pathLst>
                <a:path w="448945" h="788035">
                  <a:moveTo>
                    <a:pt x="446531" y="0"/>
                  </a:moveTo>
                  <a:lnTo>
                    <a:pt x="441781" y="58129"/>
                  </a:lnTo>
                  <a:lnTo>
                    <a:pt x="434438" y="115026"/>
                  </a:lnTo>
                  <a:lnTo>
                    <a:pt x="424576" y="170473"/>
                  </a:lnTo>
                  <a:lnTo>
                    <a:pt x="412270" y="224253"/>
                  </a:lnTo>
                  <a:lnTo>
                    <a:pt x="397592" y="276150"/>
                  </a:lnTo>
                  <a:lnTo>
                    <a:pt x="380618" y="325945"/>
                  </a:lnTo>
                  <a:lnTo>
                    <a:pt x="361422" y="373423"/>
                  </a:lnTo>
                  <a:lnTo>
                    <a:pt x="340077" y="418366"/>
                  </a:lnTo>
                  <a:lnTo>
                    <a:pt x="316658" y="460557"/>
                  </a:lnTo>
                  <a:lnTo>
                    <a:pt x="291239" y="499780"/>
                  </a:lnTo>
                  <a:lnTo>
                    <a:pt x="263893" y="535817"/>
                  </a:lnTo>
                  <a:lnTo>
                    <a:pt x="234695" y="568451"/>
                  </a:lnTo>
                  <a:lnTo>
                    <a:pt x="234695" y="490727"/>
                  </a:lnTo>
                  <a:lnTo>
                    <a:pt x="0" y="749807"/>
                  </a:lnTo>
                  <a:lnTo>
                    <a:pt x="234695" y="787907"/>
                  </a:lnTo>
                  <a:lnTo>
                    <a:pt x="234695" y="710183"/>
                  </a:lnTo>
                  <a:lnTo>
                    <a:pt x="263092" y="678661"/>
                  </a:lnTo>
                  <a:lnTo>
                    <a:pt x="289720" y="643975"/>
                  </a:lnTo>
                  <a:lnTo>
                    <a:pt x="314517" y="606332"/>
                  </a:lnTo>
                  <a:lnTo>
                    <a:pt x="337419" y="565942"/>
                  </a:lnTo>
                  <a:lnTo>
                    <a:pt x="358365" y="523014"/>
                  </a:lnTo>
                  <a:lnTo>
                    <a:pt x="377293" y="477755"/>
                  </a:lnTo>
                  <a:lnTo>
                    <a:pt x="394140" y="430375"/>
                  </a:lnTo>
                  <a:lnTo>
                    <a:pt x="408844" y="381083"/>
                  </a:lnTo>
                  <a:lnTo>
                    <a:pt x="421343" y="330086"/>
                  </a:lnTo>
                  <a:lnTo>
                    <a:pt x="431574" y="277593"/>
                  </a:lnTo>
                  <a:lnTo>
                    <a:pt x="439475" y="223814"/>
                  </a:lnTo>
                  <a:lnTo>
                    <a:pt x="444983" y="168956"/>
                  </a:lnTo>
                  <a:lnTo>
                    <a:pt x="448037" y="113229"/>
                  </a:lnTo>
                  <a:lnTo>
                    <a:pt x="448574" y="56840"/>
                  </a:lnTo>
                  <a:lnTo>
                    <a:pt x="446531" y="0"/>
                  </a:lnTo>
                  <a:close/>
                </a:path>
              </a:pathLst>
            </a:custGeom>
            <a:solidFill>
              <a:srgbClr val="7E7E7E"/>
            </a:solidFill>
          </p:spPr>
          <p:txBody>
            <a:bodyPr wrap="square" lIns="0" tIns="0" rIns="0" bIns="0" rtlCol="0"/>
            <a:lstStyle/>
            <a:p>
              <a:endParaRPr sz="1749"/>
            </a:p>
          </p:txBody>
        </p:sp>
        <p:sp>
          <p:nvSpPr>
            <p:cNvPr id="38" name="object 38"/>
            <p:cNvSpPr/>
            <p:nvPr/>
          </p:nvSpPr>
          <p:spPr>
            <a:xfrm>
              <a:off x="3514343" y="3223260"/>
              <a:ext cx="448309" cy="893444"/>
            </a:xfrm>
            <a:custGeom>
              <a:avLst/>
              <a:gdLst/>
              <a:ahLst/>
              <a:cxnLst/>
              <a:rect l="l" t="t" r="r" b="b"/>
              <a:pathLst>
                <a:path w="448310" h="893445">
                  <a:moveTo>
                    <a:pt x="0" y="0"/>
                  </a:moveTo>
                  <a:lnTo>
                    <a:pt x="0" y="141732"/>
                  </a:lnTo>
                  <a:lnTo>
                    <a:pt x="35139" y="143995"/>
                  </a:lnTo>
                  <a:lnTo>
                    <a:pt x="69517" y="150672"/>
                  </a:lnTo>
                  <a:lnTo>
                    <a:pt x="135598" y="176600"/>
                  </a:lnTo>
                  <a:lnTo>
                    <a:pt x="197462" y="218171"/>
                  </a:lnTo>
                  <a:lnTo>
                    <a:pt x="226567" y="244404"/>
                  </a:lnTo>
                  <a:lnTo>
                    <a:pt x="254325" y="274044"/>
                  </a:lnTo>
                  <a:lnTo>
                    <a:pt x="280638" y="306923"/>
                  </a:lnTo>
                  <a:lnTo>
                    <a:pt x="305407" y="342874"/>
                  </a:lnTo>
                  <a:lnTo>
                    <a:pt x="328535" y="381729"/>
                  </a:lnTo>
                  <a:lnTo>
                    <a:pt x="349924" y="423320"/>
                  </a:lnTo>
                  <a:lnTo>
                    <a:pt x="369477" y="467480"/>
                  </a:lnTo>
                  <a:lnTo>
                    <a:pt x="387096" y="514039"/>
                  </a:lnTo>
                  <a:lnTo>
                    <a:pt x="402682" y="562831"/>
                  </a:lnTo>
                  <a:lnTo>
                    <a:pt x="416139" y="613687"/>
                  </a:lnTo>
                  <a:lnTo>
                    <a:pt x="427368" y="666441"/>
                  </a:lnTo>
                  <a:lnTo>
                    <a:pt x="436272" y="720923"/>
                  </a:lnTo>
                  <a:lnTo>
                    <a:pt x="442753" y="776966"/>
                  </a:lnTo>
                  <a:lnTo>
                    <a:pt x="446714" y="834402"/>
                  </a:lnTo>
                  <a:lnTo>
                    <a:pt x="448055" y="893063"/>
                  </a:lnTo>
                  <a:lnTo>
                    <a:pt x="448055" y="749808"/>
                  </a:lnTo>
                  <a:lnTo>
                    <a:pt x="446714" y="691156"/>
                  </a:lnTo>
                  <a:lnTo>
                    <a:pt x="442753" y="633749"/>
                  </a:lnTo>
                  <a:lnTo>
                    <a:pt x="436272" y="577751"/>
                  </a:lnTo>
                  <a:lnTo>
                    <a:pt x="427368" y="523329"/>
                  </a:lnTo>
                  <a:lnTo>
                    <a:pt x="416139" y="470649"/>
                  </a:lnTo>
                  <a:lnTo>
                    <a:pt x="402682" y="419877"/>
                  </a:lnTo>
                  <a:lnTo>
                    <a:pt x="387096" y="371178"/>
                  </a:lnTo>
                  <a:lnTo>
                    <a:pt x="369477" y="324719"/>
                  </a:lnTo>
                  <a:lnTo>
                    <a:pt x="349924" y="280664"/>
                  </a:lnTo>
                  <a:lnTo>
                    <a:pt x="328535" y="239181"/>
                  </a:lnTo>
                  <a:lnTo>
                    <a:pt x="305407" y="200435"/>
                  </a:lnTo>
                  <a:lnTo>
                    <a:pt x="280638" y="164592"/>
                  </a:lnTo>
                  <a:lnTo>
                    <a:pt x="254325" y="131817"/>
                  </a:lnTo>
                  <a:lnTo>
                    <a:pt x="226567" y="102277"/>
                  </a:lnTo>
                  <a:lnTo>
                    <a:pt x="197462" y="76137"/>
                  </a:lnTo>
                  <a:lnTo>
                    <a:pt x="135598" y="34723"/>
                  </a:lnTo>
                  <a:lnTo>
                    <a:pt x="69517" y="8902"/>
                  </a:lnTo>
                  <a:lnTo>
                    <a:pt x="35139" y="2253"/>
                  </a:lnTo>
                  <a:lnTo>
                    <a:pt x="0" y="0"/>
                  </a:lnTo>
                  <a:close/>
                </a:path>
              </a:pathLst>
            </a:custGeom>
            <a:solidFill>
              <a:srgbClr val="666666"/>
            </a:solidFill>
          </p:spPr>
          <p:txBody>
            <a:bodyPr wrap="square" lIns="0" tIns="0" rIns="0" bIns="0" rtlCol="0"/>
            <a:lstStyle/>
            <a:p>
              <a:endParaRPr sz="1749"/>
            </a:p>
          </p:txBody>
        </p:sp>
        <p:sp>
          <p:nvSpPr>
            <p:cNvPr id="39" name="object 39"/>
            <p:cNvSpPr/>
            <p:nvPr/>
          </p:nvSpPr>
          <p:spPr>
            <a:xfrm>
              <a:off x="5274564" y="4029456"/>
              <a:ext cx="502284" cy="889000"/>
            </a:xfrm>
            <a:custGeom>
              <a:avLst/>
              <a:gdLst/>
              <a:ahLst/>
              <a:cxnLst/>
              <a:rect l="l" t="t" r="r" b="b"/>
              <a:pathLst>
                <a:path w="502285" h="889000">
                  <a:moveTo>
                    <a:pt x="499872" y="0"/>
                  </a:moveTo>
                  <a:lnTo>
                    <a:pt x="495799" y="56377"/>
                  </a:lnTo>
                  <a:lnTo>
                    <a:pt x="489501" y="111758"/>
                  </a:lnTo>
                  <a:lnTo>
                    <a:pt x="481037" y="165986"/>
                  </a:lnTo>
                  <a:lnTo>
                    <a:pt x="470467" y="218905"/>
                  </a:lnTo>
                  <a:lnTo>
                    <a:pt x="457850" y="270357"/>
                  </a:lnTo>
                  <a:lnTo>
                    <a:pt x="443248" y="320186"/>
                  </a:lnTo>
                  <a:lnTo>
                    <a:pt x="426720" y="368236"/>
                  </a:lnTo>
                  <a:lnTo>
                    <a:pt x="408325" y="414350"/>
                  </a:lnTo>
                  <a:lnTo>
                    <a:pt x="388124" y="458371"/>
                  </a:lnTo>
                  <a:lnTo>
                    <a:pt x="366177" y="500143"/>
                  </a:lnTo>
                  <a:lnTo>
                    <a:pt x="342544" y="539508"/>
                  </a:lnTo>
                  <a:lnTo>
                    <a:pt x="317285" y="576311"/>
                  </a:lnTo>
                  <a:lnTo>
                    <a:pt x="290459" y="610395"/>
                  </a:lnTo>
                  <a:lnTo>
                    <a:pt x="262127" y="641603"/>
                  </a:lnTo>
                  <a:lnTo>
                    <a:pt x="262127" y="554735"/>
                  </a:lnTo>
                  <a:lnTo>
                    <a:pt x="0" y="845819"/>
                  </a:lnTo>
                  <a:lnTo>
                    <a:pt x="262127" y="888491"/>
                  </a:lnTo>
                  <a:lnTo>
                    <a:pt x="262127" y="801623"/>
                  </a:lnTo>
                  <a:lnTo>
                    <a:pt x="290406" y="770326"/>
                  </a:lnTo>
                  <a:lnTo>
                    <a:pt x="317122" y="736247"/>
                  </a:lnTo>
                  <a:lnTo>
                    <a:pt x="342229" y="699545"/>
                  </a:lnTo>
                  <a:lnTo>
                    <a:pt x="365684" y="660381"/>
                  </a:lnTo>
                  <a:lnTo>
                    <a:pt x="387441" y="618914"/>
                  </a:lnTo>
                  <a:lnTo>
                    <a:pt x="407456" y="575305"/>
                  </a:lnTo>
                  <a:lnTo>
                    <a:pt x="425685" y="529714"/>
                  </a:lnTo>
                  <a:lnTo>
                    <a:pt x="442082" y="482301"/>
                  </a:lnTo>
                  <a:lnTo>
                    <a:pt x="456603" y="433226"/>
                  </a:lnTo>
                  <a:lnTo>
                    <a:pt x="469203" y="382649"/>
                  </a:lnTo>
                  <a:lnTo>
                    <a:pt x="479838" y="330730"/>
                  </a:lnTo>
                  <a:lnTo>
                    <a:pt x="488462" y="277629"/>
                  </a:lnTo>
                  <a:lnTo>
                    <a:pt x="495032" y="223507"/>
                  </a:lnTo>
                  <a:lnTo>
                    <a:pt x="499503" y="168522"/>
                  </a:lnTo>
                  <a:lnTo>
                    <a:pt x="501829" y="112836"/>
                  </a:lnTo>
                  <a:lnTo>
                    <a:pt x="501967" y="56609"/>
                  </a:lnTo>
                  <a:lnTo>
                    <a:pt x="499872" y="0"/>
                  </a:lnTo>
                  <a:close/>
                </a:path>
              </a:pathLst>
            </a:custGeom>
            <a:solidFill>
              <a:srgbClr val="7E7E7E"/>
            </a:solidFill>
          </p:spPr>
          <p:txBody>
            <a:bodyPr wrap="square" lIns="0" tIns="0" rIns="0" bIns="0" rtlCol="0"/>
            <a:lstStyle/>
            <a:p>
              <a:endParaRPr sz="1749"/>
            </a:p>
          </p:txBody>
        </p:sp>
        <p:sp>
          <p:nvSpPr>
            <p:cNvPr id="40" name="object 40"/>
            <p:cNvSpPr/>
            <p:nvPr/>
          </p:nvSpPr>
          <p:spPr>
            <a:xfrm>
              <a:off x="5274564" y="3102864"/>
              <a:ext cx="502920" cy="1005840"/>
            </a:xfrm>
            <a:custGeom>
              <a:avLst/>
              <a:gdLst/>
              <a:ahLst/>
              <a:cxnLst/>
              <a:rect l="l" t="t" r="r" b="b"/>
              <a:pathLst>
                <a:path w="502920" h="1005839">
                  <a:moveTo>
                    <a:pt x="0" y="0"/>
                  </a:moveTo>
                  <a:lnTo>
                    <a:pt x="0" y="158496"/>
                  </a:lnTo>
                  <a:lnTo>
                    <a:pt x="35870" y="160624"/>
                  </a:lnTo>
                  <a:lnTo>
                    <a:pt x="71067" y="166912"/>
                  </a:lnTo>
                  <a:lnTo>
                    <a:pt x="139098" y="191397"/>
                  </a:lnTo>
                  <a:lnTo>
                    <a:pt x="203407" y="230801"/>
                  </a:lnTo>
                  <a:lnTo>
                    <a:pt x="233952" y="255739"/>
                  </a:lnTo>
                  <a:lnTo>
                    <a:pt x="263309" y="283977"/>
                  </a:lnTo>
                  <a:lnTo>
                    <a:pt x="291394" y="315370"/>
                  </a:lnTo>
                  <a:lnTo>
                    <a:pt x="318119" y="349775"/>
                  </a:lnTo>
                  <a:lnTo>
                    <a:pt x="343400" y="387049"/>
                  </a:lnTo>
                  <a:lnTo>
                    <a:pt x="367151" y="427048"/>
                  </a:lnTo>
                  <a:lnTo>
                    <a:pt x="389286" y="469629"/>
                  </a:lnTo>
                  <a:lnTo>
                    <a:pt x="409720" y="514647"/>
                  </a:lnTo>
                  <a:lnTo>
                    <a:pt x="428367" y="561960"/>
                  </a:lnTo>
                  <a:lnTo>
                    <a:pt x="445140" y="611424"/>
                  </a:lnTo>
                  <a:lnTo>
                    <a:pt x="459955" y="662896"/>
                  </a:lnTo>
                  <a:lnTo>
                    <a:pt x="472726" y="716231"/>
                  </a:lnTo>
                  <a:lnTo>
                    <a:pt x="483367" y="771286"/>
                  </a:lnTo>
                  <a:lnTo>
                    <a:pt x="491793" y="827918"/>
                  </a:lnTo>
                  <a:lnTo>
                    <a:pt x="497917" y="885983"/>
                  </a:lnTo>
                  <a:lnTo>
                    <a:pt x="501655" y="945338"/>
                  </a:lnTo>
                  <a:lnTo>
                    <a:pt x="502920" y="1005840"/>
                  </a:lnTo>
                  <a:lnTo>
                    <a:pt x="502920" y="845820"/>
                  </a:lnTo>
                  <a:lnTo>
                    <a:pt x="501655" y="785327"/>
                  </a:lnTo>
                  <a:lnTo>
                    <a:pt x="497917" y="725996"/>
                  </a:lnTo>
                  <a:lnTo>
                    <a:pt x="491793" y="667969"/>
                  </a:lnTo>
                  <a:lnTo>
                    <a:pt x="483367" y="611388"/>
                  </a:lnTo>
                  <a:lnTo>
                    <a:pt x="472726" y="556395"/>
                  </a:lnTo>
                  <a:lnTo>
                    <a:pt x="459955" y="503133"/>
                  </a:lnTo>
                  <a:lnTo>
                    <a:pt x="445140" y="451742"/>
                  </a:lnTo>
                  <a:lnTo>
                    <a:pt x="428367" y="402365"/>
                  </a:lnTo>
                  <a:lnTo>
                    <a:pt x="409720" y="355145"/>
                  </a:lnTo>
                  <a:lnTo>
                    <a:pt x="389286" y="310222"/>
                  </a:lnTo>
                  <a:lnTo>
                    <a:pt x="367151" y="267741"/>
                  </a:lnTo>
                  <a:lnTo>
                    <a:pt x="343400" y="227841"/>
                  </a:lnTo>
                  <a:lnTo>
                    <a:pt x="318119" y="190665"/>
                  </a:lnTo>
                  <a:lnTo>
                    <a:pt x="291394" y="156356"/>
                  </a:lnTo>
                  <a:lnTo>
                    <a:pt x="263309" y="125056"/>
                  </a:lnTo>
                  <a:lnTo>
                    <a:pt x="233952" y="96906"/>
                  </a:lnTo>
                  <a:lnTo>
                    <a:pt x="203407" y="72048"/>
                  </a:lnTo>
                  <a:lnTo>
                    <a:pt x="171760" y="50625"/>
                  </a:lnTo>
                  <a:lnTo>
                    <a:pt x="105505" y="18651"/>
                  </a:lnTo>
                  <a:lnTo>
                    <a:pt x="35870" y="2119"/>
                  </a:lnTo>
                  <a:lnTo>
                    <a:pt x="0" y="0"/>
                  </a:lnTo>
                  <a:close/>
                </a:path>
              </a:pathLst>
            </a:custGeom>
            <a:solidFill>
              <a:srgbClr val="666666"/>
            </a:solidFill>
          </p:spPr>
          <p:txBody>
            <a:bodyPr wrap="square" lIns="0" tIns="0" rIns="0" bIns="0" rtlCol="0"/>
            <a:lstStyle/>
            <a:p>
              <a:endParaRPr sz="1749"/>
            </a:p>
          </p:txBody>
        </p:sp>
        <p:sp>
          <p:nvSpPr>
            <p:cNvPr id="41" name="object 41"/>
            <p:cNvSpPr/>
            <p:nvPr/>
          </p:nvSpPr>
          <p:spPr>
            <a:xfrm>
              <a:off x="7178040" y="4098036"/>
              <a:ext cx="615950" cy="1089660"/>
            </a:xfrm>
            <a:custGeom>
              <a:avLst/>
              <a:gdLst/>
              <a:ahLst/>
              <a:cxnLst/>
              <a:rect l="l" t="t" r="r" b="b"/>
              <a:pathLst>
                <a:path w="615950" h="1089660">
                  <a:moveTo>
                    <a:pt x="612648" y="0"/>
                  </a:moveTo>
                  <a:lnTo>
                    <a:pt x="608494" y="56918"/>
                  </a:lnTo>
                  <a:lnTo>
                    <a:pt x="602514" y="113035"/>
                  </a:lnTo>
                  <a:lnTo>
                    <a:pt x="594749" y="168243"/>
                  </a:lnTo>
                  <a:lnTo>
                    <a:pt x="585241" y="222437"/>
                  </a:lnTo>
                  <a:lnTo>
                    <a:pt x="574029" y="275511"/>
                  </a:lnTo>
                  <a:lnTo>
                    <a:pt x="561156" y="327358"/>
                  </a:lnTo>
                  <a:lnTo>
                    <a:pt x="546661" y="377872"/>
                  </a:lnTo>
                  <a:lnTo>
                    <a:pt x="530587" y="426948"/>
                  </a:lnTo>
                  <a:lnTo>
                    <a:pt x="512973" y="474479"/>
                  </a:lnTo>
                  <a:lnTo>
                    <a:pt x="493860" y="520359"/>
                  </a:lnTo>
                  <a:lnTo>
                    <a:pt x="473291" y="564482"/>
                  </a:lnTo>
                  <a:lnTo>
                    <a:pt x="451305" y="606742"/>
                  </a:lnTo>
                  <a:lnTo>
                    <a:pt x="427944" y="647033"/>
                  </a:lnTo>
                  <a:lnTo>
                    <a:pt x="403248" y="685249"/>
                  </a:lnTo>
                  <a:lnTo>
                    <a:pt x="377259" y="721283"/>
                  </a:lnTo>
                  <a:lnTo>
                    <a:pt x="350017" y="755030"/>
                  </a:lnTo>
                  <a:lnTo>
                    <a:pt x="321563" y="786384"/>
                  </a:lnTo>
                  <a:lnTo>
                    <a:pt x="321563" y="679704"/>
                  </a:lnTo>
                  <a:lnTo>
                    <a:pt x="0" y="1036319"/>
                  </a:lnTo>
                  <a:lnTo>
                    <a:pt x="321563" y="1089660"/>
                  </a:lnTo>
                  <a:lnTo>
                    <a:pt x="321563" y="981456"/>
                  </a:lnTo>
                  <a:lnTo>
                    <a:pt x="349498" y="950889"/>
                  </a:lnTo>
                  <a:lnTo>
                    <a:pt x="376238" y="918043"/>
                  </a:lnTo>
                  <a:lnTo>
                    <a:pt x="401749" y="883022"/>
                  </a:lnTo>
                  <a:lnTo>
                    <a:pt x="425999" y="845930"/>
                  </a:lnTo>
                  <a:lnTo>
                    <a:pt x="448953" y="806873"/>
                  </a:lnTo>
                  <a:lnTo>
                    <a:pt x="470578" y="765954"/>
                  </a:lnTo>
                  <a:lnTo>
                    <a:pt x="490840" y="723279"/>
                  </a:lnTo>
                  <a:lnTo>
                    <a:pt x="509707" y="678951"/>
                  </a:lnTo>
                  <a:lnTo>
                    <a:pt x="527144" y="633077"/>
                  </a:lnTo>
                  <a:lnTo>
                    <a:pt x="543117" y="585760"/>
                  </a:lnTo>
                  <a:lnTo>
                    <a:pt x="557594" y="537105"/>
                  </a:lnTo>
                  <a:lnTo>
                    <a:pt x="570540" y="487217"/>
                  </a:lnTo>
                  <a:lnTo>
                    <a:pt x="581922" y="436201"/>
                  </a:lnTo>
                  <a:lnTo>
                    <a:pt x="591707" y="384160"/>
                  </a:lnTo>
                  <a:lnTo>
                    <a:pt x="599860" y="331201"/>
                  </a:lnTo>
                  <a:lnTo>
                    <a:pt x="606349" y="277426"/>
                  </a:lnTo>
                  <a:lnTo>
                    <a:pt x="611139" y="222942"/>
                  </a:lnTo>
                  <a:lnTo>
                    <a:pt x="614198" y="167853"/>
                  </a:lnTo>
                  <a:lnTo>
                    <a:pt x="615491" y="112263"/>
                  </a:lnTo>
                  <a:lnTo>
                    <a:pt x="614986" y="56277"/>
                  </a:lnTo>
                  <a:lnTo>
                    <a:pt x="612648" y="0"/>
                  </a:lnTo>
                  <a:close/>
                </a:path>
              </a:pathLst>
            </a:custGeom>
            <a:solidFill>
              <a:srgbClr val="7E7E7E"/>
            </a:solidFill>
          </p:spPr>
          <p:txBody>
            <a:bodyPr wrap="square" lIns="0" tIns="0" rIns="0" bIns="0" rtlCol="0"/>
            <a:lstStyle/>
            <a:p>
              <a:endParaRPr sz="1749"/>
            </a:p>
          </p:txBody>
        </p:sp>
        <p:sp>
          <p:nvSpPr>
            <p:cNvPr id="42" name="object 42"/>
            <p:cNvSpPr/>
            <p:nvPr/>
          </p:nvSpPr>
          <p:spPr>
            <a:xfrm>
              <a:off x="7178040" y="2962656"/>
              <a:ext cx="615950" cy="1233170"/>
            </a:xfrm>
            <a:custGeom>
              <a:avLst/>
              <a:gdLst/>
              <a:ahLst/>
              <a:cxnLst/>
              <a:rect l="l" t="t" r="r" b="b"/>
              <a:pathLst>
                <a:path w="615950" h="1233170">
                  <a:moveTo>
                    <a:pt x="0" y="0"/>
                  </a:moveTo>
                  <a:lnTo>
                    <a:pt x="0" y="196595"/>
                  </a:lnTo>
                  <a:lnTo>
                    <a:pt x="34920" y="198234"/>
                  </a:lnTo>
                  <a:lnTo>
                    <a:pt x="69331" y="203090"/>
                  </a:lnTo>
                  <a:lnTo>
                    <a:pt x="136419" y="222110"/>
                  </a:lnTo>
                  <a:lnTo>
                    <a:pt x="200846" y="252960"/>
                  </a:lnTo>
                  <a:lnTo>
                    <a:pt x="262196" y="294943"/>
                  </a:lnTo>
                  <a:lnTo>
                    <a:pt x="291587" y="319893"/>
                  </a:lnTo>
                  <a:lnTo>
                    <a:pt x="320052" y="347365"/>
                  </a:lnTo>
                  <a:lnTo>
                    <a:pt x="347539" y="377272"/>
                  </a:lnTo>
                  <a:lnTo>
                    <a:pt x="373997" y="409528"/>
                  </a:lnTo>
                  <a:lnTo>
                    <a:pt x="399372" y="444045"/>
                  </a:lnTo>
                  <a:lnTo>
                    <a:pt x="423613" y="480737"/>
                  </a:lnTo>
                  <a:lnTo>
                    <a:pt x="446668" y="519517"/>
                  </a:lnTo>
                  <a:lnTo>
                    <a:pt x="468484" y="560297"/>
                  </a:lnTo>
                  <a:lnTo>
                    <a:pt x="489010" y="602991"/>
                  </a:lnTo>
                  <a:lnTo>
                    <a:pt x="508194" y="647511"/>
                  </a:lnTo>
                  <a:lnTo>
                    <a:pt x="525983" y="693771"/>
                  </a:lnTo>
                  <a:lnTo>
                    <a:pt x="542325" y="741684"/>
                  </a:lnTo>
                  <a:lnTo>
                    <a:pt x="557168" y="791162"/>
                  </a:lnTo>
                  <a:lnTo>
                    <a:pt x="570459" y="842119"/>
                  </a:lnTo>
                  <a:lnTo>
                    <a:pt x="582148" y="894468"/>
                  </a:lnTo>
                  <a:lnTo>
                    <a:pt x="592182" y="948121"/>
                  </a:lnTo>
                  <a:lnTo>
                    <a:pt x="600508" y="1002993"/>
                  </a:lnTo>
                  <a:lnTo>
                    <a:pt x="607074" y="1058995"/>
                  </a:lnTo>
                  <a:lnTo>
                    <a:pt x="611829" y="1116040"/>
                  </a:lnTo>
                  <a:lnTo>
                    <a:pt x="614720" y="1174043"/>
                  </a:lnTo>
                  <a:lnTo>
                    <a:pt x="615695" y="1232915"/>
                  </a:lnTo>
                  <a:lnTo>
                    <a:pt x="615695" y="1037843"/>
                  </a:lnTo>
                  <a:lnTo>
                    <a:pt x="614720" y="978966"/>
                  </a:lnTo>
                  <a:lnTo>
                    <a:pt x="611829" y="920948"/>
                  </a:lnTo>
                  <a:lnTo>
                    <a:pt x="607074" y="863877"/>
                  </a:lnTo>
                  <a:lnTo>
                    <a:pt x="600508" y="807842"/>
                  </a:lnTo>
                  <a:lnTo>
                    <a:pt x="592182" y="752929"/>
                  </a:lnTo>
                  <a:lnTo>
                    <a:pt x="582148" y="699227"/>
                  </a:lnTo>
                  <a:lnTo>
                    <a:pt x="570459" y="646824"/>
                  </a:lnTo>
                  <a:lnTo>
                    <a:pt x="557168" y="595806"/>
                  </a:lnTo>
                  <a:lnTo>
                    <a:pt x="542325" y="546262"/>
                  </a:lnTo>
                  <a:lnTo>
                    <a:pt x="525983" y="498280"/>
                  </a:lnTo>
                  <a:lnTo>
                    <a:pt x="508194" y="451948"/>
                  </a:lnTo>
                  <a:lnTo>
                    <a:pt x="489010" y="407352"/>
                  </a:lnTo>
                  <a:lnTo>
                    <a:pt x="468484" y="364581"/>
                  </a:lnTo>
                  <a:lnTo>
                    <a:pt x="446668" y="323722"/>
                  </a:lnTo>
                  <a:lnTo>
                    <a:pt x="423613" y="284864"/>
                  </a:lnTo>
                  <a:lnTo>
                    <a:pt x="399372" y="248093"/>
                  </a:lnTo>
                  <a:lnTo>
                    <a:pt x="373997" y="213499"/>
                  </a:lnTo>
                  <a:lnTo>
                    <a:pt x="347539" y="181167"/>
                  </a:lnTo>
                  <a:lnTo>
                    <a:pt x="320052" y="151187"/>
                  </a:lnTo>
                  <a:lnTo>
                    <a:pt x="291587" y="123646"/>
                  </a:lnTo>
                  <a:lnTo>
                    <a:pt x="262196" y="98631"/>
                  </a:lnTo>
                  <a:lnTo>
                    <a:pt x="200846" y="56533"/>
                  </a:lnTo>
                  <a:lnTo>
                    <a:pt x="136419" y="25593"/>
                  </a:lnTo>
                  <a:lnTo>
                    <a:pt x="69331" y="6515"/>
                  </a:lnTo>
                  <a:lnTo>
                    <a:pt x="34920" y="1643"/>
                  </a:lnTo>
                  <a:lnTo>
                    <a:pt x="0" y="0"/>
                  </a:lnTo>
                  <a:close/>
                </a:path>
              </a:pathLst>
            </a:custGeom>
            <a:solidFill>
              <a:srgbClr val="666666"/>
            </a:solidFill>
          </p:spPr>
          <p:txBody>
            <a:bodyPr wrap="square" lIns="0" tIns="0" rIns="0" bIns="0" rtlCol="0"/>
            <a:lstStyle/>
            <a:p>
              <a:endParaRPr sz="1749"/>
            </a:p>
          </p:txBody>
        </p:sp>
      </p:grpSp>
      <p:sp>
        <p:nvSpPr>
          <p:cNvPr id="43" name="object 43"/>
          <p:cNvSpPr txBox="1"/>
          <p:nvPr/>
        </p:nvSpPr>
        <p:spPr>
          <a:xfrm>
            <a:off x="6503752" y="6035913"/>
            <a:ext cx="1342278" cy="445316"/>
          </a:xfrm>
          <a:prstGeom prst="rect">
            <a:avLst/>
          </a:prstGeom>
        </p:spPr>
        <p:txBody>
          <a:bodyPr vert="horz" wrap="square" lIns="0" tIns="10860" rIns="0" bIns="0" rtlCol="0">
            <a:spAutoFit/>
          </a:bodyPr>
          <a:lstStyle/>
          <a:p>
            <a:pPr marL="65159" marR="4344" indent="-54842">
              <a:spcBef>
                <a:spcPts val="86"/>
              </a:spcBef>
            </a:pPr>
            <a:r>
              <a:rPr sz="941" spc="-13" dirty="0">
                <a:solidFill>
                  <a:srgbClr val="0070BF"/>
                </a:solidFill>
                <a:latin typeface="Meiryo UI"/>
                <a:cs typeface="Meiryo UI"/>
              </a:rPr>
              <a:t>モデル地域の支援期間内の</a:t>
            </a:r>
            <a:r>
              <a:rPr sz="941" spc="-9" dirty="0">
                <a:solidFill>
                  <a:srgbClr val="0070BF"/>
                </a:solidFill>
                <a:latin typeface="Meiryo UI"/>
                <a:cs typeface="Meiryo UI"/>
              </a:rPr>
              <a:t>業務・工事発注を目指す</a:t>
            </a:r>
            <a:endParaRPr sz="941">
              <a:latin typeface="Meiryo UI"/>
              <a:cs typeface="Meiryo UI"/>
            </a:endParaRPr>
          </a:p>
        </p:txBody>
      </p:sp>
      <p:sp>
        <p:nvSpPr>
          <p:cNvPr id="44" name="object 44"/>
          <p:cNvSpPr txBox="1"/>
          <p:nvPr/>
        </p:nvSpPr>
        <p:spPr>
          <a:xfrm>
            <a:off x="7561936" y="5547219"/>
            <a:ext cx="1146801" cy="300533"/>
          </a:xfrm>
          <a:prstGeom prst="rect">
            <a:avLst/>
          </a:prstGeom>
        </p:spPr>
        <p:txBody>
          <a:bodyPr vert="horz" wrap="square" lIns="0" tIns="10860" rIns="0" bIns="0" rtlCol="0">
            <a:spAutoFit/>
          </a:bodyPr>
          <a:lstStyle/>
          <a:p>
            <a:pPr marL="130317" marR="4344" indent="-120000">
              <a:spcBef>
                <a:spcPts val="86"/>
              </a:spcBef>
            </a:pPr>
            <a:r>
              <a:rPr sz="941" spc="-13" dirty="0">
                <a:solidFill>
                  <a:srgbClr val="FF0000"/>
                </a:solidFill>
                <a:latin typeface="Meiryo UI"/>
                <a:cs typeface="Meiryo UI"/>
              </a:rPr>
              <a:t>※包括委託の手引きの</a:t>
            </a:r>
            <a:r>
              <a:rPr sz="941" spc="-21" dirty="0">
                <a:solidFill>
                  <a:srgbClr val="FF0000"/>
                </a:solidFill>
                <a:latin typeface="Meiryo UI"/>
                <a:cs typeface="Meiryo UI"/>
              </a:rPr>
              <a:t>リバイスも検討</a:t>
            </a:r>
            <a:endParaRPr sz="941">
              <a:latin typeface="Meiryo UI"/>
              <a:cs typeface="Meiryo UI"/>
            </a:endParaRPr>
          </a:p>
        </p:txBody>
      </p:sp>
      <p:sp>
        <p:nvSpPr>
          <p:cNvPr id="45" name="object 45"/>
          <p:cNvSpPr txBox="1"/>
          <p:nvPr/>
        </p:nvSpPr>
        <p:spPr>
          <a:xfrm>
            <a:off x="1270605" y="1381218"/>
            <a:ext cx="733040" cy="382639"/>
          </a:xfrm>
          <a:prstGeom prst="rect">
            <a:avLst/>
          </a:prstGeom>
        </p:spPr>
        <p:txBody>
          <a:bodyPr vert="horz" wrap="square" lIns="0" tIns="32037" rIns="0" bIns="0" rtlCol="0">
            <a:spAutoFit/>
          </a:bodyPr>
          <a:lstStyle/>
          <a:p>
            <a:pPr marL="78190" marR="4344" indent="-67874">
              <a:lnSpc>
                <a:spcPts val="855"/>
              </a:lnSpc>
              <a:spcBef>
                <a:spcPts val="252"/>
              </a:spcBef>
            </a:pPr>
            <a:r>
              <a:rPr sz="855" spc="-17" dirty="0">
                <a:solidFill>
                  <a:srgbClr val="DA8200"/>
                </a:solidFill>
                <a:latin typeface="Meiryo UI"/>
                <a:cs typeface="Meiryo UI"/>
              </a:rPr>
              <a:t>検討会の議論を</a:t>
            </a:r>
            <a:r>
              <a:rPr sz="855" spc="-21" dirty="0">
                <a:solidFill>
                  <a:srgbClr val="DA8200"/>
                </a:solidFill>
                <a:latin typeface="Meiryo UI"/>
                <a:cs typeface="Meiryo UI"/>
              </a:rPr>
              <a:t>踏まえた助言</a:t>
            </a:r>
            <a:endParaRPr sz="855" dirty="0">
              <a:latin typeface="Meiryo UI"/>
              <a:cs typeface="Meiryo UI"/>
            </a:endParaRPr>
          </a:p>
        </p:txBody>
      </p:sp>
      <p:grpSp>
        <p:nvGrpSpPr>
          <p:cNvPr id="46" name="object 46"/>
          <p:cNvGrpSpPr/>
          <p:nvPr/>
        </p:nvGrpSpPr>
        <p:grpSpPr>
          <a:xfrm>
            <a:off x="2133311" y="1420470"/>
            <a:ext cx="269867" cy="426249"/>
            <a:chOff x="2494788" y="1432560"/>
            <a:chExt cx="315595" cy="498475"/>
          </a:xfrm>
        </p:grpSpPr>
        <p:pic>
          <p:nvPicPr>
            <p:cNvPr id="47" name="object 47"/>
            <p:cNvPicPr/>
            <p:nvPr/>
          </p:nvPicPr>
          <p:blipFill>
            <a:blip r:embed="rId4" cstate="print"/>
            <a:stretch>
              <a:fillRect/>
            </a:stretch>
          </p:blipFill>
          <p:spPr>
            <a:xfrm>
              <a:off x="2495287" y="1432560"/>
              <a:ext cx="156472" cy="242315"/>
            </a:xfrm>
            <a:prstGeom prst="rect">
              <a:avLst/>
            </a:prstGeom>
          </p:spPr>
        </p:pic>
        <p:sp>
          <p:nvSpPr>
            <p:cNvPr id="48" name="object 48"/>
            <p:cNvSpPr/>
            <p:nvPr/>
          </p:nvSpPr>
          <p:spPr>
            <a:xfrm>
              <a:off x="2494788" y="1647444"/>
              <a:ext cx="157480" cy="276225"/>
            </a:xfrm>
            <a:custGeom>
              <a:avLst/>
              <a:gdLst/>
              <a:ahLst/>
              <a:cxnLst/>
              <a:rect l="l" t="t" r="r" b="b"/>
              <a:pathLst>
                <a:path w="157480" h="276225">
                  <a:moveTo>
                    <a:pt x="0" y="0"/>
                  </a:moveTo>
                  <a:lnTo>
                    <a:pt x="0" y="56387"/>
                  </a:lnTo>
                  <a:lnTo>
                    <a:pt x="5595" y="114448"/>
                  </a:lnTo>
                  <a:lnTo>
                    <a:pt x="21392" y="166793"/>
                  </a:lnTo>
                  <a:lnTo>
                    <a:pt x="45910" y="211264"/>
                  </a:lnTo>
                  <a:lnTo>
                    <a:pt x="77667" y="245702"/>
                  </a:lnTo>
                  <a:lnTo>
                    <a:pt x="115181" y="267948"/>
                  </a:lnTo>
                  <a:lnTo>
                    <a:pt x="156972" y="275843"/>
                  </a:lnTo>
                  <a:lnTo>
                    <a:pt x="156972" y="217931"/>
                  </a:lnTo>
                  <a:lnTo>
                    <a:pt x="115181" y="210149"/>
                  </a:lnTo>
                  <a:lnTo>
                    <a:pt x="77667" y="188185"/>
                  </a:lnTo>
                  <a:lnTo>
                    <a:pt x="45910" y="154114"/>
                  </a:lnTo>
                  <a:lnTo>
                    <a:pt x="21392" y="110010"/>
                  </a:lnTo>
                  <a:lnTo>
                    <a:pt x="5595" y="57947"/>
                  </a:lnTo>
                  <a:lnTo>
                    <a:pt x="0" y="0"/>
                  </a:lnTo>
                  <a:close/>
                </a:path>
              </a:pathLst>
            </a:custGeom>
            <a:solidFill>
              <a:srgbClr val="AF6900"/>
            </a:solidFill>
          </p:spPr>
          <p:txBody>
            <a:bodyPr wrap="square" lIns="0" tIns="0" rIns="0" bIns="0" rtlCol="0"/>
            <a:lstStyle/>
            <a:p>
              <a:endParaRPr sz="1749"/>
            </a:p>
          </p:txBody>
        </p:sp>
        <p:pic>
          <p:nvPicPr>
            <p:cNvPr id="49" name="object 49"/>
            <p:cNvPicPr/>
            <p:nvPr/>
          </p:nvPicPr>
          <p:blipFill>
            <a:blip r:embed="rId5" cstate="print"/>
            <a:stretch>
              <a:fillRect/>
            </a:stretch>
          </p:blipFill>
          <p:spPr>
            <a:xfrm>
              <a:off x="2679192" y="1694688"/>
              <a:ext cx="129539" cy="236220"/>
            </a:xfrm>
            <a:prstGeom prst="rect">
              <a:avLst/>
            </a:prstGeom>
          </p:spPr>
        </p:pic>
        <p:sp>
          <p:nvSpPr>
            <p:cNvPr id="50" name="object 50"/>
            <p:cNvSpPr/>
            <p:nvPr/>
          </p:nvSpPr>
          <p:spPr>
            <a:xfrm>
              <a:off x="2679192" y="1447800"/>
              <a:ext cx="131445" cy="268605"/>
            </a:xfrm>
            <a:custGeom>
              <a:avLst/>
              <a:gdLst/>
              <a:ahLst/>
              <a:cxnLst/>
              <a:rect l="l" t="t" r="r" b="b"/>
              <a:pathLst>
                <a:path w="131444" h="268605">
                  <a:moveTo>
                    <a:pt x="0" y="0"/>
                  </a:moveTo>
                  <a:lnTo>
                    <a:pt x="0" y="41148"/>
                  </a:lnTo>
                  <a:lnTo>
                    <a:pt x="34579" y="49290"/>
                  </a:lnTo>
                  <a:lnTo>
                    <a:pt x="65814" y="72248"/>
                  </a:lnTo>
                  <a:lnTo>
                    <a:pt x="92392" y="107823"/>
                  </a:lnTo>
                  <a:lnTo>
                    <a:pt x="113001" y="153811"/>
                  </a:lnTo>
                  <a:lnTo>
                    <a:pt x="126329" y="208011"/>
                  </a:lnTo>
                  <a:lnTo>
                    <a:pt x="131063" y="268224"/>
                  </a:lnTo>
                  <a:lnTo>
                    <a:pt x="131063" y="227075"/>
                  </a:lnTo>
                  <a:lnTo>
                    <a:pt x="126329" y="166863"/>
                  </a:lnTo>
                  <a:lnTo>
                    <a:pt x="113001" y="112663"/>
                  </a:lnTo>
                  <a:lnTo>
                    <a:pt x="92392" y="66675"/>
                  </a:lnTo>
                  <a:lnTo>
                    <a:pt x="65814" y="31100"/>
                  </a:lnTo>
                  <a:lnTo>
                    <a:pt x="34579" y="8142"/>
                  </a:lnTo>
                  <a:lnTo>
                    <a:pt x="0" y="0"/>
                  </a:lnTo>
                  <a:close/>
                </a:path>
              </a:pathLst>
            </a:custGeom>
            <a:solidFill>
              <a:srgbClr val="AF6900"/>
            </a:solidFill>
          </p:spPr>
          <p:txBody>
            <a:bodyPr wrap="square" lIns="0" tIns="0" rIns="0" bIns="0" rtlCol="0"/>
            <a:lstStyle/>
            <a:p>
              <a:endParaRPr sz="1749"/>
            </a:p>
          </p:txBody>
        </p:sp>
      </p:grpSp>
      <p:sp>
        <p:nvSpPr>
          <p:cNvPr id="51" name="object 51"/>
          <p:cNvSpPr txBox="1"/>
          <p:nvPr/>
        </p:nvSpPr>
        <p:spPr>
          <a:xfrm>
            <a:off x="4935000" y="1412307"/>
            <a:ext cx="733040" cy="382639"/>
          </a:xfrm>
          <a:prstGeom prst="rect">
            <a:avLst/>
          </a:prstGeom>
        </p:spPr>
        <p:txBody>
          <a:bodyPr vert="horz" wrap="square" lIns="0" tIns="32037" rIns="0" bIns="0" rtlCol="0">
            <a:spAutoFit/>
          </a:bodyPr>
          <a:lstStyle/>
          <a:p>
            <a:pPr marL="78190" marR="4344" indent="-67874">
              <a:lnSpc>
                <a:spcPts val="855"/>
              </a:lnSpc>
              <a:spcBef>
                <a:spcPts val="252"/>
              </a:spcBef>
            </a:pPr>
            <a:r>
              <a:rPr sz="855" spc="-17" dirty="0">
                <a:solidFill>
                  <a:srgbClr val="DA8200"/>
                </a:solidFill>
                <a:latin typeface="Meiryo UI"/>
                <a:cs typeface="Meiryo UI"/>
              </a:rPr>
              <a:t>検討会の議論を</a:t>
            </a:r>
            <a:r>
              <a:rPr sz="855" spc="-21" dirty="0">
                <a:solidFill>
                  <a:srgbClr val="DA8200"/>
                </a:solidFill>
                <a:latin typeface="Meiryo UI"/>
                <a:cs typeface="Meiryo UI"/>
              </a:rPr>
              <a:t>踏まえた助言</a:t>
            </a:r>
            <a:endParaRPr sz="855" dirty="0">
              <a:latin typeface="Meiryo UI"/>
              <a:cs typeface="Meiryo UI"/>
            </a:endParaRPr>
          </a:p>
        </p:txBody>
      </p:sp>
      <p:sp>
        <p:nvSpPr>
          <p:cNvPr id="52" name="object 52"/>
          <p:cNvSpPr txBox="1"/>
          <p:nvPr/>
        </p:nvSpPr>
        <p:spPr>
          <a:xfrm>
            <a:off x="6052009" y="1381218"/>
            <a:ext cx="851413" cy="382639"/>
          </a:xfrm>
          <a:prstGeom prst="rect">
            <a:avLst/>
          </a:prstGeom>
        </p:spPr>
        <p:txBody>
          <a:bodyPr vert="horz" wrap="square" lIns="0" tIns="32037" rIns="0" bIns="0" rtlCol="0">
            <a:spAutoFit/>
          </a:bodyPr>
          <a:lstStyle/>
          <a:p>
            <a:pPr marL="10860" marR="4344" indent="91222">
              <a:lnSpc>
                <a:spcPts val="855"/>
              </a:lnSpc>
              <a:spcBef>
                <a:spcPts val="252"/>
              </a:spcBef>
            </a:pPr>
            <a:r>
              <a:rPr sz="855" spc="-13" dirty="0">
                <a:solidFill>
                  <a:srgbClr val="DA8200"/>
                </a:solidFill>
                <a:latin typeface="Meiryo UI"/>
                <a:cs typeface="Meiryo UI"/>
              </a:rPr>
              <a:t>ケーススタディを</a:t>
            </a:r>
            <a:r>
              <a:rPr sz="855" spc="-21" dirty="0">
                <a:solidFill>
                  <a:srgbClr val="DA8200"/>
                </a:solidFill>
                <a:latin typeface="Meiryo UI"/>
                <a:cs typeface="Meiryo UI"/>
              </a:rPr>
              <a:t>議論にフィードバック</a:t>
            </a:r>
            <a:endParaRPr sz="855" dirty="0">
              <a:latin typeface="Meiryo UI"/>
              <a:cs typeface="Meiryo UI"/>
            </a:endParaRPr>
          </a:p>
        </p:txBody>
      </p:sp>
      <p:grpSp>
        <p:nvGrpSpPr>
          <p:cNvPr id="53" name="object 53"/>
          <p:cNvGrpSpPr/>
          <p:nvPr/>
        </p:nvGrpSpPr>
        <p:grpSpPr>
          <a:xfrm>
            <a:off x="2310342" y="1438714"/>
            <a:ext cx="3696152" cy="4424306"/>
            <a:chOff x="2701816" y="1453896"/>
            <a:chExt cx="4322445" cy="5173980"/>
          </a:xfrm>
        </p:grpSpPr>
        <p:pic>
          <p:nvPicPr>
            <p:cNvPr id="54" name="object 54"/>
            <p:cNvPicPr/>
            <p:nvPr/>
          </p:nvPicPr>
          <p:blipFill>
            <a:blip r:embed="rId6" cstate="print"/>
            <a:stretch>
              <a:fillRect/>
            </a:stretch>
          </p:blipFill>
          <p:spPr>
            <a:xfrm>
              <a:off x="6709879" y="1453896"/>
              <a:ext cx="157264" cy="243839"/>
            </a:xfrm>
            <a:prstGeom prst="rect">
              <a:avLst/>
            </a:prstGeom>
          </p:spPr>
        </p:pic>
        <p:sp>
          <p:nvSpPr>
            <p:cNvPr id="55" name="object 55"/>
            <p:cNvSpPr/>
            <p:nvPr/>
          </p:nvSpPr>
          <p:spPr>
            <a:xfrm>
              <a:off x="6708647" y="1671828"/>
              <a:ext cx="158750" cy="271780"/>
            </a:xfrm>
            <a:custGeom>
              <a:avLst/>
              <a:gdLst/>
              <a:ahLst/>
              <a:cxnLst/>
              <a:rect l="l" t="t" r="r" b="b"/>
              <a:pathLst>
                <a:path w="158750" h="271780">
                  <a:moveTo>
                    <a:pt x="0" y="0"/>
                  </a:moveTo>
                  <a:lnTo>
                    <a:pt x="0" y="50292"/>
                  </a:lnTo>
                  <a:lnTo>
                    <a:pt x="4141" y="100921"/>
                  </a:lnTo>
                  <a:lnTo>
                    <a:pt x="15959" y="147419"/>
                  </a:lnTo>
                  <a:lnTo>
                    <a:pt x="34549" y="188451"/>
                  </a:lnTo>
                  <a:lnTo>
                    <a:pt x="59005" y="222686"/>
                  </a:lnTo>
                  <a:lnTo>
                    <a:pt x="88418" y="248789"/>
                  </a:lnTo>
                  <a:lnTo>
                    <a:pt x="158496" y="271272"/>
                  </a:lnTo>
                  <a:lnTo>
                    <a:pt x="158496" y="220980"/>
                  </a:lnTo>
                  <a:lnTo>
                    <a:pt x="121884" y="215137"/>
                  </a:lnTo>
                  <a:lnTo>
                    <a:pt x="88418" y="198497"/>
                  </a:lnTo>
                  <a:lnTo>
                    <a:pt x="59005" y="172394"/>
                  </a:lnTo>
                  <a:lnTo>
                    <a:pt x="34549" y="138159"/>
                  </a:lnTo>
                  <a:lnTo>
                    <a:pt x="15959" y="97127"/>
                  </a:lnTo>
                  <a:lnTo>
                    <a:pt x="4141" y="50629"/>
                  </a:lnTo>
                  <a:lnTo>
                    <a:pt x="0" y="0"/>
                  </a:lnTo>
                  <a:close/>
                </a:path>
              </a:pathLst>
            </a:custGeom>
            <a:solidFill>
              <a:srgbClr val="AF6900"/>
            </a:solidFill>
          </p:spPr>
          <p:txBody>
            <a:bodyPr wrap="square" lIns="0" tIns="0" rIns="0" bIns="0" rtlCol="0"/>
            <a:lstStyle/>
            <a:p>
              <a:endParaRPr sz="1749"/>
            </a:p>
          </p:txBody>
        </p:sp>
        <p:pic>
          <p:nvPicPr>
            <p:cNvPr id="56" name="object 56"/>
            <p:cNvPicPr/>
            <p:nvPr/>
          </p:nvPicPr>
          <p:blipFill>
            <a:blip r:embed="rId7" cstate="print"/>
            <a:stretch>
              <a:fillRect/>
            </a:stretch>
          </p:blipFill>
          <p:spPr>
            <a:xfrm>
              <a:off x="6894576" y="1716024"/>
              <a:ext cx="128016" cy="236220"/>
            </a:xfrm>
            <a:prstGeom prst="rect">
              <a:avLst/>
            </a:prstGeom>
          </p:spPr>
        </p:pic>
        <p:sp>
          <p:nvSpPr>
            <p:cNvPr id="57" name="object 57"/>
            <p:cNvSpPr/>
            <p:nvPr/>
          </p:nvSpPr>
          <p:spPr>
            <a:xfrm>
              <a:off x="6894576" y="1467612"/>
              <a:ext cx="129539" cy="268605"/>
            </a:xfrm>
            <a:custGeom>
              <a:avLst/>
              <a:gdLst/>
              <a:ahLst/>
              <a:cxnLst/>
              <a:rect l="l" t="t" r="r" b="b"/>
              <a:pathLst>
                <a:path w="129540" h="268605">
                  <a:moveTo>
                    <a:pt x="0" y="0"/>
                  </a:moveTo>
                  <a:lnTo>
                    <a:pt x="0" y="41148"/>
                  </a:lnTo>
                  <a:lnTo>
                    <a:pt x="34466" y="49290"/>
                  </a:lnTo>
                  <a:lnTo>
                    <a:pt x="65419" y="72248"/>
                  </a:lnTo>
                  <a:lnTo>
                    <a:pt x="91630" y="107823"/>
                  </a:lnTo>
                  <a:lnTo>
                    <a:pt x="111872" y="153811"/>
                  </a:lnTo>
                  <a:lnTo>
                    <a:pt x="124918" y="208011"/>
                  </a:lnTo>
                  <a:lnTo>
                    <a:pt x="129540" y="268224"/>
                  </a:lnTo>
                  <a:lnTo>
                    <a:pt x="129540" y="227075"/>
                  </a:lnTo>
                  <a:lnTo>
                    <a:pt x="124918" y="166863"/>
                  </a:lnTo>
                  <a:lnTo>
                    <a:pt x="111872" y="112663"/>
                  </a:lnTo>
                  <a:lnTo>
                    <a:pt x="91630" y="66675"/>
                  </a:lnTo>
                  <a:lnTo>
                    <a:pt x="65419" y="31100"/>
                  </a:lnTo>
                  <a:lnTo>
                    <a:pt x="34466" y="8142"/>
                  </a:lnTo>
                  <a:lnTo>
                    <a:pt x="0" y="0"/>
                  </a:lnTo>
                  <a:close/>
                </a:path>
              </a:pathLst>
            </a:custGeom>
            <a:solidFill>
              <a:srgbClr val="AF6900"/>
            </a:solidFill>
          </p:spPr>
          <p:txBody>
            <a:bodyPr wrap="square" lIns="0" tIns="0" rIns="0" bIns="0" rtlCol="0"/>
            <a:lstStyle/>
            <a:p>
              <a:endParaRPr sz="1749"/>
            </a:p>
          </p:txBody>
        </p:sp>
        <p:pic>
          <p:nvPicPr>
            <p:cNvPr id="58" name="object 58"/>
            <p:cNvPicPr/>
            <p:nvPr/>
          </p:nvPicPr>
          <p:blipFill>
            <a:blip r:embed="rId8" cstate="print"/>
            <a:stretch>
              <a:fillRect/>
            </a:stretch>
          </p:blipFill>
          <p:spPr>
            <a:xfrm>
              <a:off x="2706623" y="6388613"/>
              <a:ext cx="175259" cy="239268"/>
            </a:xfrm>
            <a:prstGeom prst="rect">
              <a:avLst/>
            </a:prstGeom>
          </p:spPr>
        </p:pic>
        <p:sp>
          <p:nvSpPr>
            <p:cNvPr id="59" name="object 59"/>
            <p:cNvSpPr/>
            <p:nvPr/>
          </p:nvSpPr>
          <p:spPr>
            <a:xfrm>
              <a:off x="2701816" y="6123431"/>
              <a:ext cx="143510" cy="294640"/>
            </a:xfrm>
            <a:custGeom>
              <a:avLst/>
              <a:gdLst/>
              <a:ahLst/>
              <a:cxnLst/>
              <a:rect l="l" t="t" r="r" b="b"/>
              <a:pathLst>
                <a:path w="143510" h="294639">
                  <a:moveTo>
                    <a:pt x="138919" y="0"/>
                  </a:moveTo>
                  <a:lnTo>
                    <a:pt x="71570" y="28871"/>
                  </a:lnTo>
                  <a:lnTo>
                    <a:pt x="44507" y="57903"/>
                  </a:lnTo>
                  <a:lnTo>
                    <a:pt x="22988" y="94746"/>
                  </a:lnTo>
                  <a:lnTo>
                    <a:pt x="7868" y="137961"/>
                  </a:lnTo>
                  <a:lnTo>
                    <a:pt x="0" y="186108"/>
                  </a:lnTo>
                  <a:lnTo>
                    <a:pt x="235" y="237749"/>
                  </a:lnTo>
                  <a:lnTo>
                    <a:pt x="6331" y="294137"/>
                  </a:lnTo>
                  <a:lnTo>
                    <a:pt x="6011" y="242498"/>
                  </a:lnTo>
                  <a:lnTo>
                    <a:pt x="13662" y="194351"/>
                  </a:lnTo>
                  <a:lnTo>
                    <a:pt x="28485" y="151136"/>
                  </a:lnTo>
                  <a:lnTo>
                    <a:pt x="49678" y="114293"/>
                  </a:lnTo>
                  <a:lnTo>
                    <a:pt x="76444" y="85260"/>
                  </a:lnTo>
                  <a:lnTo>
                    <a:pt x="143491" y="56387"/>
                  </a:lnTo>
                  <a:lnTo>
                    <a:pt x="138919" y="0"/>
                  </a:lnTo>
                  <a:close/>
                </a:path>
              </a:pathLst>
            </a:custGeom>
            <a:solidFill>
              <a:srgbClr val="AF6900"/>
            </a:solidFill>
          </p:spPr>
          <p:txBody>
            <a:bodyPr wrap="square" lIns="0" tIns="0" rIns="0" bIns="0" rtlCol="0"/>
            <a:lstStyle/>
            <a:p>
              <a:endParaRPr sz="1749"/>
            </a:p>
          </p:txBody>
        </p:sp>
        <p:pic>
          <p:nvPicPr>
            <p:cNvPr id="60" name="object 60"/>
            <p:cNvPicPr/>
            <p:nvPr/>
          </p:nvPicPr>
          <p:blipFill>
            <a:blip r:embed="rId9" cstate="print"/>
            <a:stretch>
              <a:fillRect/>
            </a:stretch>
          </p:blipFill>
          <p:spPr>
            <a:xfrm>
              <a:off x="2868167" y="6106667"/>
              <a:ext cx="149351" cy="234701"/>
            </a:xfrm>
            <a:prstGeom prst="rect">
              <a:avLst/>
            </a:prstGeom>
          </p:spPr>
        </p:pic>
        <p:sp>
          <p:nvSpPr>
            <p:cNvPr id="61" name="object 61"/>
            <p:cNvSpPr/>
            <p:nvPr/>
          </p:nvSpPr>
          <p:spPr>
            <a:xfrm>
              <a:off x="2906267" y="6321557"/>
              <a:ext cx="113664" cy="283845"/>
            </a:xfrm>
            <a:custGeom>
              <a:avLst/>
              <a:gdLst/>
              <a:ahLst/>
              <a:cxnLst/>
              <a:rect l="l" t="t" r="r" b="b"/>
              <a:pathLst>
                <a:path w="113664" h="283845">
                  <a:moveTo>
                    <a:pt x="109727" y="0"/>
                  </a:moveTo>
                  <a:lnTo>
                    <a:pt x="110278" y="61446"/>
                  </a:lnTo>
                  <a:lnTo>
                    <a:pt x="101938" y="117686"/>
                  </a:lnTo>
                  <a:lnTo>
                    <a:pt x="85724" y="166306"/>
                  </a:lnTo>
                  <a:lnTo>
                    <a:pt x="62653" y="204893"/>
                  </a:lnTo>
                  <a:lnTo>
                    <a:pt x="33739" y="231034"/>
                  </a:lnTo>
                  <a:lnTo>
                    <a:pt x="0" y="242316"/>
                  </a:lnTo>
                  <a:lnTo>
                    <a:pt x="3048" y="283464"/>
                  </a:lnTo>
                  <a:lnTo>
                    <a:pt x="65701" y="246041"/>
                  </a:lnTo>
                  <a:lnTo>
                    <a:pt x="88773" y="207454"/>
                  </a:lnTo>
                  <a:lnTo>
                    <a:pt x="104986" y="158834"/>
                  </a:lnTo>
                  <a:lnTo>
                    <a:pt x="113326" y="102594"/>
                  </a:lnTo>
                  <a:lnTo>
                    <a:pt x="112775" y="41148"/>
                  </a:lnTo>
                  <a:lnTo>
                    <a:pt x="109727" y="0"/>
                  </a:lnTo>
                  <a:close/>
                </a:path>
              </a:pathLst>
            </a:custGeom>
            <a:solidFill>
              <a:srgbClr val="AF6900"/>
            </a:solidFill>
          </p:spPr>
          <p:txBody>
            <a:bodyPr wrap="square" lIns="0" tIns="0" rIns="0" bIns="0" rtlCol="0"/>
            <a:lstStyle/>
            <a:p>
              <a:endParaRPr sz="1749"/>
            </a:p>
          </p:txBody>
        </p:sp>
      </p:grpSp>
      <p:sp>
        <p:nvSpPr>
          <p:cNvPr id="62" name="object 62"/>
          <p:cNvSpPr txBox="1"/>
          <p:nvPr/>
        </p:nvSpPr>
        <p:spPr>
          <a:xfrm>
            <a:off x="2473962" y="1431919"/>
            <a:ext cx="2642551" cy="758511"/>
          </a:xfrm>
          <a:prstGeom prst="rect">
            <a:avLst/>
          </a:prstGeom>
        </p:spPr>
        <p:txBody>
          <a:bodyPr vert="horz" wrap="square" lIns="0" tIns="32037" rIns="0" bIns="0" rtlCol="0">
            <a:spAutoFit/>
          </a:bodyPr>
          <a:lstStyle/>
          <a:p>
            <a:pPr marL="10860" marR="1661001" indent="91222">
              <a:lnSpc>
                <a:spcPts val="855"/>
              </a:lnSpc>
              <a:spcBef>
                <a:spcPts val="252"/>
              </a:spcBef>
            </a:pPr>
            <a:r>
              <a:rPr sz="855" spc="-13" dirty="0">
                <a:solidFill>
                  <a:srgbClr val="DA8200"/>
                </a:solidFill>
                <a:latin typeface="Meiryo UI"/>
                <a:cs typeface="Meiryo UI"/>
              </a:rPr>
              <a:t>ケーススタディを</a:t>
            </a:r>
            <a:r>
              <a:rPr sz="855" spc="-21" dirty="0">
                <a:solidFill>
                  <a:srgbClr val="DA8200"/>
                </a:solidFill>
                <a:latin typeface="Meiryo UI"/>
                <a:cs typeface="Meiryo UI"/>
              </a:rPr>
              <a:t>議論にフィードバック</a:t>
            </a:r>
            <a:endParaRPr sz="855" dirty="0">
              <a:latin typeface="Meiryo UI"/>
              <a:cs typeface="Meiryo UI"/>
            </a:endParaRPr>
          </a:p>
          <a:p>
            <a:pPr marL="506065">
              <a:spcBef>
                <a:spcPts val="513"/>
              </a:spcBef>
            </a:pPr>
            <a:r>
              <a:rPr sz="2052" b="1" spc="-13" dirty="0">
                <a:solidFill>
                  <a:srgbClr val="FFFFFF"/>
                </a:solidFill>
                <a:latin typeface="Meiryo UI"/>
                <a:cs typeface="Meiryo UI"/>
              </a:rPr>
              <a:t>群マネ計画検討会</a:t>
            </a:r>
            <a:endParaRPr sz="2052" dirty="0">
              <a:latin typeface="Meiryo UI"/>
              <a:cs typeface="Meiryo UI"/>
            </a:endParaRPr>
          </a:p>
        </p:txBody>
      </p:sp>
      <p:sp>
        <p:nvSpPr>
          <p:cNvPr id="63" name="object 63"/>
          <p:cNvSpPr txBox="1"/>
          <p:nvPr/>
        </p:nvSpPr>
        <p:spPr>
          <a:xfrm>
            <a:off x="4925596" y="5514640"/>
            <a:ext cx="733040" cy="382639"/>
          </a:xfrm>
          <a:prstGeom prst="rect">
            <a:avLst/>
          </a:prstGeom>
        </p:spPr>
        <p:txBody>
          <a:bodyPr vert="horz" wrap="square" lIns="0" tIns="32037" rIns="0" bIns="0" rtlCol="0">
            <a:spAutoFit/>
          </a:bodyPr>
          <a:lstStyle/>
          <a:p>
            <a:pPr marL="78190" marR="4344" indent="-67874">
              <a:lnSpc>
                <a:spcPts val="855"/>
              </a:lnSpc>
              <a:spcBef>
                <a:spcPts val="252"/>
              </a:spcBef>
            </a:pPr>
            <a:r>
              <a:rPr sz="855" spc="-17" dirty="0">
                <a:solidFill>
                  <a:srgbClr val="DA8200"/>
                </a:solidFill>
                <a:latin typeface="Meiryo UI"/>
                <a:cs typeface="Meiryo UI"/>
              </a:rPr>
              <a:t>検討会の議論を</a:t>
            </a:r>
            <a:r>
              <a:rPr sz="855" spc="-21" dirty="0">
                <a:solidFill>
                  <a:srgbClr val="DA8200"/>
                </a:solidFill>
                <a:latin typeface="Meiryo UI"/>
                <a:cs typeface="Meiryo UI"/>
              </a:rPr>
              <a:t>踏まえた助言</a:t>
            </a:r>
            <a:endParaRPr sz="855">
              <a:latin typeface="Meiryo UI"/>
              <a:cs typeface="Meiryo UI"/>
            </a:endParaRPr>
          </a:p>
        </p:txBody>
      </p:sp>
      <p:sp>
        <p:nvSpPr>
          <p:cNvPr id="64" name="object 64"/>
          <p:cNvSpPr txBox="1"/>
          <p:nvPr/>
        </p:nvSpPr>
        <p:spPr>
          <a:xfrm>
            <a:off x="6047637" y="5505517"/>
            <a:ext cx="851413" cy="382639"/>
          </a:xfrm>
          <a:prstGeom prst="rect">
            <a:avLst/>
          </a:prstGeom>
        </p:spPr>
        <p:txBody>
          <a:bodyPr vert="horz" wrap="square" lIns="0" tIns="32037" rIns="0" bIns="0" rtlCol="0">
            <a:spAutoFit/>
          </a:bodyPr>
          <a:lstStyle/>
          <a:p>
            <a:pPr marL="10860" marR="4344" indent="91222">
              <a:lnSpc>
                <a:spcPts val="855"/>
              </a:lnSpc>
              <a:spcBef>
                <a:spcPts val="252"/>
              </a:spcBef>
            </a:pPr>
            <a:r>
              <a:rPr sz="855" spc="-13" dirty="0">
                <a:solidFill>
                  <a:srgbClr val="DA8200"/>
                </a:solidFill>
                <a:latin typeface="Meiryo UI"/>
                <a:cs typeface="Meiryo UI"/>
              </a:rPr>
              <a:t>ケーススタディを</a:t>
            </a:r>
            <a:r>
              <a:rPr sz="855" spc="-21" dirty="0">
                <a:solidFill>
                  <a:srgbClr val="DA8200"/>
                </a:solidFill>
                <a:latin typeface="Meiryo UI"/>
                <a:cs typeface="Meiryo UI"/>
              </a:rPr>
              <a:t>議論にフィードバック</a:t>
            </a:r>
            <a:endParaRPr sz="855">
              <a:latin typeface="Meiryo UI"/>
              <a:cs typeface="Meiryo UI"/>
            </a:endParaRPr>
          </a:p>
        </p:txBody>
      </p:sp>
      <p:sp>
        <p:nvSpPr>
          <p:cNvPr id="65" name="object 65"/>
          <p:cNvSpPr txBox="1"/>
          <p:nvPr/>
        </p:nvSpPr>
        <p:spPr>
          <a:xfrm>
            <a:off x="2244950" y="4841481"/>
            <a:ext cx="3510693" cy="799393"/>
          </a:xfrm>
          <a:prstGeom prst="rect">
            <a:avLst/>
          </a:prstGeom>
        </p:spPr>
        <p:txBody>
          <a:bodyPr vert="horz" wrap="square" lIns="0" tIns="38552" rIns="0" bIns="0" rtlCol="0">
            <a:spAutoFit/>
          </a:bodyPr>
          <a:lstStyle/>
          <a:p>
            <a:pPr algn="ctr">
              <a:spcBef>
                <a:spcPts val="304"/>
              </a:spcBef>
            </a:pPr>
            <a:r>
              <a:rPr sz="1368" b="1" spc="-26" dirty="0">
                <a:solidFill>
                  <a:srgbClr val="FF0000"/>
                </a:solidFill>
                <a:latin typeface="Meiryo UI"/>
                <a:cs typeface="Meiryo UI"/>
              </a:rPr>
              <a:t>業務・工事実施の視点からアプローチ</a:t>
            </a:r>
            <a:endParaRPr sz="1368" dirty="0">
              <a:latin typeface="Meiryo UI"/>
              <a:cs typeface="Meiryo UI"/>
            </a:endParaRPr>
          </a:p>
          <a:p>
            <a:pPr marR="20091" algn="ctr">
              <a:spcBef>
                <a:spcPts val="329"/>
              </a:spcBef>
            </a:pPr>
            <a:r>
              <a:rPr sz="2052" b="1" spc="-13" dirty="0">
                <a:solidFill>
                  <a:srgbClr val="FFFFFF"/>
                </a:solidFill>
                <a:latin typeface="Meiryo UI"/>
                <a:cs typeface="Meiryo UI"/>
              </a:rPr>
              <a:t>群マネ実施検討会</a:t>
            </a:r>
            <a:endParaRPr sz="2052" dirty="0">
              <a:latin typeface="Meiryo UI"/>
              <a:cs typeface="Meiryo UI"/>
            </a:endParaRPr>
          </a:p>
          <a:p>
            <a:pPr marL="112399">
              <a:spcBef>
                <a:spcPts val="543"/>
              </a:spcBef>
            </a:pPr>
            <a:r>
              <a:rPr sz="855" spc="-13" dirty="0">
                <a:solidFill>
                  <a:srgbClr val="DA8200"/>
                </a:solidFill>
                <a:latin typeface="Meiryo UI"/>
                <a:cs typeface="Meiryo UI"/>
              </a:rPr>
              <a:t>ケーススタディを</a:t>
            </a:r>
            <a:endParaRPr sz="855" dirty="0">
              <a:latin typeface="Meiryo UI"/>
              <a:cs typeface="Meiryo UI"/>
            </a:endParaRPr>
          </a:p>
        </p:txBody>
      </p:sp>
      <p:sp>
        <p:nvSpPr>
          <p:cNvPr id="66" name="object 66"/>
          <p:cNvSpPr txBox="1"/>
          <p:nvPr/>
        </p:nvSpPr>
        <p:spPr>
          <a:xfrm>
            <a:off x="1537321" y="5506821"/>
            <a:ext cx="1908077" cy="360706"/>
          </a:xfrm>
          <a:prstGeom prst="rect">
            <a:avLst/>
          </a:prstGeom>
        </p:spPr>
        <p:txBody>
          <a:bodyPr vert="horz" wrap="square" lIns="0" tIns="10317" rIns="0" bIns="0" rtlCol="0">
            <a:spAutoFit/>
          </a:bodyPr>
          <a:lstStyle/>
          <a:p>
            <a:pPr marL="10860">
              <a:lnSpc>
                <a:spcPts val="941"/>
              </a:lnSpc>
              <a:spcBef>
                <a:spcPts val="81"/>
              </a:spcBef>
            </a:pPr>
            <a:r>
              <a:rPr sz="855" spc="-17" dirty="0">
                <a:solidFill>
                  <a:srgbClr val="DA8200"/>
                </a:solidFill>
                <a:latin typeface="Meiryo UI"/>
                <a:cs typeface="Meiryo UI"/>
              </a:rPr>
              <a:t>検討会の議論を</a:t>
            </a:r>
            <a:endParaRPr sz="855">
              <a:latin typeface="Meiryo UI"/>
              <a:cs typeface="Meiryo UI"/>
            </a:endParaRPr>
          </a:p>
          <a:p>
            <a:pPr marL="78190">
              <a:lnSpc>
                <a:spcPts val="941"/>
              </a:lnSpc>
              <a:tabLst>
                <a:tab pos="1067515" algn="l"/>
              </a:tabLst>
            </a:pPr>
            <a:r>
              <a:rPr sz="855" spc="-9" dirty="0">
                <a:solidFill>
                  <a:srgbClr val="DA8200"/>
                </a:solidFill>
                <a:latin typeface="Meiryo UI"/>
                <a:cs typeface="Meiryo UI"/>
              </a:rPr>
              <a:t>踏</a:t>
            </a:r>
            <a:r>
              <a:rPr sz="855" dirty="0">
                <a:solidFill>
                  <a:srgbClr val="DA8200"/>
                </a:solidFill>
                <a:latin typeface="Meiryo UI"/>
                <a:cs typeface="Meiryo UI"/>
              </a:rPr>
              <a:t>ま</a:t>
            </a:r>
            <a:r>
              <a:rPr sz="855" spc="-17" dirty="0">
                <a:solidFill>
                  <a:srgbClr val="DA8200"/>
                </a:solidFill>
                <a:latin typeface="Meiryo UI"/>
                <a:cs typeface="Meiryo UI"/>
              </a:rPr>
              <a:t>えた</a:t>
            </a:r>
            <a:r>
              <a:rPr sz="855" spc="-9" dirty="0">
                <a:solidFill>
                  <a:srgbClr val="DA8200"/>
                </a:solidFill>
                <a:latin typeface="Meiryo UI"/>
                <a:cs typeface="Meiryo UI"/>
              </a:rPr>
              <a:t>助</a:t>
            </a:r>
            <a:r>
              <a:rPr sz="855" spc="-43" dirty="0">
                <a:solidFill>
                  <a:srgbClr val="DA8200"/>
                </a:solidFill>
                <a:latin typeface="Meiryo UI"/>
                <a:cs typeface="Meiryo UI"/>
              </a:rPr>
              <a:t>言</a:t>
            </a:r>
            <a:r>
              <a:rPr sz="855" dirty="0">
                <a:solidFill>
                  <a:srgbClr val="DA8200"/>
                </a:solidFill>
                <a:latin typeface="Meiryo UI"/>
                <a:cs typeface="Meiryo UI"/>
              </a:rPr>
              <a:t>	</a:t>
            </a:r>
            <a:r>
              <a:rPr sz="1283" spc="-13" baseline="2777" dirty="0">
                <a:solidFill>
                  <a:srgbClr val="DA8200"/>
                </a:solidFill>
                <a:latin typeface="Meiryo UI"/>
                <a:cs typeface="Meiryo UI"/>
              </a:rPr>
              <a:t>議論</a:t>
            </a:r>
            <a:r>
              <a:rPr sz="1283" spc="-26" baseline="2777" dirty="0">
                <a:solidFill>
                  <a:srgbClr val="DA8200"/>
                </a:solidFill>
                <a:latin typeface="Meiryo UI"/>
                <a:cs typeface="Meiryo UI"/>
              </a:rPr>
              <a:t>にフ</a:t>
            </a:r>
            <a:r>
              <a:rPr sz="1283" spc="-13" baseline="2777" dirty="0">
                <a:solidFill>
                  <a:srgbClr val="DA8200"/>
                </a:solidFill>
                <a:latin typeface="Meiryo UI"/>
                <a:cs typeface="Meiryo UI"/>
              </a:rPr>
              <a:t>ィ</a:t>
            </a:r>
            <a:r>
              <a:rPr sz="1283" baseline="2777" dirty="0">
                <a:solidFill>
                  <a:srgbClr val="DA8200"/>
                </a:solidFill>
                <a:latin typeface="Meiryo UI"/>
                <a:cs typeface="Meiryo UI"/>
              </a:rPr>
              <a:t>ー</a:t>
            </a:r>
            <a:r>
              <a:rPr sz="1283" spc="-26" baseline="2777" dirty="0">
                <a:solidFill>
                  <a:srgbClr val="DA8200"/>
                </a:solidFill>
                <a:latin typeface="Meiryo UI"/>
                <a:cs typeface="Meiryo UI"/>
              </a:rPr>
              <a:t>ドバ</a:t>
            </a:r>
            <a:r>
              <a:rPr sz="1283" baseline="2777" dirty="0">
                <a:solidFill>
                  <a:srgbClr val="DA8200"/>
                </a:solidFill>
                <a:latin typeface="Meiryo UI"/>
                <a:cs typeface="Meiryo UI"/>
              </a:rPr>
              <a:t>ッ</a:t>
            </a:r>
            <a:r>
              <a:rPr sz="1283" spc="-64" baseline="2777" dirty="0">
                <a:solidFill>
                  <a:srgbClr val="DA8200"/>
                </a:solidFill>
                <a:latin typeface="Meiryo UI"/>
                <a:cs typeface="Meiryo UI"/>
              </a:rPr>
              <a:t>ク</a:t>
            </a:r>
            <a:endParaRPr sz="1283" baseline="2777">
              <a:latin typeface="Meiryo UI"/>
              <a:cs typeface="Meiryo UI"/>
            </a:endParaRPr>
          </a:p>
        </p:txBody>
      </p:sp>
      <p:grpSp>
        <p:nvGrpSpPr>
          <p:cNvPr id="67" name="object 67"/>
          <p:cNvGrpSpPr/>
          <p:nvPr/>
        </p:nvGrpSpPr>
        <p:grpSpPr>
          <a:xfrm>
            <a:off x="1189805" y="784996"/>
            <a:ext cx="6822164" cy="5082260"/>
            <a:chOff x="1391411" y="961644"/>
            <a:chExt cx="7698105" cy="5671185"/>
          </a:xfrm>
        </p:grpSpPr>
        <p:pic>
          <p:nvPicPr>
            <p:cNvPr id="68" name="object 68"/>
            <p:cNvPicPr/>
            <p:nvPr/>
          </p:nvPicPr>
          <p:blipFill>
            <a:blip r:embed="rId10" cstate="print"/>
            <a:stretch>
              <a:fillRect/>
            </a:stretch>
          </p:blipFill>
          <p:spPr>
            <a:xfrm>
              <a:off x="6667500" y="6393184"/>
              <a:ext cx="175259" cy="239268"/>
            </a:xfrm>
            <a:prstGeom prst="rect">
              <a:avLst/>
            </a:prstGeom>
          </p:spPr>
        </p:pic>
        <p:sp>
          <p:nvSpPr>
            <p:cNvPr id="69" name="object 69"/>
            <p:cNvSpPr/>
            <p:nvPr/>
          </p:nvSpPr>
          <p:spPr>
            <a:xfrm>
              <a:off x="6664136" y="6128003"/>
              <a:ext cx="144145" cy="294640"/>
            </a:xfrm>
            <a:custGeom>
              <a:avLst/>
              <a:gdLst/>
              <a:ahLst/>
              <a:cxnLst/>
              <a:rect l="l" t="t" r="r" b="b"/>
              <a:pathLst>
                <a:path w="144145" h="294639">
                  <a:moveTo>
                    <a:pt x="138999" y="0"/>
                  </a:moveTo>
                  <a:lnTo>
                    <a:pt x="70983" y="28569"/>
                  </a:lnTo>
                  <a:lnTo>
                    <a:pt x="43947" y="57303"/>
                  </a:lnTo>
                  <a:lnTo>
                    <a:pt x="22588" y="93822"/>
                  </a:lnTo>
                  <a:lnTo>
                    <a:pt x="7682" y="136739"/>
                  </a:lnTo>
                  <a:lnTo>
                    <a:pt x="0" y="184669"/>
                  </a:lnTo>
                  <a:lnTo>
                    <a:pt x="315" y="236225"/>
                  </a:lnTo>
                  <a:lnTo>
                    <a:pt x="4887" y="294137"/>
                  </a:lnTo>
                  <a:lnTo>
                    <a:pt x="4651" y="242498"/>
                  </a:lnTo>
                  <a:lnTo>
                    <a:pt x="12520" y="194351"/>
                  </a:lnTo>
                  <a:lnTo>
                    <a:pt x="27640" y="151136"/>
                  </a:lnTo>
                  <a:lnTo>
                    <a:pt x="49158" y="114293"/>
                  </a:lnTo>
                  <a:lnTo>
                    <a:pt x="76222" y="85260"/>
                  </a:lnTo>
                  <a:lnTo>
                    <a:pt x="143571" y="56387"/>
                  </a:lnTo>
                  <a:lnTo>
                    <a:pt x="138999" y="0"/>
                  </a:lnTo>
                  <a:close/>
                </a:path>
              </a:pathLst>
            </a:custGeom>
            <a:solidFill>
              <a:srgbClr val="AF6900"/>
            </a:solidFill>
          </p:spPr>
          <p:txBody>
            <a:bodyPr wrap="square" lIns="0" tIns="0" rIns="0" bIns="0" rtlCol="0"/>
            <a:lstStyle/>
            <a:p>
              <a:endParaRPr sz="1749"/>
            </a:p>
          </p:txBody>
        </p:sp>
        <p:pic>
          <p:nvPicPr>
            <p:cNvPr id="70" name="object 70"/>
            <p:cNvPicPr/>
            <p:nvPr/>
          </p:nvPicPr>
          <p:blipFill>
            <a:blip r:embed="rId11" cstate="print"/>
            <a:stretch>
              <a:fillRect/>
            </a:stretch>
          </p:blipFill>
          <p:spPr>
            <a:xfrm>
              <a:off x="6830567" y="6111240"/>
              <a:ext cx="147827" cy="234701"/>
            </a:xfrm>
            <a:prstGeom prst="rect">
              <a:avLst/>
            </a:prstGeom>
          </p:spPr>
        </p:pic>
        <p:sp>
          <p:nvSpPr>
            <p:cNvPr id="71" name="object 71"/>
            <p:cNvSpPr/>
            <p:nvPr/>
          </p:nvSpPr>
          <p:spPr>
            <a:xfrm>
              <a:off x="6867144" y="6324605"/>
              <a:ext cx="114935" cy="283845"/>
            </a:xfrm>
            <a:custGeom>
              <a:avLst/>
              <a:gdLst/>
              <a:ahLst/>
              <a:cxnLst/>
              <a:rect l="l" t="t" r="r" b="b"/>
              <a:pathLst>
                <a:path w="114934" h="283845">
                  <a:moveTo>
                    <a:pt x="109727" y="0"/>
                  </a:moveTo>
                  <a:lnTo>
                    <a:pt x="110278" y="61975"/>
                  </a:lnTo>
                  <a:lnTo>
                    <a:pt x="101938" y="118363"/>
                  </a:lnTo>
                  <a:lnTo>
                    <a:pt x="85725" y="166877"/>
                  </a:lnTo>
                  <a:lnTo>
                    <a:pt x="62653" y="205231"/>
                  </a:lnTo>
                  <a:lnTo>
                    <a:pt x="33739" y="231139"/>
                  </a:lnTo>
                  <a:lnTo>
                    <a:pt x="0" y="242315"/>
                  </a:lnTo>
                  <a:lnTo>
                    <a:pt x="4572" y="283463"/>
                  </a:lnTo>
                  <a:lnTo>
                    <a:pt x="67225" y="246380"/>
                  </a:lnTo>
                  <a:lnTo>
                    <a:pt x="90296" y="208026"/>
                  </a:lnTo>
                  <a:lnTo>
                    <a:pt x="106510" y="159512"/>
                  </a:lnTo>
                  <a:lnTo>
                    <a:pt x="114850" y="103124"/>
                  </a:lnTo>
                  <a:lnTo>
                    <a:pt x="114300" y="41147"/>
                  </a:lnTo>
                  <a:lnTo>
                    <a:pt x="109727" y="0"/>
                  </a:lnTo>
                  <a:close/>
                </a:path>
              </a:pathLst>
            </a:custGeom>
            <a:solidFill>
              <a:srgbClr val="AF6900"/>
            </a:solidFill>
          </p:spPr>
          <p:txBody>
            <a:bodyPr wrap="square" lIns="0" tIns="0" rIns="0" bIns="0" rtlCol="0"/>
            <a:lstStyle/>
            <a:p>
              <a:endParaRPr sz="1749"/>
            </a:p>
          </p:txBody>
        </p:sp>
        <p:sp>
          <p:nvSpPr>
            <p:cNvPr id="72" name="object 72"/>
            <p:cNvSpPr/>
            <p:nvPr/>
          </p:nvSpPr>
          <p:spPr>
            <a:xfrm>
              <a:off x="8517635" y="2615183"/>
              <a:ext cx="571500" cy="2837815"/>
            </a:xfrm>
            <a:custGeom>
              <a:avLst/>
              <a:gdLst/>
              <a:ahLst/>
              <a:cxnLst/>
              <a:rect l="l" t="t" r="r" b="b"/>
              <a:pathLst>
                <a:path w="571500" h="2837815">
                  <a:moveTo>
                    <a:pt x="0" y="0"/>
                  </a:moveTo>
                  <a:lnTo>
                    <a:pt x="0" y="2837688"/>
                  </a:lnTo>
                  <a:lnTo>
                    <a:pt x="571500" y="1418843"/>
                  </a:lnTo>
                  <a:lnTo>
                    <a:pt x="0" y="0"/>
                  </a:lnTo>
                  <a:close/>
                </a:path>
              </a:pathLst>
            </a:custGeom>
            <a:solidFill>
              <a:srgbClr val="FF7C80"/>
            </a:solidFill>
          </p:spPr>
          <p:txBody>
            <a:bodyPr wrap="square" lIns="0" tIns="0" rIns="0" bIns="0" rtlCol="0"/>
            <a:lstStyle/>
            <a:p>
              <a:endParaRPr sz="1749"/>
            </a:p>
          </p:txBody>
        </p:sp>
        <p:sp>
          <p:nvSpPr>
            <p:cNvPr id="73" name="object 73"/>
            <p:cNvSpPr/>
            <p:nvPr/>
          </p:nvSpPr>
          <p:spPr>
            <a:xfrm>
              <a:off x="1391411" y="961644"/>
              <a:ext cx="6080760" cy="251460"/>
            </a:xfrm>
            <a:custGeom>
              <a:avLst/>
              <a:gdLst/>
              <a:ahLst/>
              <a:cxnLst/>
              <a:rect l="l" t="t" r="r" b="b"/>
              <a:pathLst>
                <a:path w="6080759" h="251459">
                  <a:moveTo>
                    <a:pt x="5969508" y="0"/>
                  </a:moveTo>
                  <a:lnTo>
                    <a:pt x="0" y="0"/>
                  </a:lnTo>
                  <a:lnTo>
                    <a:pt x="0" y="251460"/>
                  </a:lnTo>
                  <a:lnTo>
                    <a:pt x="5969508" y="251460"/>
                  </a:lnTo>
                  <a:lnTo>
                    <a:pt x="6080760" y="124968"/>
                  </a:lnTo>
                  <a:lnTo>
                    <a:pt x="5969508" y="0"/>
                  </a:lnTo>
                  <a:close/>
                </a:path>
              </a:pathLst>
            </a:custGeom>
            <a:solidFill>
              <a:srgbClr val="0099FF"/>
            </a:solidFill>
          </p:spPr>
          <p:txBody>
            <a:bodyPr wrap="square" lIns="0" tIns="0" rIns="0" bIns="0" rtlCol="0"/>
            <a:lstStyle/>
            <a:p>
              <a:endParaRPr sz="1749"/>
            </a:p>
          </p:txBody>
        </p:sp>
      </p:grpSp>
      <p:sp>
        <p:nvSpPr>
          <p:cNvPr id="74" name="object 74"/>
          <p:cNvSpPr txBox="1"/>
          <p:nvPr/>
        </p:nvSpPr>
        <p:spPr>
          <a:xfrm>
            <a:off x="4562179" y="6305243"/>
            <a:ext cx="1617279" cy="161454"/>
          </a:xfrm>
          <a:prstGeom prst="rect">
            <a:avLst/>
          </a:prstGeom>
          <a:solidFill>
            <a:srgbClr val="FFFF00"/>
          </a:solidFill>
        </p:spPr>
        <p:txBody>
          <a:bodyPr vert="horz" wrap="square" lIns="0" tIns="0" rIns="0" bIns="0" rtlCol="0">
            <a:spAutoFit/>
          </a:bodyPr>
          <a:lstStyle/>
          <a:p>
            <a:pPr marL="42896">
              <a:lnSpc>
                <a:spcPts val="1231"/>
              </a:lnSpc>
            </a:pPr>
            <a:r>
              <a:rPr sz="1197" b="1" spc="-13" dirty="0">
                <a:latin typeface="Meiryo UI"/>
                <a:cs typeface="Meiryo UI"/>
              </a:rPr>
              <a:t>⑤実施方針への助言</a:t>
            </a:r>
            <a:endParaRPr sz="1197" dirty="0">
              <a:latin typeface="Meiryo UI"/>
              <a:cs typeface="Meiryo UI"/>
            </a:endParaRPr>
          </a:p>
        </p:txBody>
      </p:sp>
      <p:sp>
        <p:nvSpPr>
          <p:cNvPr id="75" name="object 75"/>
          <p:cNvSpPr txBox="1"/>
          <p:nvPr/>
        </p:nvSpPr>
        <p:spPr>
          <a:xfrm>
            <a:off x="2968216" y="3067694"/>
            <a:ext cx="3693199" cy="681567"/>
          </a:xfrm>
          <a:prstGeom prst="rect">
            <a:avLst/>
          </a:prstGeom>
        </p:spPr>
        <p:txBody>
          <a:bodyPr vert="horz" wrap="square" lIns="0" tIns="32037" rIns="0" bIns="0" rtlCol="0">
            <a:spAutoFit/>
          </a:bodyPr>
          <a:lstStyle/>
          <a:p>
            <a:pPr marL="556563" marR="1958560" indent="-138462">
              <a:lnSpc>
                <a:spcPts val="855"/>
              </a:lnSpc>
              <a:spcBef>
                <a:spcPts val="252"/>
              </a:spcBef>
            </a:pPr>
            <a:r>
              <a:rPr sz="855" spc="-13" dirty="0">
                <a:latin typeface="Meiryo UI"/>
                <a:cs typeface="Meiryo UI"/>
              </a:rPr>
              <a:t>業務・工事実施の</a:t>
            </a:r>
            <a:r>
              <a:rPr sz="855" spc="-17" dirty="0">
                <a:latin typeface="Meiryo UI"/>
                <a:cs typeface="Meiryo UI"/>
              </a:rPr>
              <a:t>視点を反映</a:t>
            </a:r>
            <a:endParaRPr sz="855" dirty="0">
              <a:latin typeface="Meiryo UI"/>
              <a:cs typeface="Meiryo UI"/>
            </a:endParaRPr>
          </a:p>
          <a:p>
            <a:pPr>
              <a:spcBef>
                <a:spcPts val="829"/>
              </a:spcBef>
            </a:pPr>
            <a:endParaRPr sz="855" dirty="0">
              <a:latin typeface="Meiryo UI"/>
              <a:cs typeface="Meiryo UI"/>
            </a:endParaRPr>
          </a:p>
          <a:p>
            <a:pPr marL="10860"/>
            <a:r>
              <a:rPr sz="1197" b="1" spc="-17" dirty="0">
                <a:latin typeface="Meiryo UI"/>
                <a:cs typeface="Meiryo UI"/>
              </a:rPr>
              <a:t>③制度等における課題の解決に向けた議論(共通)</a:t>
            </a:r>
            <a:endParaRPr sz="1197" dirty="0">
              <a:latin typeface="Meiryo UI"/>
              <a:cs typeface="Meiryo UI"/>
            </a:endParaRPr>
          </a:p>
        </p:txBody>
      </p:sp>
      <p:sp>
        <p:nvSpPr>
          <p:cNvPr id="76" name="object 76"/>
          <p:cNvSpPr txBox="1"/>
          <p:nvPr/>
        </p:nvSpPr>
        <p:spPr>
          <a:xfrm>
            <a:off x="4843496" y="4115017"/>
            <a:ext cx="687429" cy="498055"/>
          </a:xfrm>
          <a:prstGeom prst="rect">
            <a:avLst/>
          </a:prstGeom>
        </p:spPr>
        <p:txBody>
          <a:bodyPr vert="horz" wrap="square" lIns="0" tIns="32037" rIns="0" bIns="0" rtlCol="0">
            <a:spAutoFit/>
          </a:bodyPr>
          <a:lstStyle/>
          <a:p>
            <a:pPr marL="10860" marR="4344" algn="ctr">
              <a:lnSpc>
                <a:spcPts val="855"/>
              </a:lnSpc>
              <a:spcBef>
                <a:spcPts val="252"/>
              </a:spcBef>
            </a:pPr>
            <a:r>
              <a:rPr sz="855" spc="-17" dirty="0">
                <a:latin typeface="Meiryo UI"/>
                <a:cs typeface="Meiryo UI"/>
              </a:rPr>
              <a:t>地域・インフラのあるべき姿の</a:t>
            </a:r>
            <a:r>
              <a:rPr sz="855" spc="428" dirty="0">
                <a:latin typeface="Meiryo UI"/>
                <a:cs typeface="Meiryo UI"/>
              </a:rPr>
              <a:t> </a:t>
            </a:r>
            <a:r>
              <a:rPr sz="855" spc="-17" dirty="0">
                <a:latin typeface="Meiryo UI"/>
                <a:cs typeface="Meiryo UI"/>
              </a:rPr>
              <a:t>視点を反映</a:t>
            </a:r>
            <a:endParaRPr sz="855">
              <a:latin typeface="Meiryo UI"/>
              <a:cs typeface="Meiryo UI"/>
            </a:endParaRPr>
          </a:p>
        </p:txBody>
      </p:sp>
      <p:sp>
        <p:nvSpPr>
          <p:cNvPr id="77" name="object 77"/>
          <p:cNvSpPr txBox="1"/>
          <p:nvPr/>
        </p:nvSpPr>
        <p:spPr>
          <a:xfrm>
            <a:off x="497289" y="897669"/>
            <a:ext cx="622458" cy="412297"/>
          </a:xfrm>
          <a:prstGeom prst="rect">
            <a:avLst/>
          </a:prstGeom>
          <a:solidFill>
            <a:srgbClr val="000000"/>
          </a:solidFill>
        </p:spPr>
        <p:txBody>
          <a:bodyPr vert="horz" wrap="square" lIns="0" tIns="43439" rIns="0" bIns="0" rtlCol="0">
            <a:spAutoFit/>
          </a:bodyPr>
          <a:lstStyle/>
          <a:p>
            <a:pPr marL="95023" marR="54299" indent="-32579">
              <a:spcBef>
                <a:spcPts val="342"/>
              </a:spcBef>
            </a:pPr>
            <a:r>
              <a:rPr sz="1197" b="1" spc="-17" dirty="0">
                <a:solidFill>
                  <a:srgbClr val="FFFFFF"/>
                </a:solidFill>
                <a:latin typeface="Meiryo UI"/>
                <a:cs typeface="Meiryo UI"/>
              </a:rPr>
              <a:t>モデル</a:t>
            </a:r>
            <a:r>
              <a:rPr sz="1197" b="1" spc="-21" dirty="0">
                <a:solidFill>
                  <a:srgbClr val="FFFFFF"/>
                </a:solidFill>
                <a:latin typeface="Meiryo UI"/>
                <a:cs typeface="Meiryo UI"/>
              </a:rPr>
              <a:t>地域</a:t>
            </a:r>
            <a:endParaRPr sz="1197" dirty="0">
              <a:latin typeface="Meiryo UI"/>
              <a:cs typeface="Meiryo UI"/>
            </a:endParaRPr>
          </a:p>
        </p:txBody>
      </p:sp>
      <p:sp>
        <p:nvSpPr>
          <p:cNvPr id="78" name="object 78"/>
          <p:cNvSpPr txBox="1"/>
          <p:nvPr/>
        </p:nvSpPr>
        <p:spPr>
          <a:xfrm>
            <a:off x="1186044" y="811355"/>
            <a:ext cx="2822696" cy="181555"/>
          </a:xfrm>
          <a:prstGeom prst="rect">
            <a:avLst/>
          </a:prstGeom>
        </p:spPr>
        <p:txBody>
          <a:bodyPr vert="horz" wrap="square" lIns="0" tIns="10317" rIns="0" bIns="0" rtlCol="0">
            <a:spAutoFit/>
          </a:bodyPr>
          <a:lstStyle/>
          <a:p>
            <a:pPr marL="10860">
              <a:spcBef>
                <a:spcPts val="81"/>
              </a:spcBef>
            </a:pPr>
            <a:r>
              <a:rPr sz="1112" b="1" spc="-26" dirty="0">
                <a:latin typeface="Meiryo UI"/>
                <a:cs typeface="Meiryo UI"/>
              </a:rPr>
              <a:t>【当面】広域連携・分野連携について検討</a:t>
            </a:r>
            <a:endParaRPr sz="1112" dirty="0">
              <a:latin typeface="Meiryo UI"/>
              <a:cs typeface="Meiryo UI"/>
            </a:endParaRPr>
          </a:p>
        </p:txBody>
      </p:sp>
      <p:sp>
        <p:nvSpPr>
          <p:cNvPr id="79" name="object 79"/>
          <p:cNvSpPr txBox="1"/>
          <p:nvPr/>
        </p:nvSpPr>
        <p:spPr>
          <a:xfrm>
            <a:off x="4190086" y="819972"/>
            <a:ext cx="1943371" cy="161454"/>
          </a:xfrm>
          <a:prstGeom prst="rect">
            <a:avLst/>
          </a:prstGeom>
          <a:solidFill>
            <a:srgbClr val="FFFF00"/>
          </a:solidFill>
        </p:spPr>
        <p:txBody>
          <a:bodyPr vert="horz" wrap="square" lIns="0" tIns="0" rIns="0" bIns="0" rtlCol="0">
            <a:spAutoFit/>
          </a:bodyPr>
          <a:lstStyle/>
          <a:p>
            <a:pPr marL="168869">
              <a:lnSpc>
                <a:spcPts val="1231"/>
              </a:lnSpc>
            </a:pPr>
            <a:r>
              <a:rPr sz="1197" b="1" spc="-13" dirty="0">
                <a:latin typeface="Meiryo UI"/>
                <a:cs typeface="Meiryo UI"/>
              </a:rPr>
              <a:t>②計画策定方針への助言</a:t>
            </a:r>
            <a:endParaRPr sz="1197" dirty="0">
              <a:latin typeface="Meiryo UI"/>
              <a:cs typeface="Meiryo UI"/>
            </a:endParaRPr>
          </a:p>
        </p:txBody>
      </p:sp>
      <p:pic>
        <p:nvPicPr>
          <p:cNvPr id="80" name="object 80"/>
          <p:cNvPicPr/>
          <p:nvPr/>
        </p:nvPicPr>
        <p:blipFill>
          <a:blip r:embed="rId12" cstate="print"/>
          <a:stretch>
            <a:fillRect/>
          </a:stretch>
        </p:blipFill>
        <p:spPr>
          <a:xfrm>
            <a:off x="6407749" y="6137995"/>
            <a:ext cx="132925" cy="164201"/>
          </a:xfrm>
          <a:prstGeom prst="rect">
            <a:avLst/>
          </a:prstGeom>
        </p:spPr>
      </p:pic>
      <p:sp>
        <p:nvSpPr>
          <p:cNvPr id="81" name="object 81"/>
          <p:cNvSpPr txBox="1"/>
          <p:nvPr/>
        </p:nvSpPr>
        <p:spPr>
          <a:xfrm>
            <a:off x="6985999" y="738679"/>
            <a:ext cx="1342278" cy="300533"/>
          </a:xfrm>
          <a:prstGeom prst="rect">
            <a:avLst/>
          </a:prstGeom>
        </p:spPr>
        <p:txBody>
          <a:bodyPr vert="horz" wrap="square" lIns="0" tIns="10860" rIns="0" bIns="0" rtlCol="0">
            <a:spAutoFit/>
          </a:bodyPr>
          <a:lstStyle/>
          <a:p>
            <a:pPr marL="215023" marR="4344" indent="-204707">
              <a:spcBef>
                <a:spcPts val="86"/>
              </a:spcBef>
            </a:pPr>
            <a:r>
              <a:rPr sz="941" spc="-13" dirty="0">
                <a:solidFill>
                  <a:srgbClr val="0070BF"/>
                </a:solidFill>
                <a:latin typeface="Meiryo UI"/>
                <a:cs typeface="Meiryo UI"/>
              </a:rPr>
              <a:t>モデル地域の支援期間内の計画策定を目指す</a:t>
            </a:r>
            <a:endParaRPr sz="941" dirty="0">
              <a:latin typeface="Meiryo UI"/>
              <a:cs typeface="Meiryo UI"/>
            </a:endParaRPr>
          </a:p>
        </p:txBody>
      </p:sp>
      <p:pic>
        <p:nvPicPr>
          <p:cNvPr id="82" name="object 82"/>
          <p:cNvPicPr/>
          <p:nvPr/>
        </p:nvPicPr>
        <p:blipFill>
          <a:blip r:embed="rId13" cstate="print"/>
          <a:stretch>
            <a:fillRect/>
          </a:stretch>
        </p:blipFill>
        <p:spPr>
          <a:xfrm flipV="1">
            <a:off x="6634685" y="812225"/>
            <a:ext cx="264365" cy="82579"/>
          </a:xfrm>
          <a:prstGeom prst="rect">
            <a:avLst/>
          </a:prstGeom>
        </p:spPr>
      </p:pic>
      <p:sp>
        <p:nvSpPr>
          <p:cNvPr id="86" name="object 86"/>
          <p:cNvSpPr txBox="1"/>
          <p:nvPr/>
        </p:nvSpPr>
        <p:spPr>
          <a:xfrm>
            <a:off x="7459028" y="384329"/>
            <a:ext cx="1472597" cy="195184"/>
          </a:xfrm>
          <a:prstGeom prst="rect">
            <a:avLst/>
          </a:prstGeom>
        </p:spPr>
        <p:txBody>
          <a:bodyPr vert="horz" wrap="square" lIns="0" tIns="10860" rIns="0" bIns="0" rtlCol="0">
            <a:spAutoFit/>
          </a:bodyPr>
          <a:lstStyle/>
          <a:p>
            <a:pPr marL="10860">
              <a:spcBef>
                <a:spcPts val="86"/>
              </a:spcBef>
            </a:pPr>
            <a:r>
              <a:rPr sz="1197" spc="-9" dirty="0">
                <a:latin typeface="Meiryo UI"/>
                <a:cs typeface="Meiryo UI"/>
              </a:rPr>
              <a:t>3/7</a:t>
            </a:r>
            <a:r>
              <a:rPr sz="1197" spc="-13" dirty="0">
                <a:latin typeface="Meiryo UI"/>
                <a:cs typeface="Meiryo UI"/>
              </a:rPr>
              <a:t>計画検討会の資料</a:t>
            </a:r>
            <a:endParaRPr sz="1197" dirty="0">
              <a:latin typeface="Meiryo UI"/>
              <a:cs typeface="Meiryo UI"/>
            </a:endParaRPr>
          </a:p>
        </p:txBody>
      </p:sp>
      <p:sp>
        <p:nvSpPr>
          <p:cNvPr id="87" name="object 87"/>
          <p:cNvSpPr txBox="1"/>
          <p:nvPr/>
        </p:nvSpPr>
        <p:spPr>
          <a:xfrm>
            <a:off x="8616212" y="6110194"/>
            <a:ext cx="129775" cy="220925"/>
          </a:xfrm>
          <a:prstGeom prst="rect">
            <a:avLst/>
          </a:prstGeom>
        </p:spPr>
        <p:txBody>
          <a:bodyPr vert="horz" wrap="square" lIns="0" tIns="10317" rIns="0" bIns="0" rtlCol="0">
            <a:spAutoFit/>
          </a:bodyPr>
          <a:lstStyle/>
          <a:p>
            <a:pPr marL="10860">
              <a:spcBef>
                <a:spcPts val="81"/>
              </a:spcBef>
            </a:pPr>
            <a:r>
              <a:rPr sz="1368" spc="-43" dirty="0">
                <a:latin typeface="Meiryo UI"/>
                <a:cs typeface="Meiryo UI"/>
              </a:rPr>
              <a:t>2</a:t>
            </a:r>
            <a:endParaRPr sz="1368">
              <a:latin typeface="Meiryo UI"/>
              <a:cs typeface="Meiryo UI"/>
            </a:endParaRPr>
          </a:p>
        </p:txBody>
      </p:sp>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454205" y="495210"/>
            <a:ext cx="1339672" cy="277577"/>
          </a:xfrm>
          <a:prstGeom prst="rect">
            <a:avLst/>
          </a:prstGeom>
        </p:spPr>
      </p:pic>
      <p:sp>
        <p:nvSpPr>
          <p:cNvPr id="3" name="object 3"/>
          <p:cNvSpPr txBox="1">
            <a:spLocks noGrp="1"/>
          </p:cNvSpPr>
          <p:nvPr>
            <p:ph type="title"/>
          </p:nvPr>
        </p:nvSpPr>
        <p:spPr>
          <a:xfrm>
            <a:off x="391824" y="502594"/>
            <a:ext cx="5689479" cy="236092"/>
          </a:xfrm>
          <a:prstGeom prst="rect">
            <a:avLst/>
          </a:prstGeom>
        </p:spPr>
        <p:txBody>
          <a:bodyPr vert="horz" wrap="square" lIns="0" tIns="10860" rIns="0" bIns="0" rtlCol="0">
            <a:spAutoFit/>
          </a:bodyPr>
          <a:lstStyle/>
          <a:p>
            <a:pPr marL="10860">
              <a:lnSpc>
                <a:spcPct val="100000"/>
              </a:lnSpc>
              <a:spcBef>
                <a:spcPts val="86"/>
              </a:spcBef>
              <a:tabLst>
                <a:tab pos="3615217" algn="l"/>
              </a:tabLst>
            </a:pPr>
            <a:r>
              <a:rPr dirty="0"/>
              <a:t>群</a:t>
            </a:r>
            <a:r>
              <a:rPr spc="-21" dirty="0"/>
              <a:t>マ</a:t>
            </a:r>
            <a:r>
              <a:rPr dirty="0"/>
              <a:t>ネ計画検討会</a:t>
            </a:r>
            <a:r>
              <a:rPr spc="-21" dirty="0"/>
              <a:t>・</a:t>
            </a:r>
            <a:r>
              <a:rPr dirty="0"/>
              <a:t>実施検討</a:t>
            </a:r>
            <a:r>
              <a:rPr spc="-43" dirty="0"/>
              <a:t>会</a:t>
            </a:r>
            <a:r>
              <a:rPr dirty="0"/>
              <a:t>	議論</a:t>
            </a:r>
            <a:r>
              <a:rPr spc="-9" dirty="0"/>
              <a:t>の</a:t>
            </a:r>
            <a:r>
              <a:rPr dirty="0"/>
              <a:t>内容（案</a:t>
            </a:r>
            <a:r>
              <a:rPr spc="-43" dirty="0"/>
              <a:t>）</a:t>
            </a:r>
          </a:p>
        </p:txBody>
      </p:sp>
      <p:pic>
        <p:nvPicPr>
          <p:cNvPr id="4" name="object 4"/>
          <p:cNvPicPr/>
          <p:nvPr/>
        </p:nvPicPr>
        <p:blipFill>
          <a:blip r:embed="rId3" cstate="print"/>
          <a:stretch>
            <a:fillRect/>
          </a:stretch>
        </p:blipFill>
        <p:spPr>
          <a:xfrm>
            <a:off x="4914302" y="1984747"/>
            <a:ext cx="88616" cy="88616"/>
          </a:xfrm>
          <a:prstGeom prst="rect">
            <a:avLst/>
          </a:prstGeom>
        </p:spPr>
      </p:pic>
      <p:pic>
        <p:nvPicPr>
          <p:cNvPr id="5" name="object 5"/>
          <p:cNvPicPr/>
          <p:nvPr/>
        </p:nvPicPr>
        <p:blipFill>
          <a:blip r:embed="rId3" cstate="print"/>
          <a:stretch>
            <a:fillRect/>
          </a:stretch>
        </p:blipFill>
        <p:spPr>
          <a:xfrm>
            <a:off x="4914302" y="2232352"/>
            <a:ext cx="88616" cy="88616"/>
          </a:xfrm>
          <a:prstGeom prst="rect">
            <a:avLst/>
          </a:prstGeom>
        </p:spPr>
      </p:pic>
      <p:pic>
        <p:nvPicPr>
          <p:cNvPr id="6" name="object 6"/>
          <p:cNvPicPr/>
          <p:nvPr/>
        </p:nvPicPr>
        <p:blipFill>
          <a:blip r:embed="rId4" cstate="print"/>
          <a:stretch>
            <a:fillRect/>
          </a:stretch>
        </p:blipFill>
        <p:spPr>
          <a:xfrm>
            <a:off x="4914302" y="2479957"/>
            <a:ext cx="88616" cy="88616"/>
          </a:xfrm>
          <a:prstGeom prst="rect">
            <a:avLst/>
          </a:prstGeom>
        </p:spPr>
      </p:pic>
      <p:pic>
        <p:nvPicPr>
          <p:cNvPr id="7" name="object 7"/>
          <p:cNvPicPr/>
          <p:nvPr/>
        </p:nvPicPr>
        <p:blipFill>
          <a:blip r:embed="rId5" cstate="print"/>
          <a:stretch>
            <a:fillRect/>
          </a:stretch>
        </p:blipFill>
        <p:spPr>
          <a:xfrm>
            <a:off x="1093371" y="2167193"/>
            <a:ext cx="88616" cy="88616"/>
          </a:xfrm>
          <a:prstGeom prst="rect">
            <a:avLst/>
          </a:prstGeom>
        </p:spPr>
      </p:pic>
      <p:pic>
        <p:nvPicPr>
          <p:cNvPr id="8" name="object 8"/>
          <p:cNvPicPr/>
          <p:nvPr/>
        </p:nvPicPr>
        <p:blipFill>
          <a:blip r:embed="rId6" cstate="print"/>
          <a:stretch>
            <a:fillRect/>
          </a:stretch>
        </p:blipFill>
        <p:spPr>
          <a:xfrm>
            <a:off x="1093371" y="2414798"/>
            <a:ext cx="88616" cy="88616"/>
          </a:xfrm>
          <a:prstGeom prst="rect">
            <a:avLst/>
          </a:prstGeom>
        </p:spPr>
      </p:pic>
      <p:pic>
        <p:nvPicPr>
          <p:cNvPr id="9" name="object 9"/>
          <p:cNvPicPr/>
          <p:nvPr/>
        </p:nvPicPr>
        <p:blipFill>
          <a:blip r:embed="rId5" cstate="print"/>
          <a:stretch>
            <a:fillRect/>
          </a:stretch>
        </p:blipFill>
        <p:spPr>
          <a:xfrm>
            <a:off x="1093371" y="2844848"/>
            <a:ext cx="88616" cy="88616"/>
          </a:xfrm>
          <a:prstGeom prst="rect">
            <a:avLst/>
          </a:prstGeom>
        </p:spPr>
      </p:pic>
      <p:pic>
        <p:nvPicPr>
          <p:cNvPr id="10" name="object 10"/>
          <p:cNvPicPr/>
          <p:nvPr/>
        </p:nvPicPr>
        <p:blipFill>
          <a:blip r:embed="rId5" cstate="print"/>
          <a:stretch>
            <a:fillRect/>
          </a:stretch>
        </p:blipFill>
        <p:spPr>
          <a:xfrm>
            <a:off x="1093371" y="3092453"/>
            <a:ext cx="88616" cy="88616"/>
          </a:xfrm>
          <a:prstGeom prst="rect">
            <a:avLst/>
          </a:prstGeom>
        </p:spPr>
      </p:pic>
      <p:pic>
        <p:nvPicPr>
          <p:cNvPr id="11" name="object 11"/>
          <p:cNvPicPr/>
          <p:nvPr/>
        </p:nvPicPr>
        <p:blipFill>
          <a:blip r:embed="rId5" cstate="print"/>
          <a:stretch>
            <a:fillRect/>
          </a:stretch>
        </p:blipFill>
        <p:spPr>
          <a:xfrm>
            <a:off x="1093371" y="3340057"/>
            <a:ext cx="88616" cy="88616"/>
          </a:xfrm>
          <a:prstGeom prst="rect">
            <a:avLst/>
          </a:prstGeom>
        </p:spPr>
      </p:pic>
      <p:pic>
        <p:nvPicPr>
          <p:cNvPr id="12" name="object 12"/>
          <p:cNvPicPr/>
          <p:nvPr/>
        </p:nvPicPr>
        <p:blipFill>
          <a:blip r:embed="rId5" cstate="print"/>
          <a:stretch>
            <a:fillRect/>
          </a:stretch>
        </p:blipFill>
        <p:spPr>
          <a:xfrm>
            <a:off x="1093371" y="3770108"/>
            <a:ext cx="88616" cy="88616"/>
          </a:xfrm>
          <a:prstGeom prst="rect">
            <a:avLst/>
          </a:prstGeom>
        </p:spPr>
      </p:pic>
      <p:graphicFrame>
        <p:nvGraphicFramePr>
          <p:cNvPr id="13" name="object 13"/>
          <p:cNvGraphicFramePr>
            <a:graphicFrameLocks noGrp="1"/>
          </p:cNvGraphicFramePr>
          <p:nvPr>
            <p:extLst>
              <p:ext uri="{D42A27DB-BD31-4B8C-83A1-F6EECF244321}">
                <p14:modId xmlns:p14="http://schemas.microsoft.com/office/powerpoint/2010/main" val="2366201815"/>
              </p:ext>
            </p:extLst>
          </p:nvPr>
        </p:nvGraphicFramePr>
        <p:xfrm>
          <a:off x="391824" y="1106401"/>
          <a:ext cx="8402053" cy="5456631"/>
        </p:xfrm>
        <a:graphic>
          <a:graphicData uri="http://schemas.openxmlformats.org/drawingml/2006/table">
            <a:tbl>
              <a:tblPr firstRow="1" bandRow="1">
                <a:tableStyleId>{2D5ABB26-0587-4C30-8999-92F81FD0307C}</a:tableStyleId>
              </a:tblPr>
              <a:tblGrid>
                <a:gridCol w="448516">
                  <a:extLst>
                    <a:ext uri="{9D8B030D-6E8A-4147-A177-3AD203B41FA5}">
                      <a16:colId xmlns:a16="http://schemas.microsoft.com/office/drawing/2014/main" val="20000"/>
                    </a:ext>
                  </a:extLst>
                </a:gridCol>
                <a:gridCol w="3970555">
                  <a:extLst>
                    <a:ext uri="{9D8B030D-6E8A-4147-A177-3AD203B41FA5}">
                      <a16:colId xmlns:a16="http://schemas.microsoft.com/office/drawing/2014/main" val="20001"/>
                    </a:ext>
                  </a:extLst>
                </a:gridCol>
                <a:gridCol w="3982982">
                  <a:extLst>
                    <a:ext uri="{9D8B030D-6E8A-4147-A177-3AD203B41FA5}">
                      <a16:colId xmlns:a16="http://schemas.microsoft.com/office/drawing/2014/main" val="20002"/>
                    </a:ext>
                  </a:extLst>
                </a:gridCol>
              </a:tblGrid>
              <a:tr h="3702442">
                <a:tc>
                  <a:txBody>
                    <a:bodyPr/>
                    <a:lstStyle/>
                    <a:p>
                      <a:pPr marL="635" algn="ctr">
                        <a:lnSpc>
                          <a:spcPct val="85000"/>
                        </a:lnSpc>
                      </a:pPr>
                      <a:r>
                        <a:rPr sz="1200" b="1" spc="-20" dirty="0">
                          <a:solidFill>
                            <a:srgbClr val="FFFFFF"/>
                          </a:solidFill>
                          <a:latin typeface="Meiryo UI"/>
                          <a:cs typeface="Meiryo UI"/>
                        </a:rPr>
                        <a:t>群マネ</a:t>
                      </a:r>
                      <a:endParaRPr sz="1200">
                        <a:latin typeface="Meiryo UI"/>
                        <a:cs typeface="Meiryo UI"/>
                      </a:endParaRPr>
                    </a:p>
                    <a:p>
                      <a:pPr marL="635" algn="ctr">
                        <a:lnSpc>
                          <a:spcPct val="100000"/>
                        </a:lnSpc>
                      </a:pPr>
                      <a:r>
                        <a:rPr sz="1200" b="1" spc="-10" dirty="0">
                          <a:solidFill>
                            <a:srgbClr val="FFFFFF"/>
                          </a:solidFill>
                          <a:latin typeface="Meiryo UI"/>
                          <a:cs typeface="Meiryo UI"/>
                        </a:rPr>
                        <a:t>計画検討会</a:t>
                      </a:r>
                      <a:endParaRPr sz="1200">
                        <a:latin typeface="Meiryo UI"/>
                        <a:cs typeface="Meiryo UI"/>
                      </a:endParaRPr>
                    </a:p>
                  </a:txBody>
                  <a:tcPr marL="0" marR="0" marT="0" marB="0" vert="vert">
                    <a:lnL w="12700">
                      <a:solidFill>
                        <a:srgbClr val="000000"/>
                      </a:solidFill>
                      <a:prstDash val="solid"/>
                    </a:lnL>
                    <a:lnR w="76200">
                      <a:solidFill>
                        <a:srgbClr val="FF0000"/>
                      </a:solidFill>
                      <a:prstDash val="solid"/>
                    </a:lnR>
                    <a:lnT w="12700">
                      <a:solidFill>
                        <a:srgbClr val="000000"/>
                      </a:solidFill>
                      <a:prstDash val="solid"/>
                    </a:lnT>
                    <a:lnB w="12700">
                      <a:solidFill>
                        <a:srgbClr val="000000"/>
                      </a:solidFill>
                      <a:prstDash val="solid"/>
                    </a:lnB>
                    <a:solidFill>
                      <a:srgbClr val="00AF4F"/>
                    </a:solidFill>
                  </a:tcPr>
                </a:tc>
                <a:tc>
                  <a:txBody>
                    <a:bodyPr/>
                    <a:lstStyle/>
                    <a:p>
                      <a:pPr marL="310515" marR="1032510" indent="-236220">
                        <a:lnSpc>
                          <a:spcPct val="100000"/>
                        </a:lnSpc>
                        <a:spcBef>
                          <a:spcPts val="229"/>
                        </a:spcBef>
                      </a:pPr>
                      <a:r>
                        <a:rPr sz="1200" b="1" u="sng" dirty="0">
                          <a:uFill>
                            <a:solidFill>
                              <a:srgbClr val="000000"/>
                            </a:solidFill>
                          </a:uFill>
                          <a:latin typeface="Meiryo UI"/>
                          <a:cs typeface="Meiryo UI"/>
                        </a:rPr>
                        <a:t>①新設～</a:t>
                      </a:r>
                      <a:r>
                        <a:rPr sz="1200" b="1" u="sng" spc="-25" dirty="0">
                          <a:uFill>
                            <a:solidFill>
                              <a:srgbClr val="000000"/>
                            </a:solidFill>
                          </a:uFill>
                          <a:latin typeface="Meiryo UI"/>
                          <a:cs typeface="Meiryo UI"/>
                        </a:rPr>
                        <a:t>更新までの群マネ計画づくりのために</a:t>
                      </a:r>
                      <a:r>
                        <a:rPr sz="1200" b="1" u="sng" spc="500" dirty="0">
                          <a:uFill>
                            <a:solidFill>
                              <a:srgbClr val="000000"/>
                            </a:solidFill>
                          </a:uFill>
                          <a:latin typeface="Meiryo UI"/>
                          <a:cs typeface="Meiryo UI"/>
                        </a:rPr>
                        <a:t>                 </a:t>
                      </a:r>
                      <a:r>
                        <a:rPr sz="1200" b="1" u="sng" spc="-15" dirty="0">
                          <a:uFill>
                            <a:solidFill>
                              <a:srgbClr val="000000"/>
                            </a:solidFill>
                          </a:uFill>
                          <a:latin typeface="Meiryo UI"/>
                          <a:cs typeface="Meiryo UI"/>
                        </a:rPr>
                        <a:t>検討が必要な事項</a:t>
                      </a:r>
                      <a:endParaRPr sz="1200" dirty="0">
                        <a:latin typeface="Meiryo UI"/>
                        <a:cs typeface="Meiryo UI"/>
                      </a:endParaRPr>
                    </a:p>
                    <a:p>
                      <a:pPr marL="436880" marR="104775" indent="-277495">
                        <a:lnSpc>
                          <a:spcPct val="100000"/>
                        </a:lnSpc>
                        <a:spcBef>
                          <a:spcPts val="600"/>
                        </a:spcBef>
                      </a:pPr>
                      <a:r>
                        <a:rPr sz="1200" spc="-20" dirty="0">
                          <a:latin typeface="Meiryo UI"/>
                          <a:cs typeface="Meiryo UI"/>
                        </a:rPr>
                        <a:t>⇒ 地域が群マネの計画づくりを行っていく上で、検討が必要</a:t>
                      </a:r>
                      <a:r>
                        <a:rPr sz="1200" spc="-10" dirty="0">
                          <a:latin typeface="Meiryo UI"/>
                          <a:cs typeface="Meiryo UI"/>
                        </a:rPr>
                        <a:t>な事項について議論</a:t>
                      </a:r>
                      <a:endParaRPr sz="1200" dirty="0">
                        <a:latin typeface="Meiryo UI"/>
                        <a:cs typeface="Meiryo UI"/>
                      </a:endParaRPr>
                    </a:p>
                    <a:p>
                      <a:pPr>
                        <a:lnSpc>
                          <a:spcPct val="100000"/>
                        </a:lnSpc>
                        <a:spcBef>
                          <a:spcPts val="70"/>
                        </a:spcBef>
                      </a:pPr>
                      <a:endParaRPr sz="1200" dirty="0">
                        <a:latin typeface="Times New Roman"/>
                        <a:cs typeface="Times New Roman"/>
                      </a:endParaRPr>
                    </a:p>
                    <a:p>
                      <a:pPr marL="347345">
                        <a:lnSpc>
                          <a:spcPct val="100000"/>
                        </a:lnSpc>
                      </a:pPr>
                      <a:r>
                        <a:rPr sz="1200" spc="-10" dirty="0">
                          <a:latin typeface="Meiryo UI"/>
                          <a:cs typeface="Meiryo UI"/>
                        </a:rPr>
                        <a:t>施設管理者間の連携手法</a:t>
                      </a:r>
                      <a:r>
                        <a:rPr sz="1200" dirty="0">
                          <a:latin typeface="Meiryo UI"/>
                          <a:cs typeface="Meiryo UI"/>
                        </a:rPr>
                        <a:t>（</a:t>
                      </a:r>
                      <a:r>
                        <a:rPr sz="1200" spc="-10" dirty="0">
                          <a:latin typeface="Meiryo UI"/>
                          <a:cs typeface="Meiryo UI"/>
                        </a:rPr>
                        <a:t>広域連携</a:t>
                      </a:r>
                      <a:r>
                        <a:rPr sz="1200" spc="-50" dirty="0">
                          <a:latin typeface="Meiryo UI"/>
                          <a:cs typeface="Meiryo UI"/>
                        </a:rPr>
                        <a:t>）</a:t>
                      </a:r>
                      <a:endParaRPr sz="1200" dirty="0">
                        <a:latin typeface="Meiryo UI"/>
                        <a:cs typeface="Meiryo UI"/>
                      </a:endParaRPr>
                    </a:p>
                    <a:p>
                      <a:pPr marL="347345" marR="125095">
                        <a:lnSpc>
                          <a:spcPct val="100000"/>
                        </a:lnSpc>
                        <a:spcBef>
                          <a:spcPts val="600"/>
                        </a:spcBef>
                      </a:pPr>
                      <a:r>
                        <a:rPr sz="1200" spc="-25" dirty="0">
                          <a:latin typeface="Meiryo UI"/>
                          <a:cs typeface="Meiryo UI"/>
                        </a:rPr>
                        <a:t>施設管理者の責任の所在、インフラの所有と管理運営の</a:t>
                      </a:r>
                      <a:r>
                        <a:rPr sz="1200" spc="-15" dirty="0">
                          <a:latin typeface="Meiryo UI"/>
                          <a:cs typeface="Meiryo UI"/>
                        </a:rPr>
                        <a:t>分離における課題</a:t>
                      </a:r>
                      <a:endParaRPr sz="1200" dirty="0">
                        <a:latin typeface="Meiryo UI"/>
                        <a:cs typeface="Meiryo UI"/>
                      </a:endParaRPr>
                    </a:p>
                    <a:p>
                      <a:pPr marL="347345" marR="225425">
                        <a:lnSpc>
                          <a:spcPct val="135700"/>
                        </a:lnSpc>
                      </a:pPr>
                      <a:r>
                        <a:rPr sz="1200" dirty="0">
                          <a:latin typeface="Meiryo UI"/>
                          <a:cs typeface="Meiryo UI"/>
                        </a:rPr>
                        <a:t>事業者間連携（</a:t>
                      </a:r>
                      <a:r>
                        <a:rPr sz="1200" spc="-15" dirty="0">
                          <a:latin typeface="Meiryo UI"/>
                          <a:cs typeface="Meiryo UI"/>
                        </a:rPr>
                        <a:t>土木以外の異業種との連携を含む</a:t>
                      </a:r>
                      <a:r>
                        <a:rPr sz="1200" spc="-50" dirty="0">
                          <a:latin typeface="Meiryo UI"/>
                          <a:cs typeface="Meiryo UI"/>
                        </a:rPr>
                        <a:t>）</a:t>
                      </a:r>
                      <a:r>
                        <a:rPr sz="1200" spc="-15" dirty="0">
                          <a:latin typeface="Meiryo UI"/>
                          <a:cs typeface="Meiryo UI"/>
                        </a:rPr>
                        <a:t>分野横断的な連携</a:t>
                      </a:r>
                      <a:endParaRPr sz="1200" dirty="0">
                        <a:latin typeface="Meiryo UI"/>
                        <a:cs typeface="Meiryo UI"/>
                      </a:endParaRPr>
                    </a:p>
                    <a:p>
                      <a:pPr marL="347345">
                        <a:lnSpc>
                          <a:spcPct val="100000"/>
                        </a:lnSpc>
                        <a:spcBef>
                          <a:spcPts val="600"/>
                        </a:spcBef>
                      </a:pPr>
                      <a:r>
                        <a:rPr sz="1200" spc="-10" dirty="0">
                          <a:latin typeface="Meiryo UI"/>
                          <a:cs typeface="Meiryo UI"/>
                        </a:rPr>
                        <a:t>不足する担い手</a:t>
                      </a:r>
                      <a:r>
                        <a:rPr sz="1200" dirty="0">
                          <a:latin typeface="Meiryo UI"/>
                          <a:cs typeface="Meiryo UI"/>
                        </a:rPr>
                        <a:t>（</a:t>
                      </a:r>
                      <a:r>
                        <a:rPr sz="1200" spc="-10" dirty="0">
                          <a:latin typeface="Meiryo UI"/>
                          <a:cs typeface="Meiryo UI"/>
                        </a:rPr>
                        <a:t>技術者</a:t>
                      </a:r>
                      <a:r>
                        <a:rPr sz="1200" spc="-15" dirty="0">
                          <a:latin typeface="Meiryo UI"/>
                          <a:cs typeface="Meiryo UI"/>
                        </a:rPr>
                        <a:t>）</a:t>
                      </a:r>
                      <a:r>
                        <a:rPr sz="1200" spc="-20" dirty="0">
                          <a:latin typeface="Meiryo UI"/>
                          <a:cs typeface="Meiryo UI"/>
                        </a:rPr>
                        <a:t>の活用</a:t>
                      </a:r>
                      <a:endParaRPr sz="1200" dirty="0">
                        <a:latin typeface="Meiryo UI"/>
                        <a:cs typeface="Meiryo UI"/>
                      </a:endParaRPr>
                    </a:p>
                    <a:p>
                      <a:pPr>
                        <a:lnSpc>
                          <a:spcPct val="100000"/>
                        </a:lnSpc>
                        <a:spcBef>
                          <a:spcPts val="670"/>
                        </a:spcBef>
                      </a:pPr>
                      <a:endParaRPr sz="1200" dirty="0">
                        <a:latin typeface="Times New Roman"/>
                        <a:cs typeface="Times New Roman"/>
                      </a:endParaRPr>
                    </a:p>
                    <a:p>
                      <a:pPr marL="347345">
                        <a:lnSpc>
                          <a:spcPct val="100000"/>
                        </a:lnSpc>
                      </a:pPr>
                      <a:r>
                        <a:rPr sz="1200" dirty="0">
                          <a:latin typeface="Meiryo UI"/>
                          <a:cs typeface="Meiryo UI"/>
                        </a:rPr>
                        <a:t>新設～</a:t>
                      </a:r>
                      <a:r>
                        <a:rPr sz="1200" spc="-30" dirty="0">
                          <a:latin typeface="Meiryo UI"/>
                          <a:cs typeface="Meiryo UI"/>
                        </a:rPr>
                        <a:t>更新、集約・再編のインフラマネジメントの考え方</a:t>
                      </a:r>
                      <a:endParaRPr sz="1200" dirty="0">
                        <a:latin typeface="Meiryo UI"/>
                        <a:cs typeface="Meiryo UI"/>
                      </a:endParaRPr>
                    </a:p>
                    <a:p>
                      <a:pPr marL="347345">
                        <a:lnSpc>
                          <a:spcPct val="100000"/>
                        </a:lnSpc>
                      </a:pPr>
                      <a:r>
                        <a:rPr sz="1200" dirty="0">
                          <a:latin typeface="Meiryo UI"/>
                          <a:cs typeface="Meiryo UI"/>
                        </a:rPr>
                        <a:t>（長期）</a:t>
                      </a:r>
                      <a:r>
                        <a:rPr sz="1200" spc="190" dirty="0">
                          <a:latin typeface="Meiryo UI"/>
                          <a:cs typeface="Meiryo UI"/>
                        </a:rPr>
                        <a:t> 等</a:t>
                      </a:r>
                      <a:endParaRPr sz="1200" dirty="0">
                        <a:latin typeface="Meiryo UI"/>
                        <a:cs typeface="Meiryo UI"/>
                      </a:endParaRPr>
                    </a:p>
                  </a:txBody>
                  <a:tcPr marL="0" marR="0" marT="24977" marB="0">
                    <a:lnL w="76200">
                      <a:solidFill>
                        <a:srgbClr val="FF0000"/>
                      </a:solidFill>
                      <a:prstDash val="solid"/>
                    </a:lnL>
                    <a:lnR w="76200">
                      <a:solidFill>
                        <a:srgbClr val="FF0000"/>
                      </a:solidFill>
                      <a:prstDash val="solid"/>
                    </a:lnR>
                    <a:lnT w="12700">
                      <a:solidFill>
                        <a:srgbClr val="FF0000"/>
                      </a:solidFill>
                      <a:prstDash val="solid"/>
                    </a:lnT>
                    <a:lnB w="12700">
                      <a:solidFill>
                        <a:srgbClr val="FF0000"/>
                      </a:solidFill>
                      <a:prstDash val="solid"/>
                    </a:lnB>
                  </a:tcPr>
                </a:tc>
                <a:tc>
                  <a:txBody>
                    <a:bodyPr/>
                    <a:lstStyle/>
                    <a:p>
                      <a:pPr marL="74295">
                        <a:lnSpc>
                          <a:spcPct val="100000"/>
                        </a:lnSpc>
                        <a:spcBef>
                          <a:spcPts val="229"/>
                        </a:spcBef>
                      </a:pPr>
                      <a:r>
                        <a:rPr sz="1200" b="1" u="sng" dirty="0">
                          <a:uFill>
                            <a:solidFill>
                              <a:srgbClr val="000000"/>
                            </a:solidFill>
                          </a:uFill>
                          <a:latin typeface="Meiryo UI"/>
                          <a:cs typeface="Meiryo UI"/>
                        </a:rPr>
                        <a:t>②（</a:t>
                      </a:r>
                      <a:r>
                        <a:rPr sz="1200" b="1" u="sng" spc="-10" dirty="0">
                          <a:uFill>
                            <a:solidFill>
                              <a:srgbClr val="000000"/>
                            </a:solidFill>
                          </a:uFill>
                          <a:latin typeface="Meiryo UI"/>
                          <a:cs typeface="Meiryo UI"/>
                        </a:rPr>
                        <a:t>モデル地域</a:t>
                      </a:r>
                      <a:r>
                        <a:rPr sz="1200" b="1" u="sng" dirty="0">
                          <a:uFill>
                            <a:solidFill>
                              <a:srgbClr val="000000"/>
                            </a:solidFill>
                          </a:uFill>
                          <a:latin typeface="Meiryo UI"/>
                          <a:cs typeface="Meiryo UI"/>
                        </a:rPr>
                        <a:t>）</a:t>
                      </a:r>
                      <a:r>
                        <a:rPr sz="1200" b="1" u="sng" spc="-15" dirty="0">
                          <a:uFill>
                            <a:solidFill>
                              <a:srgbClr val="000000"/>
                            </a:solidFill>
                          </a:uFill>
                          <a:latin typeface="Meiryo UI"/>
                          <a:cs typeface="Meiryo UI"/>
                        </a:rPr>
                        <a:t>計画策定方針への助言</a:t>
                      </a:r>
                      <a:endParaRPr sz="1200">
                        <a:latin typeface="Meiryo UI"/>
                        <a:cs typeface="Meiryo UI"/>
                      </a:endParaRPr>
                    </a:p>
                    <a:p>
                      <a:pPr marL="436880" marR="177800" indent="-277495">
                        <a:lnSpc>
                          <a:spcPct val="100000"/>
                        </a:lnSpc>
                        <a:spcBef>
                          <a:spcPts val="600"/>
                        </a:spcBef>
                      </a:pPr>
                      <a:r>
                        <a:rPr sz="1200" spc="-20" dirty="0">
                          <a:latin typeface="Meiryo UI"/>
                          <a:cs typeface="Meiryo UI"/>
                        </a:rPr>
                        <a:t>⇒ モデル地域において、支援期間中の広域連携・分野連携のあり方の検討への助言</a:t>
                      </a:r>
                      <a:endParaRPr sz="1200">
                        <a:latin typeface="Meiryo UI"/>
                        <a:cs typeface="Meiryo UI"/>
                      </a:endParaRPr>
                    </a:p>
                    <a:p>
                      <a:pPr marL="340995" marR="988694">
                        <a:lnSpc>
                          <a:spcPct val="135700"/>
                        </a:lnSpc>
                        <a:spcBef>
                          <a:spcPts val="1080"/>
                        </a:spcBef>
                      </a:pPr>
                      <a:r>
                        <a:rPr sz="1200" spc="-5" dirty="0">
                          <a:latin typeface="Meiryo UI"/>
                          <a:cs typeface="Meiryo UI"/>
                        </a:rPr>
                        <a:t>施設管理者間の連携</a:t>
                      </a:r>
                      <a:r>
                        <a:rPr sz="1200" dirty="0">
                          <a:latin typeface="Meiryo UI"/>
                          <a:cs typeface="Meiryo UI"/>
                        </a:rPr>
                        <a:t>（</a:t>
                      </a:r>
                      <a:r>
                        <a:rPr sz="1200" spc="-15" dirty="0">
                          <a:latin typeface="Meiryo UI"/>
                          <a:cs typeface="Meiryo UI"/>
                        </a:rPr>
                        <a:t>広域連携</a:t>
                      </a:r>
                      <a:r>
                        <a:rPr sz="1200" dirty="0">
                          <a:latin typeface="Meiryo UI"/>
                          <a:cs typeface="Meiryo UI"/>
                        </a:rPr>
                        <a:t>）</a:t>
                      </a:r>
                      <a:r>
                        <a:rPr sz="1200" spc="-20" dirty="0">
                          <a:latin typeface="Meiryo UI"/>
                          <a:cs typeface="Meiryo UI"/>
                        </a:rPr>
                        <a:t>の方針</a:t>
                      </a:r>
                      <a:r>
                        <a:rPr sz="1200" spc="-15" dirty="0">
                          <a:latin typeface="Meiryo UI"/>
                          <a:cs typeface="Meiryo UI"/>
                        </a:rPr>
                        <a:t>施設管理者間の責任の整理</a:t>
                      </a:r>
                      <a:endParaRPr sz="1200">
                        <a:latin typeface="Meiryo UI"/>
                        <a:cs typeface="Meiryo UI"/>
                      </a:endParaRPr>
                    </a:p>
                    <a:p>
                      <a:pPr marL="340995">
                        <a:lnSpc>
                          <a:spcPct val="100000"/>
                        </a:lnSpc>
                        <a:spcBef>
                          <a:spcPts val="600"/>
                        </a:spcBef>
                        <a:tabLst>
                          <a:tab pos="2445385" algn="l"/>
                        </a:tabLst>
                      </a:pPr>
                      <a:r>
                        <a:rPr sz="1200" dirty="0">
                          <a:latin typeface="Meiryo UI"/>
                          <a:cs typeface="Meiryo UI"/>
                        </a:rPr>
                        <a:t>分野横断的</a:t>
                      </a:r>
                      <a:r>
                        <a:rPr sz="1200" spc="-10" dirty="0">
                          <a:latin typeface="Meiryo UI"/>
                          <a:cs typeface="Meiryo UI"/>
                        </a:rPr>
                        <a:t>な</a:t>
                      </a:r>
                      <a:r>
                        <a:rPr sz="1200" dirty="0">
                          <a:latin typeface="Meiryo UI"/>
                          <a:cs typeface="Meiryo UI"/>
                        </a:rPr>
                        <a:t>連携方</a:t>
                      </a:r>
                      <a:r>
                        <a:rPr sz="1200" spc="-50" dirty="0">
                          <a:latin typeface="Meiryo UI"/>
                          <a:cs typeface="Meiryo UI"/>
                        </a:rPr>
                        <a:t>針</a:t>
                      </a:r>
                      <a:r>
                        <a:rPr sz="1200" dirty="0">
                          <a:latin typeface="Meiryo UI"/>
                          <a:cs typeface="Meiryo UI"/>
                        </a:rPr>
                        <a:t>	</a:t>
                      </a:r>
                      <a:r>
                        <a:rPr sz="1200" spc="-50" dirty="0">
                          <a:latin typeface="Meiryo UI"/>
                          <a:cs typeface="Meiryo UI"/>
                        </a:rPr>
                        <a:t>等</a:t>
                      </a:r>
                      <a:endParaRPr sz="1200">
                        <a:latin typeface="Meiryo UI"/>
                        <a:cs typeface="Meiryo UI"/>
                      </a:endParaRPr>
                    </a:p>
                  </a:txBody>
                  <a:tcPr marL="0" marR="0" marT="24977" marB="0">
                    <a:lnL w="76200">
                      <a:solidFill>
                        <a:srgbClr val="FF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0"/>
                  </a:ext>
                </a:extLst>
              </a:tr>
              <a:tr h="859423">
                <a:tc>
                  <a:txBody>
                    <a:bodyPr/>
                    <a:lstStyle/>
                    <a:p>
                      <a:pPr marL="285115">
                        <a:lnSpc>
                          <a:spcPct val="100000"/>
                        </a:lnSpc>
                        <a:spcBef>
                          <a:spcPts val="590"/>
                        </a:spcBef>
                      </a:pPr>
                      <a:r>
                        <a:rPr sz="1200" b="1" spc="-25" dirty="0">
                          <a:solidFill>
                            <a:srgbClr val="FFFFFF"/>
                          </a:solidFill>
                          <a:latin typeface="Meiryo UI"/>
                          <a:cs typeface="Meiryo UI"/>
                        </a:rPr>
                        <a:t>共通</a:t>
                      </a:r>
                      <a:endParaRPr sz="1200">
                        <a:latin typeface="Meiryo UI"/>
                        <a:cs typeface="Meiryo UI"/>
                      </a:endParaRPr>
                    </a:p>
                  </a:txBody>
                  <a:tcPr marL="0" marR="0" marT="64073" marB="0" vert="vert">
                    <a:lnL w="12700">
                      <a:solidFill>
                        <a:srgbClr val="000000"/>
                      </a:solidFill>
                      <a:prstDash val="solid"/>
                    </a:lnL>
                    <a:lnR w="76200">
                      <a:solidFill>
                        <a:srgbClr val="000000"/>
                      </a:solidFill>
                      <a:prstDash val="solid"/>
                    </a:lnR>
                    <a:lnT w="12700">
                      <a:solidFill>
                        <a:srgbClr val="000000"/>
                      </a:solidFill>
                      <a:prstDash val="solid"/>
                    </a:lnT>
                    <a:lnB w="12700">
                      <a:solidFill>
                        <a:srgbClr val="000000"/>
                      </a:solidFill>
                      <a:prstDash val="solid"/>
                    </a:lnB>
                    <a:solidFill>
                      <a:srgbClr val="D89593"/>
                    </a:solidFill>
                  </a:tcPr>
                </a:tc>
                <a:tc>
                  <a:txBody>
                    <a:bodyPr/>
                    <a:lstStyle/>
                    <a:p>
                      <a:pPr marL="74295">
                        <a:lnSpc>
                          <a:spcPct val="100000"/>
                        </a:lnSpc>
                        <a:spcBef>
                          <a:spcPts val="830"/>
                        </a:spcBef>
                      </a:pPr>
                      <a:r>
                        <a:rPr sz="1200" b="1" u="sng" spc="-20" dirty="0">
                          <a:uFill>
                            <a:solidFill>
                              <a:srgbClr val="000000"/>
                            </a:solidFill>
                          </a:uFill>
                          <a:latin typeface="Meiryo UI"/>
                          <a:cs typeface="Meiryo UI"/>
                        </a:rPr>
                        <a:t>③制度等における課題の解決に向けた議論(共通)</a:t>
                      </a:r>
                      <a:endParaRPr sz="1200">
                        <a:latin typeface="Meiryo UI"/>
                        <a:cs typeface="Meiryo UI"/>
                      </a:endParaRPr>
                    </a:p>
                    <a:p>
                      <a:pPr marL="159385">
                        <a:lnSpc>
                          <a:spcPct val="100000"/>
                        </a:lnSpc>
                        <a:spcBef>
                          <a:spcPts val="600"/>
                        </a:spcBef>
                      </a:pPr>
                      <a:r>
                        <a:rPr sz="1200" spc="-20" dirty="0">
                          <a:latin typeface="Meiryo UI"/>
                          <a:cs typeface="Meiryo UI"/>
                        </a:rPr>
                        <a:t>⇒ 制度等における中長期的な課題と対応する解決方策</a:t>
                      </a:r>
                      <a:endParaRPr sz="1200">
                        <a:latin typeface="Meiryo UI"/>
                        <a:cs typeface="Meiryo UI"/>
                      </a:endParaRPr>
                    </a:p>
                    <a:p>
                      <a:pPr marL="436880">
                        <a:lnSpc>
                          <a:spcPct val="100000"/>
                        </a:lnSpc>
                      </a:pPr>
                      <a:r>
                        <a:rPr sz="1200" dirty="0">
                          <a:latin typeface="Meiryo UI"/>
                          <a:cs typeface="Meiryo UI"/>
                        </a:rPr>
                        <a:t>（</a:t>
                      </a:r>
                      <a:r>
                        <a:rPr sz="1200" spc="-10" dirty="0">
                          <a:latin typeface="Meiryo UI"/>
                          <a:cs typeface="Meiryo UI"/>
                        </a:rPr>
                        <a:t>契約や責任分担など</a:t>
                      </a:r>
                      <a:r>
                        <a:rPr sz="1200" spc="-15" dirty="0">
                          <a:latin typeface="Meiryo UI"/>
                          <a:cs typeface="Meiryo UI"/>
                        </a:rPr>
                        <a:t>）</a:t>
                      </a:r>
                      <a:r>
                        <a:rPr sz="1200" spc="-20" dirty="0">
                          <a:latin typeface="Meiryo UI"/>
                          <a:cs typeface="Meiryo UI"/>
                        </a:rPr>
                        <a:t>について議論</a:t>
                      </a:r>
                      <a:endParaRPr sz="1200">
                        <a:latin typeface="Meiryo UI"/>
                        <a:cs typeface="Meiryo UI"/>
                      </a:endParaRPr>
                    </a:p>
                  </a:txBody>
                  <a:tcPr marL="0" marR="0" marT="90137" marB="0">
                    <a:lnL w="76200">
                      <a:solidFill>
                        <a:srgbClr val="000000"/>
                      </a:solidFill>
                      <a:prstDash val="solid"/>
                    </a:lnL>
                    <a:lnR w="76200">
                      <a:solidFill>
                        <a:srgbClr val="000000"/>
                      </a:solidFill>
                      <a:prstDash val="solid"/>
                    </a:lnR>
                    <a:lnT w="12700">
                      <a:solidFill>
                        <a:srgbClr val="FF0000"/>
                      </a:solidFill>
                      <a:prstDash val="solid"/>
                    </a:lnT>
                    <a:lnB w="12700">
                      <a:solidFill>
                        <a:srgbClr val="000000"/>
                      </a:solidFill>
                      <a:prstDash val="solid"/>
                    </a:lnB>
                  </a:tcPr>
                </a:tc>
                <a:tc>
                  <a:txBody>
                    <a:bodyPr/>
                    <a:lstStyle/>
                    <a:p>
                      <a:pPr>
                        <a:lnSpc>
                          <a:spcPct val="100000"/>
                        </a:lnSpc>
                      </a:pPr>
                      <a:endParaRPr sz="1200">
                        <a:latin typeface="Times New Roman"/>
                        <a:cs typeface="Times New Roman"/>
                      </a:endParaRPr>
                    </a:p>
                  </a:txBody>
                  <a:tcPr marL="0" marR="0" marT="0" marB="0">
                    <a:lnL w="762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1"/>
                  </a:ext>
                </a:extLst>
              </a:tr>
              <a:tr h="894766">
                <a:tc>
                  <a:txBody>
                    <a:bodyPr/>
                    <a:lstStyle/>
                    <a:p>
                      <a:pPr algn="ctr">
                        <a:lnSpc>
                          <a:spcPct val="85000"/>
                        </a:lnSpc>
                      </a:pPr>
                      <a:r>
                        <a:rPr sz="1200" b="1" spc="-20" dirty="0">
                          <a:solidFill>
                            <a:srgbClr val="FFFFFF"/>
                          </a:solidFill>
                          <a:latin typeface="Meiryo UI"/>
                          <a:cs typeface="Meiryo UI"/>
                        </a:rPr>
                        <a:t>群マネ</a:t>
                      </a:r>
                      <a:endParaRPr sz="1200">
                        <a:latin typeface="Meiryo UI"/>
                        <a:cs typeface="Meiryo UI"/>
                      </a:endParaRPr>
                    </a:p>
                    <a:p>
                      <a:pPr algn="ctr">
                        <a:lnSpc>
                          <a:spcPct val="100000"/>
                        </a:lnSpc>
                      </a:pPr>
                      <a:r>
                        <a:rPr sz="1200" b="1" spc="-10" dirty="0">
                          <a:solidFill>
                            <a:srgbClr val="FFFFFF"/>
                          </a:solidFill>
                          <a:latin typeface="Meiryo UI"/>
                          <a:cs typeface="Meiryo UI"/>
                        </a:rPr>
                        <a:t>実施検討会</a:t>
                      </a:r>
                      <a:endParaRPr sz="1200">
                        <a:latin typeface="Meiryo UI"/>
                        <a:cs typeface="Meiryo UI"/>
                      </a:endParaRPr>
                    </a:p>
                  </a:txBody>
                  <a:tcPr marL="0" marR="0" marT="0" marB="0" vert="vert">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0070BF"/>
                    </a:solidFill>
                  </a:tcPr>
                </a:tc>
                <a:tc>
                  <a:txBody>
                    <a:bodyPr/>
                    <a:lstStyle/>
                    <a:p>
                      <a:pPr marL="74295">
                        <a:lnSpc>
                          <a:spcPct val="100000"/>
                        </a:lnSpc>
                        <a:spcBef>
                          <a:spcPts val="975"/>
                        </a:spcBef>
                      </a:pPr>
                      <a:r>
                        <a:rPr sz="1200" b="1" u="sng" spc="-25" dirty="0">
                          <a:uFill>
                            <a:solidFill>
                              <a:srgbClr val="000000"/>
                            </a:solidFill>
                          </a:uFill>
                          <a:latin typeface="Meiryo UI"/>
                          <a:cs typeface="Meiryo UI"/>
                        </a:rPr>
                        <a:t>④群マネ業務・工事実施のために検討が必要な事項</a:t>
                      </a:r>
                      <a:endParaRPr sz="1200">
                        <a:latin typeface="Meiryo UI"/>
                        <a:cs typeface="Meiryo UI"/>
                      </a:endParaRPr>
                    </a:p>
                    <a:p>
                      <a:pPr marL="436880" marR="183515" indent="-277495">
                        <a:lnSpc>
                          <a:spcPct val="100000"/>
                        </a:lnSpc>
                        <a:spcBef>
                          <a:spcPts val="600"/>
                        </a:spcBef>
                      </a:pPr>
                      <a:r>
                        <a:rPr sz="1200" spc="-20" dirty="0">
                          <a:latin typeface="Meiryo UI"/>
                          <a:cs typeface="Meiryo UI"/>
                        </a:rPr>
                        <a:t>⇒ 地域が群マネの業務・工事を行っていく上で、検討が必</a:t>
                      </a:r>
                      <a:r>
                        <a:rPr sz="1200" spc="-15" dirty="0">
                          <a:latin typeface="Meiryo UI"/>
                          <a:cs typeface="Meiryo UI"/>
                        </a:rPr>
                        <a:t>要な事項について議論</a:t>
                      </a:r>
                      <a:endParaRPr sz="1200">
                        <a:latin typeface="Meiryo UI"/>
                        <a:cs typeface="Meiryo UI"/>
                      </a:endParaRPr>
                    </a:p>
                  </a:txBody>
                  <a:tcPr marL="0" marR="0" marT="10588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marL="74295">
                        <a:lnSpc>
                          <a:spcPct val="100000"/>
                        </a:lnSpc>
                        <a:spcBef>
                          <a:spcPts val="975"/>
                        </a:spcBef>
                      </a:pPr>
                      <a:r>
                        <a:rPr sz="1200" b="1" u="sng" dirty="0">
                          <a:uFill>
                            <a:solidFill>
                              <a:srgbClr val="000000"/>
                            </a:solidFill>
                          </a:uFill>
                          <a:latin typeface="Meiryo UI"/>
                          <a:cs typeface="Meiryo UI"/>
                        </a:rPr>
                        <a:t>⑤（</a:t>
                      </a:r>
                      <a:r>
                        <a:rPr sz="1200" b="1" u="sng" spc="-10" dirty="0">
                          <a:uFill>
                            <a:solidFill>
                              <a:srgbClr val="000000"/>
                            </a:solidFill>
                          </a:uFill>
                          <a:latin typeface="Meiryo UI"/>
                          <a:cs typeface="Meiryo UI"/>
                        </a:rPr>
                        <a:t>モデル地域</a:t>
                      </a:r>
                      <a:r>
                        <a:rPr sz="1200" b="1" u="sng" dirty="0">
                          <a:uFill>
                            <a:solidFill>
                              <a:srgbClr val="000000"/>
                            </a:solidFill>
                          </a:uFill>
                          <a:latin typeface="Meiryo UI"/>
                          <a:cs typeface="Meiryo UI"/>
                        </a:rPr>
                        <a:t>）</a:t>
                      </a:r>
                      <a:r>
                        <a:rPr sz="1200" b="1" u="sng" spc="-15" dirty="0">
                          <a:uFill>
                            <a:solidFill>
                              <a:srgbClr val="000000"/>
                            </a:solidFill>
                          </a:uFill>
                          <a:latin typeface="Meiryo UI"/>
                          <a:cs typeface="Meiryo UI"/>
                        </a:rPr>
                        <a:t>実施方針への助言</a:t>
                      </a:r>
                      <a:endParaRPr sz="1200" dirty="0">
                        <a:latin typeface="Meiryo UI"/>
                        <a:cs typeface="Meiryo UI"/>
                      </a:endParaRPr>
                    </a:p>
                    <a:p>
                      <a:pPr marL="436880" marR="212090" indent="-277495">
                        <a:lnSpc>
                          <a:spcPct val="100000"/>
                        </a:lnSpc>
                        <a:spcBef>
                          <a:spcPts val="600"/>
                        </a:spcBef>
                      </a:pPr>
                      <a:r>
                        <a:rPr sz="1200" spc="-20" dirty="0">
                          <a:latin typeface="Meiryo UI"/>
                          <a:cs typeface="Meiryo UI"/>
                        </a:rPr>
                        <a:t>⇒ モデル地域において、支援期間中の業務・工事発注の</a:t>
                      </a:r>
                      <a:r>
                        <a:rPr sz="1200" spc="-10" dirty="0">
                          <a:latin typeface="Meiryo UI"/>
                          <a:cs typeface="Meiryo UI"/>
                        </a:rPr>
                        <a:t>検討への助言</a:t>
                      </a:r>
                      <a:endParaRPr sz="1200" dirty="0">
                        <a:latin typeface="Meiryo UI"/>
                        <a:cs typeface="Meiryo UI"/>
                      </a:endParaRPr>
                    </a:p>
                  </a:txBody>
                  <a:tcPr marL="0" marR="0" marT="10588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extLst>
                  <a:ext uri="{0D108BD9-81ED-4DB2-BD59-A6C34878D82A}">
                    <a16:rowId xmlns:a16="http://schemas.microsoft.com/office/drawing/2014/main" val="10002"/>
                  </a:ext>
                </a:extLst>
              </a:tr>
            </a:tbl>
          </a:graphicData>
        </a:graphic>
      </p:graphicFrame>
      <p:sp>
        <p:nvSpPr>
          <p:cNvPr id="14" name="object 14"/>
          <p:cNvSpPr/>
          <p:nvPr/>
        </p:nvSpPr>
        <p:spPr>
          <a:xfrm>
            <a:off x="6356925" y="716751"/>
            <a:ext cx="2395685" cy="216654"/>
          </a:xfrm>
          <a:custGeom>
            <a:avLst/>
            <a:gdLst/>
            <a:ahLst/>
            <a:cxnLst/>
            <a:rect l="l" t="t" r="r" b="b"/>
            <a:pathLst>
              <a:path w="2801620" h="253365">
                <a:moveTo>
                  <a:pt x="2801112" y="0"/>
                </a:moveTo>
                <a:lnTo>
                  <a:pt x="0" y="0"/>
                </a:lnTo>
                <a:lnTo>
                  <a:pt x="0" y="252983"/>
                </a:lnTo>
                <a:lnTo>
                  <a:pt x="2801112" y="252983"/>
                </a:lnTo>
                <a:lnTo>
                  <a:pt x="2801112" y="0"/>
                </a:lnTo>
                <a:close/>
              </a:path>
            </a:pathLst>
          </a:custGeom>
          <a:solidFill>
            <a:srgbClr val="FFFFFF"/>
          </a:solidFill>
        </p:spPr>
        <p:txBody>
          <a:bodyPr wrap="square" lIns="0" tIns="0" rIns="0" bIns="0" rtlCol="0"/>
          <a:lstStyle/>
          <a:p>
            <a:endParaRPr sz="1749"/>
          </a:p>
        </p:txBody>
      </p:sp>
      <p:sp>
        <p:nvSpPr>
          <p:cNvPr id="15" name="object 15"/>
          <p:cNvSpPr txBox="1"/>
          <p:nvPr/>
        </p:nvSpPr>
        <p:spPr>
          <a:xfrm>
            <a:off x="6356925" y="716751"/>
            <a:ext cx="2395685" cy="200118"/>
          </a:xfrm>
          <a:prstGeom prst="rect">
            <a:avLst/>
          </a:prstGeom>
          <a:ln w="12192">
            <a:solidFill>
              <a:srgbClr val="000000"/>
            </a:solidFill>
          </a:ln>
        </p:spPr>
        <p:txBody>
          <a:bodyPr vert="horz" wrap="square" lIns="0" tIns="15747" rIns="0" bIns="0" rtlCol="0">
            <a:spAutoFit/>
          </a:bodyPr>
          <a:lstStyle/>
          <a:p>
            <a:pPr marL="110227">
              <a:spcBef>
                <a:spcPts val="124"/>
              </a:spcBef>
            </a:pPr>
            <a:r>
              <a:rPr sz="1197" spc="-9" dirty="0">
                <a:latin typeface="Meiryo UI"/>
                <a:cs typeface="Meiryo UI"/>
              </a:rPr>
              <a:t>3/7</a:t>
            </a:r>
            <a:r>
              <a:rPr sz="1197" spc="-17" dirty="0">
                <a:latin typeface="Meiryo UI"/>
                <a:cs typeface="Meiryo UI"/>
              </a:rPr>
              <a:t>計画検討会の資料を一部更新</a:t>
            </a:r>
            <a:endParaRPr sz="1197">
              <a:latin typeface="Meiryo UI"/>
              <a:cs typeface="Meiryo UI"/>
            </a:endParaRPr>
          </a:p>
        </p:txBody>
      </p:sp>
      <p:sp>
        <p:nvSpPr>
          <p:cNvPr id="16" name="object 16"/>
          <p:cNvSpPr/>
          <p:nvPr/>
        </p:nvSpPr>
        <p:spPr>
          <a:xfrm>
            <a:off x="1030817" y="3681492"/>
            <a:ext cx="71675" cy="431679"/>
          </a:xfrm>
          <a:custGeom>
            <a:avLst/>
            <a:gdLst/>
            <a:ahLst/>
            <a:cxnLst/>
            <a:rect l="l" t="t" r="r" b="b"/>
            <a:pathLst>
              <a:path w="83819" h="504825">
                <a:moveTo>
                  <a:pt x="83819" y="504444"/>
                </a:moveTo>
                <a:lnTo>
                  <a:pt x="50792" y="497776"/>
                </a:lnTo>
                <a:lnTo>
                  <a:pt x="24193" y="479678"/>
                </a:lnTo>
                <a:lnTo>
                  <a:pt x="6453" y="453008"/>
                </a:lnTo>
                <a:lnTo>
                  <a:pt x="0" y="420624"/>
                </a:lnTo>
                <a:lnTo>
                  <a:pt x="0" y="83820"/>
                </a:lnTo>
                <a:lnTo>
                  <a:pt x="6453" y="51435"/>
                </a:lnTo>
                <a:lnTo>
                  <a:pt x="24193" y="24764"/>
                </a:lnTo>
                <a:lnTo>
                  <a:pt x="50792" y="6667"/>
                </a:lnTo>
                <a:lnTo>
                  <a:pt x="83819" y="0"/>
                </a:lnTo>
              </a:path>
            </a:pathLst>
          </a:custGeom>
          <a:ln w="9144">
            <a:solidFill>
              <a:srgbClr val="000000"/>
            </a:solidFill>
          </a:ln>
        </p:spPr>
        <p:txBody>
          <a:bodyPr wrap="square" lIns="0" tIns="0" rIns="0" bIns="0" rtlCol="0"/>
          <a:lstStyle/>
          <a:p>
            <a:endParaRPr sz="1749"/>
          </a:p>
        </p:txBody>
      </p:sp>
      <p:sp>
        <p:nvSpPr>
          <p:cNvPr id="17" name="object 17"/>
          <p:cNvSpPr/>
          <p:nvPr/>
        </p:nvSpPr>
        <p:spPr>
          <a:xfrm>
            <a:off x="4591113" y="3681492"/>
            <a:ext cx="71675" cy="431679"/>
          </a:xfrm>
          <a:custGeom>
            <a:avLst/>
            <a:gdLst/>
            <a:ahLst/>
            <a:cxnLst/>
            <a:rect l="l" t="t" r="r" b="b"/>
            <a:pathLst>
              <a:path w="83820" h="504825">
                <a:moveTo>
                  <a:pt x="0" y="0"/>
                </a:moveTo>
                <a:lnTo>
                  <a:pt x="33027" y="6667"/>
                </a:lnTo>
                <a:lnTo>
                  <a:pt x="59626" y="24764"/>
                </a:lnTo>
                <a:lnTo>
                  <a:pt x="77366" y="51435"/>
                </a:lnTo>
                <a:lnTo>
                  <a:pt x="83820" y="83820"/>
                </a:lnTo>
                <a:lnTo>
                  <a:pt x="83820" y="420624"/>
                </a:lnTo>
                <a:lnTo>
                  <a:pt x="77366" y="453008"/>
                </a:lnTo>
                <a:lnTo>
                  <a:pt x="59626" y="479678"/>
                </a:lnTo>
                <a:lnTo>
                  <a:pt x="33027" y="497776"/>
                </a:lnTo>
                <a:lnTo>
                  <a:pt x="0" y="504444"/>
                </a:lnTo>
              </a:path>
            </a:pathLst>
          </a:custGeom>
          <a:ln w="9143">
            <a:solidFill>
              <a:srgbClr val="000000"/>
            </a:solidFill>
          </a:ln>
        </p:spPr>
        <p:txBody>
          <a:bodyPr wrap="square" lIns="0" tIns="0" rIns="0" bIns="0" rtlCol="0"/>
          <a:lstStyle/>
          <a:p>
            <a:endParaRPr sz="1749"/>
          </a:p>
        </p:txBody>
      </p:sp>
      <p:sp>
        <p:nvSpPr>
          <p:cNvPr id="18" name="object 18"/>
          <p:cNvSpPr txBox="1">
            <a:spLocks noGrp="1"/>
          </p:cNvSpPr>
          <p:nvPr>
            <p:ph type="sldNum" sz="quarter" idx="7"/>
          </p:nvPr>
        </p:nvSpPr>
        <p:spPr>
          <a:xfrm>
            <a:off x="9962388" y="6895615"/>
            <a:ext cx="388873" cy="339598"/>
          </a:xfrm>
          <a:prstGeom prst="rect">
            <a:avLst/>
          </a:prstGeom>
        </p:spPr>
        <p:txBody>
          <a:bodyPr vert="horz" wrap="square" lIns="0" tIns="0" rIns="0" bIns="0" rtlCol="0">
            <a:spAutoFit/>
          </a:bodyPr>
          <a:lstStyle>
            <a:defPPr>
              <a:defRPr kern="0"/>
            </a:defPPr>
            <a:lvl1pPr>
              <a:defRPr sz="1600" b="0" i="0">
                <a:solidFill>
                  <a:schemeClr val="tx1"/>
                </a:solidFill>
                <a:latin typeface="Meiryo UI"/>
                <a:cs typeface="Meiryo UI"/>
              </a:defRPr>
            </a:lvl1pPr>
          </a:lstStyle>
          <a:p>
            <a:pPr marL="126364">
              <a:spcBef>
                <a:spcPts val="190"/>
              </a:spcBef>
            </a:pPr>
            <a:fld id="{81D60167-4931-47E6-BA6A-407CBD079E47}" type="slidenum">
              <a:rPr lang="en-US" altLang="ja-JP" spc="-50" smtClean="0"/>
              <a:pPr marL="126364">
                <a:spcBef>
                  <a:spcPts val="190"/>
                </a:spcBef>
              </a:pPr>
              <a:t>11</a:t>
            </a:fld>
            <a:endParaRPr spc="-43" dirty="0"/>
          </a:p>
        </p:txBody>
      </p:sp>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334918" y="839901"/>
            <a:ext cx="8470689" cy="180274"/>
            <a:chOff x="391668" y="753618"/>
            <a:chExt cx="9906000" cy="210820"/>
          </a:xfrm>
        </p:grpSpPr>
        <p:sp>
          <p:nvSpPr>
            <p:cNvPr id="3" name="object 3"/>
            <p:cNvSpPr/>
            <p:nvPr/>
          </p:nvSpPr>
          <p:spPr>
            <a:xfrm>
              <a:off x="391668" y="923544"/>
              <a:ext cx="9906000" cy="40640"/>
            </a:xfrm>
            <a:custGeom>
              <a:avLst/>
              <a:gdLst/>
              <a:ahLst/>
              <a:cxnLst/>
              <a:rect l="l" t="t" r="r" b="b"/>
              <a:pathLst>
                <a:path w="9906000" h="40640">
                  <a:moveTo>
                    <a:pt x="0" y="40386"/>
                  </a:moveTo>
                  <a:lnTo>
                    <a:pt x="9906000" y="40386"/>
                  </a:lnTo>
                  <a:lnTo>
                    <a:pt x="9906000" y="0"/>
                  </a:lnTo>
                  <a:lnTo>
                    <a:pt x="0" y="0"/>
                  </a:lnTo>
                  <a:lnTo>
                    <a:pt x="0" y="40386"/>
                  </a:lnTo>
                  <a:close/>
                </a:path>
              </a:pathLst>
            </a:custGeom>
            <a:solidFill>
              <a:srgbClr val="01AAD6"/>
            </a:solidFill>
          </p:spPr>
          <p:txBody>
            <a:bodyPr wrap="square" lIns="0" tIns="0" rIns="0" bIns="0" rtlCol="0"/>
            <a:lstStyle/>
            <a:p>
              <a:endParaRPr sz="1749"/>
            </a:p>
          </p:txBody>
        </p:sp>
        <p:sp>
          <p:nvSpPr>
            <p:cNvPr id="4" name="object 4"/>
            <p:cNvSpPr/>
            <p:nvPr/>
          </p:nvSpPr>
          <p:spPr>
            <a:xfrm>
              <a:off x="391668" y="861822"/>
              <a:ext cx="9906000" cy="62230"/>
            </a:xfrm>
            <a:custGeom>
              <a:avLst/>
              <a:gdLst/>
              <a:ahLst/>
              <a:cxnLst/>
              <a:rect l="l" t="t" r="r" b="b"/>
              <a:pathLst>
                <a:path w="9906000" h="62230">
                  <a:moveTo>
                    <a:pt x="0" y="61722"/>
                  </a:moveTo>
                  <a:lnTo>
                    <a:pt x="9906000" y="61722"/>
                  </a:lnTo>
                  <a:lnTo>
                    <a:pt x="9906000" y="0"/>
                  </a:lnTo>
                  <a:lnTo>
                    <a:pt x="0" y="0"/>
                  </a:lnTo>
                  <a:lnTo>
                    <a:pt x="0" y="61722"/>
                  </a:lnTo>
                  <a:close/>
                </a:path>
              </a:pathLst>
            </a:custGeom>
            <a:solidFill>
              <a:srgbClr val="B3E1EF"/>
            </a:solidFill>
          </p:spPr>
          <p:txBody>
            <a:bodyPr wrap="square" lIns="0" tIns="0" rIns="0" bIns="0" rtlCol="0"/>
            <a:lstStyle/>
            <a:p>
              <a:endParaRPr sz="1749"/>
            </a:p>
          </p:txBody>
        </p:sp>
        <p:sp>
          <p:nvSpPr>
            <p:cNvPr id="5" name="object 5"/>
            <p:cNvSpPr/>
            <p:nvPr/>
          </p:nvSpPr>
          <p:spPr>
            <a:xfrm>
              <a:off x="391668" y="753618"/>
              <a:ext cx="9906000" cy="108585"/>
            </a:xfrm>
            <a:custGeom>
              <a:avLst/>
              <a:gdLst/>
              <a:ahLst/>
              <a:cxnLst/>
              <a:rect l="l" t="t" r="r" b="b"/>
              <a:pathLst>
                <a:path w="9906000" h="108584">
                  <a:moveTo>
                    <a:pt x="0" y="0"/>
                  </a:moveTo>
                  <a:lnTo>
                    <a:pt x="0" y="108203"/>
                  </a:lnTo>
                  <a:lnTo>
                    <a:pt x="9905999" y="108203"/>
                  </a:lnTo>
                  <a:lnTo>
                    <a:pt x="9906000" y="0"/>
                  </a:lnTo>
                  <a:lnTo>
                    <a:pt x="0" y="0"/>
                  </a:lnTo>
                  <a:close/>
                </a:path>
              </a:pathLst>
            </a:custGeom>
            <a:solidFill>
              <a:srgbClr val="D6EDFB"/>
            </a:solidFill>
          </p:spPr>
          <p:txBody>
            <a:bodyPr wrap="square" lIns="0" tIns="0" rIns="0" bIns="0" rtlCol="0"/>
            <a:lstStyle/>
            <a:p>
              <a:endParaRPr sz="1749"/>
            </a:p>
          </p:txBody>
        </p:sp>
      </p:grpSp>
      <p:sp>
        <p:nvSpPr>
          <p:cNvPr id="6" name="object 6"/>
          <p:cNvSpPr txBox="1">
            <a:spLocks noGrp="1"/>
          </p:cNvSpPr>
          <p:nvPr>
            <p:ph type="title"/>
          </p:nvPr>
        </p:nvSpPr>
        <p:spPr>
          <a:xfrm>
            <a:off x="385145" y="307172"/>
            <a:ext cx="7819096" cy="318743"/>
          </a:xfrm>
          <a:prstGeom prst="rect">
            <a:avLst/>
          </a:prstGeom>
        </p:spPr>
        <p:txBody>
          <a:bodyPr vert="horz" wrap="square" lIns="0" tIns="10860" rIns="0" bIns="0" rtlCol="0">
            <a:spAutoFit/>
          </a:bodyPr>
          <a:lstStyle/>
          <a:p>
            <a:pPr marL="10860">
              <a:lnSpc>
                <a:spcPct val="100000"/>
              </a:lnSpc>
              <a:spcBef>
                <a:spcPts val="86"/>
              </a:spcBef>
            </a:pPr>
            <a:r>
              <a:rPr sz="2000" spc="-30" dirty="0"/>
              <a:t>市区町村・地域事業者の課題を踏まえたこれから取り組むべき方針</a:t>
            </a:r>
          </a:p>
        </p:txBody>
      </p:sp>
      <p:grpSp>
        <p:nvGrpSpPr>
          <p:cNvPr id="7" name="object 7"/>
          <p:cNvGrpSpPr/>
          <p:nvPr/>
        </p:nvGrpSpPr>
        <p:grpSpPr>
          <a:xfrm>
            <a:off x="4370441" y="4410945"/>
            <a:ext cx="819919" cy="383352"/>
            <a:chOff x="5094732" y="4774691"/>
            <a:chExt cx="958850" cy="448309"/>
          </a:xfrm>
        </p:grpSpPr>
        <p:sp>
          <p:nvSpPr>
            <p:cNvPr id="8" name="object 8"/>
            <p:cNvSpPr/>
            <p:nvPr/>
          </p:nvSpPr>
          <p:spPr>
            <a:xfrm>
              <a:off x="5097780" y="4777739"/>
              <a:ext cx="952500" cy="441959"/>
            </a:xfrm>
            <a:custGeom>
              <a:avLst/>
              <a:gdLst/>
              <a:ahLst/>
              <a:cxnLst/>
              <a:rect l="l" t="t" r="r" b="b"/>
              <a:pathLst>
                <a:path w="952500" h="441960">
                  <a:moveTo>
                    <a:pt x="714756" y="0"/>
                  </a:moveTo>
                  <a:lnTo>
                    <a:pt x="237744" y="0"/>
                  </a:lnTo>
                  <a:lnTo>
                    <a:pt x="237744" y="220980"/>
                  </a:lnTo>
                  <a:lnTo>
                    <a:pt x="0" y="220980"/>
                  </a:lnTo>
                  <a:lnTo>
                    <a:pt x="475488" y="441960"/>
                  </a:lnTo>
                  <a:lnTo>
                    <a:pt x="952500" y="220980"/>
                  </a:lnTo>
                  <a:lnTo>
                    <a:pt x="714756" y="220980"/>
                  </a:lnTo>
                  <a:lnTo>
                    <a:pt x="714756" y="0"/>
                  </a:lnTo>
                  <a:close/>
                </a:path>
              </a:pathLst>
            </a:custGeom>
            <a:solidFill>
              <a:srgbClr val="DDEBF6"/>
            </a:solidFill>
          </p:spPr>
          <p:txBody>
            <a:bodyPr wrap="square" lIns="0" tIns="0" rIns="0" bIns="0" rtlCol="0"/>
            <a:lstStyle/>
            <a:p>
              <a:endParaRPr sz="1749"/>
            </a:p>
          </p:txBody>
        </p:sp>
        <p:sp>
          <p:nvSpPr>
            <p:cNvPr id="9" name="object 9"/>
            <p:cNvSpPr/>
            <p:nvPr/>
          </p:nvSpPr>
          <p:spPr>
            <a:xfrm>
              <a:off x="5097780" y="4777739"/>
              <a:ext cx="952500" cy="441959"/>
            </a:xfrm>
            <a:custGeom>
              <a:avLst/>
              <a:gdLst/>
              <a:ahLst/>
              <a:cxnLst/>
              <a:rect l="l" t="t" r="r" b="b"/>
              <a:pathLst>
                <a:path w="952500" h="441960">
                  <a:moveTo>
                    <a:pt x="714756" y="0"/>
                  </a:moveTo>
                  <a:lnTo>
                    <a:pt x="714756" y="220980"/>
                  </a:lnTo>
                  <a:lnTo>
                    <a:pt x="952500" y="220980"/>
                  </a:lnTo>
                  <a:lnTo>
                    <a:pt x="475488" y="441960"/>
                  </a:lnTo>
                  <a:lnTo>
                    <a:pt x="0" y="220980"/>
                  </a:lnTo>
                  <a:lnTo>
                    <a:pt x="237744" y="220980"/>
                  </a:lnTo>
                  <a:lnTo>
                    <a:pt x="237744" y="0"/>
                  </a:lnTo>
                  <a:lnTo>
                    <a:pt x="714756" y="0"/>
                  </a:lnTo>
                  <a:close/>
                </a:path>
              </a:pathLst>
            </a:custGeom>
            <a:ln w="6095">
              <a:solidFill>
                <a:srgbClr val="000000"/>
              </a:solidFill>
            </a:ln>
          </p:spPr>
          <p:txBody>
            <a:bodyPr wrap="square" lIns="0" tIns="0" rIns="0" bIns="0" rtlCol="0"/>
            <a:lstStyle/>
            <a:p>
              <a:endParaRPr sz="1749"/>
            </a:p>
          </p:txBody>
        </p:sp>
      </p:grpSp>
      <p:sp>
        <p:nvSpPr>
          <p:cNvPr id="10" name="object 10"/>
          <p:cNvSpPr txBox="1"/>
          <p:nvPr/>
        </p:nvSpPr>
        <p:spPr>
          <a:xfrm>
            <a:off x="384439" y="1056881"/>
            <a:ext cx="4063759" cy="1163837"/>
          </a:xfrm>
          <a:prstGeom prst="rect">
            <a:avLst/>
          </a:prstGeom>
          <a:solidFill>
            <a:srgbClr val="FFE699"/>
          </a:solidFill>
        </p:spPr>
        <p:txBody>
          <a:bodyPr vert="horz" wrap="square" lIns="0" tIns="110228" rIns="0" bIns="0" rtlCol="0">
            <a:spAutoFit/>
          </a:bodyPr>
          <a:lstStyle/>
          <a:p>
            <a:pPr marL="29864">
              <a:spcBef>
                <a:spcPts val="868"/>
              </a:spcBef>
            </a:pPr>
            <a:r>
              <a:rPr sz="1368" spc="-30" dirty="0">
                <a:latin typeface="Meiryo UI"/>
                <a:cs typeface="Meiryo UI"/>
              </a:rPr>
              <a:t>【市区町村における主な課題】</a:t>
            </a:r>
            <a:endParaRPr sz="1368">
              <a:latin typeface="Meiryo UI"/>
              <a:cs typeface="Meiryo UI"/>
            </a:endParaRPr>
          </a:p>
          <a:p>
            <a:pPr marL="348599" indent="-166154">
              <a:buFont typeface="Arial"/>
              <a:buChar char="•"/>
              <a:tabLst>
                <a:tab pos="348599" algn="l"/>
              </a:tabLst>
            </a:pPr>
            <a:r>
              <a:rPr sz="1368" spc="-30" dirty="0">
                <a:latin typeface="Meiryo UI"/>
                <a:cs typeface="Meiryo UI"/>
              </a:rPr>
              <a:t>管理するインフラが多く、それらの高齢化が進展</a:t>
            </a:r>
            <a:endParaRPr sz="1368">
              <a:latin typeface="Meiryo UI"/>
              <a:cs typeface="Meiryo UI"/>
            </a:endParaRPr>
          </a:p>
          <a:p>
            <a:pPr marL="348599" indent="-166154">
              <a:buFont typeface="Arial"/>
              <a:buChar char="•"/>
              <a:tabLst>
                <a:tab pos="348599" algn="l"/>
              </a:tabLst>
            </a:pPr>
            <a:r>
              <a:rPr sz="1368" spc="-26" dirty="0">
                <a:latin typeface="Meiryo UI"/>
                <a:cs typeface="Meiryo UI"/>
              </a:rPr>
              <a:t>職員数の減少、技術者の不足</a:t>
            </a:r>
            <a:endParaRPr sz="1368">
              <a:latin typeface="Meiryo UI"/>
              <a:cs typeface="Meiryo UI"/>
            </a:endParaRPr>
          </a:p>
          <a:p>
            <a:pPr marL="348599" indent="-166154">
              <a:buFont typeface="Arial"/>
              <a:buChar char="•"/>
              <a:tabLst>
                <a:tab pos="348599" algn="l"/>
                <a:tab pos="2123628" algn="l"/>
              </a:tabLst>
            </a:pPr>
            <a:r>
              <a:rPr sz="1368" spc="-21" dirty="0">
                <a:latin typeface="Meiryo UI"/>
                <a:cs typeface="Meiryo UI"/>
              </a:rPr>
              <a:t>財政面</a:t>
            </a:r>
            <a:r>
              <a:rPr sz="1368" spc="-9" dirty="0">
                <a:latin typeface="Meiryo UI"/>
                <a:cs typeface="Meiryo UI"/>
              </a:rPr>
              <a:t>の</a:t>
            </a:r>
            <a:r>
              <a:rPr sz="1368" spc="-21" dirty="0">
                <a:latin typeface="Meiryo UI"/>
                <a:cs typeface="Meiryo UI"/>
              </a:rPr>
              <a:t>制約</a:t>
            </a:r>
            <a:r>
              <a:rPr sz="1368" spc="-9" dirty="0">
                <a:latin typeface="Meiryo UI"/>
                <a:cs typeface="Meiryo UI"/>
              </a:rPr>
              <a:t>があ</a:t>
            </a:r>
            <a:r>
              <a:rPr sz="1368" spc="-43" dirty="0">
                <a:latin typeface="Meiryo UI"/>
                <a:cs typeface="Meiryo UI"/>
              </a:rPr>
              <a:t>る</a:t>
            </a:r>
            <a:r>
              <a:rPr sz="1368" dirty="0">
                <a:latin typeface="Meiryo UI"/>
                <a:cs typeface="Meiryo UI"/>
              </a:rPr>
              <a:t>	</a:t>
            </a:r>
            <a:r>
              <a:rPr sz="1368" spc="-43" dirty="0">
                <a:latin typeface="Meiryo UI"/>
                <a:cs typeface="Meiryo UI"/>
              </a:rPr>
              <a:t>等</a:t>
            </a:r>
            <a:endParaRPr sz="1368">
              <a:latin typeface="Meiryo UI"/>
              <a:cs typeface="Meiryo UI"/>
            </a:endParaRPr>
          </a:p>
        </p:txBody>
      </p:sp>
      <p:sp>
        <p:nvSpPr>
          <p:cNvPr id="11" name="object 11"/>
          <p:cNvSpPr txBox="1"/>
          <p:nvPr/>
        </p:nvSpPr>
        <p:spPr>
          <a:xfrm>
            <a:off x="4524651" y="1059487"/>
            <a:ext cx="4233172" cy="1128923"/>
          </a:xfrm>
          <a:prstGeom prst="rect">
            <a:avLst/>
          </a:prstGeom>
          <a:solidFill>
            <a:srgbClr val="FFE699"/>
          </a:solidFill>
        </p:spPr>
        <p:txBody>
          <a:bodyPr vert="horz" wrap="square" lIns="0" tIns="115657" rIns="0" bIns="0" rtlCol="0">
            <a:spAutoFit/>
          </a:bodyPr>
          <a:lstStyle/>
          <a:p>
            <a:pPr marL="29864">
              <a:spcBef>
                <a:spcPts val="911"/>
              </a:spcBef>
            </a:pPr>
            <a:r>
              <a:rPr sz="1368" spc="-30" dirty="0">
                <a:latin typeface="Meiryo UI"/>
                <a:cs typeface="Meiryo UI"/>
              </a:rPr>
              <a:t>【地域事業者における主な課題】</a:t>
            </a:r>
            <a:endParaRPr sz="1368">
              <a:latin typeface="Meiryo UI"/>
              <a:cs typeface="Meiryo UI"/>
            </a:endParaRPr>
          </a:p>
          <a:p>
            <a:pPr marL="348599" indent="-166154">
              <a:buFont typeface="Arial"/>
              <a:buChar char="•"/>
              <a:tabLst>
                <a:tab pos="348599" algn="l"/>
              </a:tabLst>
            </a:pPr>
            <a:r>
              <a:rPr sz="1368" spc="-26" dirty="0">
                <a:latin typeface="Meiryo UI"/>
                <a:cs typeface="Meiryo UI"/>
              </a:rPr>
              <a:t>担い手の高齢化が進展</a:t>
            </a:r>
            <a:endParaRPr sz="1368">
              <a:latin typeface="Meiryo UI"/>
              <a:cs typeface="Meiryo UI"/>
            </a:endParaRPr>
          </a:p>
          <a:p>
            <a:pPr marL="348599" indent="-166154">
              <a:lnSpc>
                <a:spcPts val="1637"/>
              </a:lnSpc>
              <a:buFont typeface="Arial"/>
              <a:buChar char="•"/>
              <a:tabLst>
                <a:tab pos="348599" algn="l"/>
              </a:tabLst>
            </a:pPr>
            <a:r>
              <a:rPr sz="1368" spc="-26" dirty="0">
                <a:latin typeface="Meiryo UI"/>
                <a:cs typeface="Meiryo UI"/>
              </a:rPr>
              <a:t>将来的な担い手不足が懸念</a:t>
            </a:r>
            <a:endParaRPr sz="1368">
              <a:latin typeface="Meiryo UI"/>
              <a:cs typeface="Meiryo UI"/>
            </a:endParaRPr>
          </a:p>
          <a:p>
            <a:pPr marL="346970" indent="-164526">
              <a:lnSpc>
                <a:spcPts val="1535"/>
              </a:lnSpc>
              <a:buFont typeface="Arial"/>
              <a:buChar char="•"/>
              <a:tabLst>
                <a:tab pos="346970" algn="l"/>
                <a:tab pos="3923635" algn="l"/>
              </a:tabLst>
            </a:pPr>
            <a:r>
              <a:rPr sz="1283" dirty="0">
                <a:latin typeface="Meiryo UI"/>
                <a:cs typeface="Meiryo UI"/>
              </a:rPr>
              <a:t>一般的</a:t>
            </a:r>
            <a:r>
              <a:rPr sz="1283" spc="-9" dirty="0">
                <a:latin typeface="Meiryo UI"/>
                <a:cs typeface="Meiryo UI"/>
              </a:rPr>
              <a:t>に</a:t>
            </a:r>
            <a:r>
              <a:rPr sz="1283" dirty="0">
                <a:latin typeface="Meiryo UI"/>
                <a:cs typeface="Meiryo UI"/>
              </a:rPr>
              <a:t>維持管理業務</a:t>
            </a:r>
            <a:r>
              <a:rPr sz="1283" spc="-17" dirty="0">
                <a:latin typeface="Meiryo UI"/>
                <a:cs typeface="Meiryo UI"/>
              </a:rPr>
              <a:t>は</a:t>
            </a:r>
            <a:r>
              <a:rPr sz="1283" dirty="0">
                <a:latin typeface="Meiryo UI"/>
                <a:cs typeface="Meiryo UI"/>
              </a:rPr>
              <a:t>規模</a:t>
            </a:r>
            <a:r>
              <a:rPr sz="1283" spc="-21" dirty="0">
                <a:latin typeface="Meiryo UI"/>
                <a:cs typeface="Meiryo UI"/>
              </a:rPr>
              <a:t>が</a:t>
            </a:r>
            <a:r>
              <a:rPr sz="1283" dirty="0">
                <a:latin typeface="Meiryo UI"/>
                <a:cs typeface="Meiryo UI"/>
              </a:rPr>
              <a:t>小</a:t>
            </a:r>
            <a:r>
              <a:rPr sz="1283" spc="-26" dirty="0">
                <a:latin typeface="Meiryo UI"/>
                <a:cs typeface="Meiryo UI"/>
              </a:rPr>
              <a:t>さ</a:t>
            </a:r>
            <a:r>
              <a:rPr sz="1283" dirty="0">
                <a:latin typeface="Meiryo UI"/>
                <a:cs typeface="Meiryo UI"/>
              </a:rPr>
              <a:t>く収益性</a:t>
            </a:r>
            <a:r>
              <a:rPr sz="1283" spc="-21" dirty="0">
                <a:latin typeface="Meiryo UI"/>
                <a:cs typeface="Meiryo UI"/>
              </a:rPr>
              <a:t>が</a:t>
            </a:r>
            <a:r>
              <a:rPr sz="1283" dirty="0">
                <a:latin typeface="Meiryo UI"/>
                <a:cs typeface="Meiryo UI"/>
              </a:rPr>
              <a:t>低</a:t>
            </a:r>
            <a:r>
              <a:rPr sz="1283" spc="-43" dirty="0">
                <a:latin typeface="Meiryo UI"/>
                <a:cs typeface="Meiryo UI"/>
              </a:rPr>
              <a:t>い</a:t>
            </a:r>
            <a:r>
              <a:rPr sz="1283" dirty="0">
                <a:latin typeface="Meiryo UI"/>
                <a:cs typeface="Meiryo UI"/>
              </a:rPr>
              <a:t>	</a:t>
            </a:r>
            <a:r>
              <a:rPr sz="1283" spc="-43" dirty="0">
                <a:latin typeface="Meiryo UI"/>
                <a:cs typeface="Meiryo UI"/>
              </a:rPr>
              <a:t>等</a:t>
            </a:r>
            <a:endParaRPr sz="1283">
              <a:latin typeface="Meiryo UI"/>
              <a:cs typeface="Meiryo UI"/>
            </a:endParaRPr>
          </a:p>
        </p:txBody>
      </p:sp>
      <p:sp>
        <p:nvSpPr>
          <p:cNvPr id="12" name="object 12"/>
          <p:cNvSpPr txBox="1"/>
          <p:nvPr/>
        </p:nvSpPr>
        <p:spPr>
          <a:xfrm>
            <a:off x="630741" y="2558147"/>
            <a:ext cx="7819097" cy="671545"/>
          </a:xfrm>
          <a:prstGeom prst="rect">
            <a:avLst/>
          </a:prstGeom>
          <a:ln w="9144">
            <a:solidFill>
              <a:srgbClr val="000000"/>
            </a:solidFill>
          </a:ln>
        </p:spPr>
        <p:txBody>
          <a:bodyPr vert="horz" wrap="square" lIns="0" tIns="39638" rIns="0" bIns="0" rtlCol="0">
            <a:spAutoFit/>
          </a:bodyPr>
          <a:lstStyle/>
          <a:p>
            <a:pPr marL="76561" marR="92308" indent="115657">
              <a:spcBef>
                <a:spcPts val="312"/>
              </a:spcBef>
            </a:pPr>
            <a:r>
              <a:rPr sz="1368" spc="-26" dirty="0">
                <a:latin typeface="Meiryo UI"/>
                <a:cs typeface="Meiryo UI"/>
              </a:rPr>
              <a:t>事後保全段階にある施設が依然として多数存在。それらの補修・修繕に着手できていないものがあり、</a:t>
            </a:r>
            <a:r>
              <a:rPr sz="1368" u="sng" spc="-21" dirty="0">
                <a:uFill>
                  <a:solidFill>
                    <a:srgbClr val="000000"/>
                  </a:solidFill>
                </a:uFill>
                <a:latin typeface="Meiryo UI"/>
                <a:cs typeface="Meiryo UI"/>
              </a:rPr>
              <a:t>この状態</a:t>
            </a:r>
            <a:r>
              <a:rPr sz="1368" u="sng" spc="428" dirty="0">
                <a:uFill>
                  <a:solidFill>
                    <a:srgbClr val="000000"/>
                  </a:solidFill>
                </a:uFill>
                <a:latin typeface="Meiryo UI"/>
                <a:cs typeface="Meiryo UI"/>
              </a:rPr>
              <a:t>                                           </a:t>
            </a:r>
            <a:r>
              <a:rPr sz="1368" u="sng" spc="-26" dirty="0">
                <a:uFill>
                  <a:solidFill>
                    <a:srgbClr val="000000"/>
                  </a:solidFill>
                </a:uFill>
                <a:latin typeface="Meiryo UI"/>
                <a:cs typeface="Meiryo UI"/>
              </a:rPr>
              <a:t>を放置すれば、重大な事故や致命的な損傷等を引き起こすリスクが高まることとなり、早急な対応が必要</a:t>
            </a:r>
            <a:endParaRPr sz="1368">
              <a:latin typeface="Meiryo UI"/>
              <a:cs typeface="Meiryo UI"/>
            </a:endParaRPr>
          </a:p>
        </p:txBody>
      </p:sp>
      <p:grpSp>
        <p:nvGrpSpPr>
          <p:cNvPr id="13" name="object 13"/>
          <p:cNvGrpSpPr/>
          <p:nvPr/>
        </p:nvGrpSpPr>
        <p:grpSpPr>
          <a:xfrm>
            <a:off x="486685" y="4758518"/>
            <a:ext cx="3507191" cy="1893005"/>
            <a:chOff x="569150" y="5336222"/>
            <a:chExt cx="4101465" cy="1586865"/>
          </a:xfrm>
        </p:grpSpPr>
        <p:sp>
          <p:nvSpPr>
            <p:cNvPr id="14" name="object 14"/>
            <p:cNvSpPr/>
            <p:nvPr/>
          </p:nvSpPr>
          <p:spPr>
            <a:xfrm>
              <a:off x="582167" y="5349239"/>
              <a:ext cx="4075429" cy="1560830"/>
            </a:xfrm>
            <a:custGeom>
              <a:avLst/>
              <a:gdLst/>
              <a:ahLst/>
              <a:cxnLst/>
              <a:rect l="l" t="t" r="r" b="b"/>
              <a:pathLst>
                <a:path w="4075429" h="1560829">
                  <a:moveTo>
                    <a:pt x="3907535" y="0"/>
                  </a:moveTo>
                  <a:lnTo>
                    <a:pt x="167639" y="0"/>
                  </a:lnTo>
                  <a:lnTo>
                    <a:pt x="122943" y="5961"/>
                  </a:lnTo>
                  <a:lnTo>
                    <a:pt x="82860" y="22803"/>
                  </a:lnTo>
                  <a:lnTo>
                    <a:pt x="48958" y="48958"/>
                  </a:lnTo>
                  <a:lnTo>
                    <a:pt x="22803" y="82860"/>
                  </a:lnTo>
                  <a:lnTo>
                    <a:pt x="5961" y="122943"/>
                  </a:lnTo>
                  <a:lnTo>
                    <a:pt x="0" y="167640"/>
                  </a:lnTo>
                  <a:lnTo>
                    <a:pt x="0" y="1392941"/>
                  </a:lnTo>
                  <a:lnTo>
                    <a:pt x="5961" y="1437638"/>
                  </a:lnTo>
                  <a:lnTo>
                    <a:pt x="22803" y="1477720"/>
                  </a:lnTo>
                  <a:lnTo>
                    <a:pt x="48958" y="1511622"/>
                  </a:lnTo>
                  <a:lnTo>
                    <a:pt x="82860" y="1537777"/>
                  </a:lnTo>
                  <a:lnTo>
                    <a:pt x="122943" y="1554619"/>
                  </a:lnTo>
                  <a:lnTo>
                    <a:pt x="167639" y="1560581"/>
                  </a:lnTo>
                  <a:lnTo>
                    <a:pt x="3907535" y="1560581"/>
                  </a:lnTo>
                  <a:lnTo>
                    <a:pt x="3952232" y="1554619"/>
                  </a:lnTo>
                  <a:lnTo>
                    <a:pt x="3992315" y="1537777"/>
                  </a:lnTo>
                  <a:lnTo>
                    <a:pt x="4026217" y="1511622"/>
                  </a:lnTo>
                  <a:lnTo>
                    <a:pt x="4052372" y="1477720"/>
                  </a:lnTo>
                  <a:lnTo>
                    <a:pt x="4069214" y="1437638"/>
                  </a:lnTo>
                  <a:lnTo>
                    <a:pt x="4075176" y="1392941"/>
                  </a:lnTo>
                  <a:lnTo>
                    <a:pt x="4075176" y="167640"/>
                  </a:lnTo>
                  <a:lnTo>
                    <a:pt x="4069214" y="122943"/>
                  </a:lnTo>
                  <a:lnTo>
                    <a:pt x="4052372" y="82860"/>
                  </a:lnTo>
                  <a:lnTo>
                    <a:pt x="4026217" y="48958"/>
                  </a:lnTo>
                  <a:lnTo>
                    <a:pt x="3992315" y="22803"/>
                  </a:lnTo>
                  <a:lnTo>
                    <a:pt x="3952232" y="5961"/>
                  </a:lnTo>
                  <a:lnTo>
                    <a:pt x="3907535" y="0"/>
                  </a:lnTo>
                  <a:close/>
                </a:path>
              </a:pathLst>
            </a:custGeom>
            <a:solidFill>
              <a:srgbClr val="FBE4D6"/>
            </a:solidFill>
          </p:spPr>
          <p:txBody>
            <a:bodyPr wrap="square" lIns="0" tIns="0" rIns="0" bIns="0" rtlCol="0"/>
            <a:lstStyle/>
            <a:p>
              <a:endParaRPr sz="1749"/>
            </a:p>
          </p:txBody>
        </p:sp>
        <p:sp>
          <p:nvSpPr>
            <p:cNvPr id="15" name="object 15"/>
            <p:cNvSpPr/>
            <p:nvPr/>
          </p:nvSpPr>
          <p:spPr>
            <a:xfrm>
              <a:off x="582167" y="5349239"/>
              <a:ext cx="4075429" cy="1560830"/>
            </a:xfrm>
            <a:custGeom>
              <a:avLst/>
              <a:gdLst/>
              <a:ahLst/>
              <a:cxnLst/>
              <a:rect l="l" t="t" r="r" b="b"/>
              <a:pathLst>
                <a:path w="4075429" h="1560829">
                  <a:moveTo>
                    <a:pt x="0" y="167640"/>
                  </a:moveTo>
                  <a:lnTo>
                    <a:pt x="5961" y="122943"/>
                  </a:lnTo>
                  <a:lnTo>
                    <a:pt x="22803" y="82860"/>
                  </a:lnTo>
                  <a:lnTo>
                    <a:pt x="48958" y="48958"/>
                  </a:lnTo>
                  <a:lnTo>
                    <a:pt x="82860" y="22803"/>
                  </a:lnTo>
                  <a:lnTo>
                    <a:pt x="122943" y="5961"/>
                  </a:lnTo>
                  <a:lnTo>
                    <a:pt x="167639" y="0"/>
                  </a:lnTo>
                  <a:lnTo>
                    <a:pt x="3907535" y="0"/>
                  </a:lnTo>
                  <a:lnTo>
                    <a:pt x="3952232" y="5961"/>
                  </a:lnTo>
                  <a:lnTo>
                    <a:pt x="3992315" y="22803"/>
                  </a:lnTo>
                  <a:lnTo>
                    <a:pt x="4026217" y="48958"/>
                  </a:lnTo>
                  <a:lnTo>
                    <a:pt x="4052372" y="82860"/>
                  </a:lnTo>
                  <a:lnTo>
                    <a:pt x="4069214" y="122943"/>
                  </a:lnTo>
                  <a:lnTo>
                    <a:pt x="4075176" y="167640"/>
                  </a:lnTo>
                  <a:lnTo>
                    <a:pt x="4075176" y="1392941"/>
                  </a:lnTo>
                  <a:lnTo>
                    <a:pt x="4069214" y="1437638"/>
                  </a:lnTo>
                  <a:lnTo>
                    <a:pt x="4052372" y="1477720"/>
                  </a:lnTo>
                  <a:lnTo>
                    <a:pt x="4026217" y="1511622"/>
                  </a:lnTo>
                  <a:lnTo>
                    <a:pt x="3992315" y="1537777"/>
                  </a:lnTo>
                  <a:lnTo>
                    <a:pt x="3952232" y="1554619"/>
                  </a:lnTo>
                  <a:lnTo>
                    <a:pt x="3907535" y="1560581"/>
                  </a:lnTo>
                  <a:lnTo>
                    <a:pt x="167639" y="1560581"/>
                  </a:lnTo>
                  <a:lnTo>
                    <a:pt x="122943" y="1554619"/>
                  </a:lnTo>
                  <a:lnTo>
                    <a:pt x="82860" y="1537777"/>
                  </a:lnTo>
                  <a:lnTo>
                    <a:pt x="48958" y="1511622"/>
                  </a:lnTo>
                  <a:lnTo>
                    <a:pt x="22803" y="1477720"/>
                  </a:lnTo>
                  <a:lnTo>
                    <a:pt x="5961" y="1437638"/>
                  </a:lnTo>
                  <a:lnTo>
                    <a:pt x="0" y="1392941"/>
                  </a:lnTo>
                  <a:lnTo>
                    <a:pt x="0" y="167640"/>
                  </a:lnTo>
                  <a:close/>
                </a:path>
              </a:pathLst>
            </a:custGeom>
            <a:ln w="25908">
              <a:solidFill>
                <a:srgbClr val="FF0000"/>
              </a:solidFill>
            </a:ln>
          </p:spPr>
          <p:txBody>
            <a:bodyPr wrap="square" lIns="0" tIns="0" rIns="0" bIns="0" rtlCol="0"/>
            <a:lstStyle/>
            <a:p>
              <a:endParaRPr sz="1749"/>
            </a:p>
          </p:txBody>
        </p:sp>
      </p:grpSp>
      <p:sp>
        <p:nvSpPr>
          <p:cNvPr id="16" name="object 16"/>
          <p:cNvSpPr txBox="1"/>
          <p:nvPr/>
        </p:nvSpPr>
        <p:spPr>
          <a:xfrm>
            <a:off x="467254" y="4992461"/>
            <a:ext cx="3416329" cy="1179684"/>
          </a:xfrm>
          <a:prstGeom prst="rect">
            <a:avLst/>
          </a:prstGeom>
        </p:spPr>
        <p:txBody>
          <a:bodyPr vert="horz" wrap="square" lIns="0" tIns="10860" rIns="0" bIns="0" rtlCol="0">
            <a:spAutoFit/>
          </a:bodyPr>
          <a:lstStyle/>
          <a:p>
            <a:pPr marL="221538" marR="215023" indent="136833">
              <a:spcBef>
                <a:spcPts val="86"/>
              </a:spcBef>
            </a:pPr>
            <a:r>
              <a:rPr sz="1710" b="1" spc="-13" dirty="0">
                <a:solidFill>
                  <a:srgbClr val="FF0000"/>
                </a:solidFill>
                <a:latin typeface="Meiryo UI"/>
                <a:cs typeface="Meiryo UI"/>
              </a:rPr>
              <a:t>地域インフラ群再生戦略</a:t>
            </a:r>
            <a:r>
              <a:rPr sz="1710" b="1" spc="-30" dirty="0">
                <a:solidFill>
                  <a:srgbClr val="FF0000"/>
                </a:solidFill>
                <a:latin typeface="Meiryo UI"/>
                <a:cs typeface="Meiryo UI"/>
              </a:rPr>
              <a:t>マネジメント(群マネ)の推進</a:t>
            </a:r>
            <a:endParaRPr sz="1710" dirty="0">
              <a:latin typeface="Meiryo UI"/>
              <a:cs typeface="Meiryo UI"/>
            </a:endParaRPr>
          </a:p>
          <a:p>
            <a:pPr marL="10317" marR="4344" algn="ctr">
              <a:spcBef>
                <a:spcPts val="723"/>
              </a:spcBef>
            </a:pPr>
            <a:r>
              <a:rPr sz="1197" spc="-21" dirty="0">
                <a:solidFill>
                  <a:srgbClr val="FF0000"/>
                </a:solidFill>
                <a:latin typeface="Meiryo UI"/>
                <a:cs typeface="Meiryo UI"/>
              </a:rPr>
              <a:t>複数・広域・多分野のインフラを「群」として捉え、</a:t>
            </a:r>
            <a:r>
              <a:rPr sz="1197" spc="-17" dirty="0">
                <a:solidFill>
                  <a:srgbClr val="FF0000"/>
                </a:solidFill>
                <a:latin typeface="Meiryo UI"/>
                <a:cs typeface="Meiryo UI"/>
              </a:rPr>
              <a:t>総合的かつ多角的な視点から戦略的に</a:t>
            </a:r>
            <a:endParaRPr sz="1197" dirty="0">
              <a:latin typeface="Meiryo UI"/>
              <a:cs typeface="Meiryo UI"/>
            </a:endParaRPr>
          </a:p>
          <a:p>
            <a:pPr marL="1086" algn="ctr"/>
            <a:r>
              <a:rPr sz="1197" spc="-21" dirty="0">
                <a:solidFill>
                  <a:srgbClr val="FF0000"/>
                </a:solidFill>
                <a:latin typeface="Meiryo UI"/>
                <a:cs typeface="Meiryo UI"/>
              </a:rPr>
              <a:t>地域のインフラをマネジメントする取組み</a:t>
            </a:r>
            <a:endParaRPr sz="1197" dirty="0">
              <a:latin typeface="Meiryo UI"/>
              <a:cs typeface="Meiryo UI"/>
            </a:endParaRPr>
          </a:p>
        </p:txBody>
      </p:sp>
      <p:grpSp>
        <p:nvGrpSpPr>
          <p:cNvPr id="17" name="object 17"/>
          <p:cNvGrpSpPr/>
          <p:nvPr/>
        </p:nvGrpSpPr>
        <p:grpSpPr>
          <a:xfrm>
            <a:off x="4069786" y="4766988"/>
            <a:ext cx="1364268" cy="882049"/>
            <a:chOff x="4759388" y="5346128"/>
            <a:chExt cx="1603375" cy="780415"/>
          </a:xfrm>
        </p:grpSpPr>
        <p:sp>
          <p:nvSpPr>
            <p:cNvPr id="18" name="object 18"/>
            <p:cNvSpPr/>
            <p:nvPr/>
          </p:nvSpPr>
          <p:spPr>
            <a:xfrm>
              <a:off x="4768596" y="5355335"/>
              <a:ext cx="1584960" cy="762000"/>
            </a:xfrm>
            <a:custGeom>
              <a:avLst/>
              <a:gdLst/>
              <a:ahLst/>
              <a:cxnLst/>
              <a:rect l="l" t="t" r="r" b="b"/>
              <a:pathLst>
                <a:path w="1584960" h="762000">
                  <a:moveTo>
                    <a:pt x="1456943" y="0"/>
                  </a:moveTo>
                  <a:lnTo>
                    <a:pt x="128015" y="0"/>
                  </a:lnTo>
                  <a:lnTo>
                    <a:pt x="78438" y="9906"/>
                  </a:lnTo>
                  <a:lnTo>
                    <a:pt x="37718" y="36956"/>
                  </a:lnTo>
                  <a:lnTo>
                    <a:pt x="10144" y="77152"/>
                  </a:lnTo>
                  <a:lnTo>
                    <a:pt x="0" y="126492"/>
                  </a:lnTo>
                  <a:lnTo>
                    <a:pt x="0" y="635508"/>
                  </a:lnTo>
                  <a:lnTo>
                    <a:pt x="10144" y="684847"/>
                  </a:lnTo>
                  <a:lnTo>
                    <a:pt x="37718" y="725043"/>
                  </a:lnTo>
                  <a:lnTo>
                    <a:pt x="78438" y="752094"/>
                  </a:lnTo>
                  <a:lnTo>
                    <a:pt x="128015" y="762000"/>
                  </a:lnTo>
                  <a:lnTo>
                    <a:pt x="1456943" y="762000"/>
                  </a:lnTo>
                  <a:lnTo>
                    <a:pt x="1506521" y="752093"/>
                  </a:lnTo>
                  <a:lnTo>
                    <a:pt x="1547240" y="725042"/>
                  </a:lnTo>
                  <a:lnTo>
                    <a:pt x="1574815" y="684847"/>
                  </a:lnTo>
                  <a:lnTo>
                    <a:pt x="1584959" y="635508"/>
                  </a:lnTo>
                  <a:lnTo>
                    <a:pt x="1584959" y="126492"/>
                  </a:lnTo>
                  <a:lnTo>
                    <a:pt x="1574815" y="77152"/>
                  </a:lnTo>
                  <a:lnTo>
                    <a:pt x="1547240" y="36956"/>
                  </a:lnTo>
                  <a:lnTo>
                    <a:pt x="1506521" y="9906"/>
                  </a:lnTo>
                  <a:lnTo>
                    <a:pt x="1456943" y="0"/>
                  </a:lnTo>
                  <a:close/>
                </a:path>
              </a:pathLst>
            </a:custGeom>
            <a:solidFill>
              <a:srgbClr val="DDEBF6"/>
            </a:solidFill>
          </p:spPr>
          <p:txBody>
            <a:bodyPr wrap="square" lIns="0" tIns="0" rIns="0" bIns="0" rtlCol="0"/>
            <a:lstStyle/>
            <a:p>
              <a:endParaRPr sz="1749"/>
            </a:p>
          </p:txBody>
        </p:sp>
        <p:sp>
          <p:nvSpPr>
            <p:cNvPr id="19" name="object 19"/>
            <p:cNvSpPr/>
            <p:nvPr/>
          </p:nvSpPr>
          <p:spPr>
            <a:xfrm>
              <a:off x="4768596" y="5355335"/>
              <a:ext cx="1584960" cy="762000"/>
            </a:xfrm>
            <a:custGeom>
              <a:avLst/>
              <a:gdLst/>
              <a:ahLst/>
              <a:cxnLst/>
              <a:rect l="l" t="t" r="r" b="b"/>
              <a:pathLst>
                <a:path w="1584960" h="762000">
                  <a:moveTo>
                    <a:pt x="0" y="126492"/>
                  </a:moveTo>
                  <a:lnTo>
                    <a:pt x="10144" y="77152"/>
                  </a:lnTo>
                  <a:lnTo>
                    <a:pt x="37718" y="36956"/>
                  </a:lnTo>
                  <a:lnTo>
                    <a:pt x="78438" y="9906"/>
                  </a:lnTo>
                  <a:lnTo>
                    <a:pt x="128015" y="0"/>
                  </a:lnTo>
                  <a:lnTo>
                    <a:pt x="1456943" y="0"/>
                  </a:lnTo>
                  <a:lnTo>
                    <a:pt x="1506521" y="9906"/>
                  </a:lnTo>
                  <a:lnTo>
                    <a:pt x="1547240" y="36956"/>
                  </a:lnTo>
                  <a:lnTo>
                    <a:pt x="1574815" y="77152"/>
                  </a:lnTo>
                  <a:lnTo>
                    <a:pt x="1584959" y="126492"/>
                  </a:lnTo>
                  <a:lnTo>
                    <a:pt x="1584959" y="635508"/>
                  </a:lnTo>
                  <a:lnTo>
                    <a:pt x="1574815" y="684847"/>
                  </a:lnTo>
                  <a:lnTo>
                    <a:pt x="1547240" y="725042"/>
                  </a:lnTo>
                  <a:lnTo>
                    <a:pt x="1506521" y="752093"/>
                  </a:lnTo>
                  <a:lnTo>
                    <a:pt x="1456943" y="762000"/>
                  </a:lnTo>
                  <a:lnTo>
                    <a:pt x="128015" y="762000"/>
                  </a:lnTo>
                  <a:lnTo>
                    <a:pt x="78438" y="752094"/>
                  </a:lnTo>
                  <a:lnTo>
                    <a:pt x="37718" y="725043"/>
                  </a:lnTo>
                  <a:lnTo>
                    <a:pt x="10144" y="684847"/>
                  </a:lnTo>
                  <a:lnTo>
                    <a:pt x="0" y="635508"/>
                  </a:lnTo>
                  <a:lnTo>
                    <a:pt x="0" y="126492"/>
                  </a:lnTo>
                  <a:close/>
                </a:path>
              </a:pathLst>
            </a:custGeom>
            <a:ln w="18288">
              <a:solidFill>
                <a:srgbClr val="000000"/>
              </a:solidFill>
            </a:ln>
          </p:spPr>
          <p:txBody>
            <a:bodyPr wrap="square" lIns="0" tIns="0" rIns="0" bIns="0" rtlCol="0"/>
            <a:lstStyle/>
            <a:p>
              <a:endParaRPr sz="1749"/>
            </a:p>
          </p:txBody>
        </p:sp>
      </p:grpSp>
      <p:sp>
        <p:nvSpPr>
          <p:cNvPr id="20" name="object 20"/>
          <p:cNvSpPr txBox="1"/>
          <p:nvPr/>
        </p:nvSpPr>
        <p:spPr>
          <a:xfrm>
            <a:off x="4370441" y="4855226"/>
            <a:ext cx="767792" cy="721545"/>
          </a:xfrm>
          <a:prstGeom prst="rect">
            <a:avLst/>
          </a:prstGeom>
        </p:spPr>
        <p:txBody>
          <a:bodyPr vert="horz" wrap="square" lIns="0" tIns="10860" rIns="0" bIns="0" rtlCol="0">
            <a:spAutoFit/>
          </a:bodyPr>
          <a:lstStyle/>
          <a:p>
            <a:pPr marL="187874" marR="4344" indent="-177557">
              <a:spcBef>
                <a:spcPts val="86"/>
              </a:spcBef>
            </a:pPr>
            <a:r>
              <a:rPr sz="1539" spc="-13" dirty="0">
                <a:latin typeface="Meiryo UI"/>
                <a:cs typeface="Meiryo UI"/>
              </a:rPr>
              <a:t>新技術の</a:t>
            </a:r>
            <a:r>
              <a:rPr sz="1539" spc="-21" dirty="0">
                <a:latin typeface="Meiryo UI"/>
                <a:cs typeface="Meiryo UI"/>
              </a:rPr>
              <a:t>活用</a:t>
            </a:r>
            <a:endParaRPr sz="1539" dirty="0">
              <a:latin typeface="Meiryo UI"/>
              <a:cs typeface="Meiryo UI"/>
            </a:endParaRPr>
          </a:p>
        </p:txBody>
      </p:sp>
      <p:grpSp>
        <p:nvGrpSpPr>
          <p:cNvPr id="21" name="object 21"/>
          <p:cNvGrpSpPr/>
          <p:nvPr/>
        </p:nvGrpSpPr>
        <p:grpSpPr>
          <a:xfrm>
            <a:off x="5763760" y="4380610"/>
            <a:ext cx="819919" cy="384439"/>
            <a:chOff x="6736080" y="4771644"/>
            <a:chExt cx="958850" cy="449580"/>
          </a:xfrm>
        </p:grpSpPr>
        <p:sp>
          <p:nvSpPr>
            <p:cNvPr id="22" name="object 22"/>
            <p:cNvSpPr/>
            <p:nvPr/>
          </p:nvSpPr>
          <p:spPr>
            <a:xfrm>
              <a:off x="6739128" y="4774692"/>
              <a:ext cx="952500" cy="443865"/>
            </a:xfrm>
            <a:custGeom>
              <a:avLst/>
              <a:gdLst/>
              <a:ahLst/>
              <a:cxnLst/>
              <a:rect l="l" t="t" r="r" b="b"/>
              <a:pathLst>
                <a:path w="952500" h="443864">
                  <a:moveTo>
                    <a:pt x="714755" y="0"/>
                  </a:moveTo>
                  <a:lnTo>
                    <a:pt x="237744" y="0"/>
                  </a:lnTo>
                  <a:lnTo>
                    <a:pt x="237744" y="222504"/>
                  </a:lnTo>
                  <a:lnTo>
                    <a:pt x="0" y="222504"/>
                  </a:lnTo>
                  <a:lnTo>
                    <a:pt x="475488" y="443484"/>
                  </a:lnTo>
                  <a:lnTo>
                    <a:pt x="952500" y="222504"/>
                  </a:lnTo>
                  <a:lnTo>
                    <a:pt x="714755" y="222504"/>
                  </a:lnTo>
                  <a:lnTo>
                    <a:pt x="714755" y="0"/>
                  </a:lnTo>
                  <a:close/>
                </a:path>
              </a:pathLst>
            </a:custGeom>
            <a:solidFill>
              <a:srgbClr val="DDEBF6"/>
            </a:solidFill>
          </p:spPr>
          <p:txBody>
            <a:bodyPr wrap="square" lIns="0" tIns="0" rIns="0" bIns="0" rtlCol="0"/>
            <a:lstStyle/>
            <a:p>
              <a:endParaRPr sz="1749"/>
            </a:p>
          </p:txBody>
        </p:sp>
        <p:sp>
          <p:nvSpPr>
            <p:cNvPr id="23" name="object 23"/>
            <p:cNvSpPr/>
            <p:nvPr/>
          </p:nvSpPr>
          <p:spPr>
            <a:xfrm>
              <a:off x="6739128" y="4774692"/>
              <a:ext cx="952500" cy="443865"/>
            </a:xfrm>
            <a:custGeom>
              <a:avLst/>
              <a:gdLst/>
              <a:ahLst/>
              <a:cxnLst/>
              <a:rect l="l" t="t" r="r" b="b"/>
              <a:pathLst>
                <a:path w="952500" h="443864">
                  <a:moveTo>
                    <a:pt x="714755" y="0"/>
                  </a:moveTo>
                  <a:lnTo>
                    <a:pt x="714755" y="222504"/>
                  </a:lnTo>
                  <a:lnTo>
                    <a:pt x="952500" y="222504"/>
                  </a:lnTo>
                  <a:lnTo>
                    <a:pt x="475488" y="443484"/>
                  </a:lnTo>
                  <a:lnTo>
                    <a:pt x="0" y="222504"/>
                  </a:lnTo>
                  <a:lnTo>
                    <a:pt x="237744" y="222504"/>
                  </a:lnTo>
                  <a:lnTo>
                    <a:pt x="237744" y="0"/>
                  </a:lnTo>
                  <a:lnTo>
                    <a:pt x="714755" y="0"/>
                  </a:lnTo>
                  <a:close/>
                </a:path>
              </a:pathLst>
            </a:custGeom>
            <a:ln w="6096">
              <a:solidFill>
                <a:srgbClr val="000000"/>
              </a:solidFill>
            </a:ln>
          </p:spPr>
          <p:txBody>
            <a:bodyPr wrap="square" lIns="0" tIns="0" rIns="0" bIns="0" rtlCol="0"/>
            <a:lstStyle/>
            <a:p>
              <a:endParaRPr sz="1749"/>
            </a:p>
          </p:txBody>
        </p:sp>
      </p:grpSp>
      <p:grpSp>
        <p:nvGrpSpPr>
          <p:cNvPr id="24" name="object 24"/>
          <p:cNvGrpSpPr/>
          <p:nvPr/>
        </p:nvGrpSpPr>
        <p:grpSpPr>
          <a:xfrm>
            <a:off x="5488952" y="4764382"/>
            <a:ext cx="1371057" cy="882050"/>
            <a:chOff x="6419024" y="5343080"/>
            <a:chExt cx="1603375" cy="782320"/>
          </a:xfrm>
        </p:grpSpPr>
        <p:sp>
          <p:nvSpPr>
            <p:cNvPr id="25" name="object 25"/>
            <p:cNvSpPr/>
            <p:nvPr/>
          </p:nvSpPr>
          <p:spPr>
            <a:xfrm>
              <a:off x="6428231" y="5352287"/>
              <a:ext cx="1584960" cy="763905"/>
            </a:xfrm>
            <a:custGeom>
              <a:avLst/>
              <a:gdLst/>
              <a:ahLst/>
              <a:cxnLst/>
              <a:rect l="l" t="t" r="r" b="b"/>
              <a:pathLst>
                <a:path w="1584959" h="763904">
                  <a:moveTo>
                    <a:pt x="1456943" y="0"/>
                  </a:moveTo>
                  <a:lnTo>
                    <a:pt x="128015" y="0"/>
                  </a:lnTo>
                  <a:lnTo>
                    <a:pt x="78438" y="10144"/>
                  </a:lnTo>
                  <a:lnTo>
                    <a:pt x="37718" y="37718"/>
                  </a:lnTo>
                  <a:lnTo>
                    <a:pt x="10144" y="78438"/>
                  </a:lnTo>
                  <a:lnTo>
                    <a:pt x="0" y="128016"/>
                  </a:lnTo>
                  <a:lnTo>
                    <a:pt x="0" y="635508"/>
                  </a:lnTo>
                  <a:lnTo>
                    <a:pt x="10144" y="685085"/>
                  </a:lnTo>
                  <a:lnTo>
                    <a:pt x="37719" y="725805"/>
                  </a:lnTo>
                  <a:lnTo>
                    <a:pt x="78438" y="753379"/>
                  </a:lnTo>
                  <a:lnTo>
                    <a:pt x="128015" y="763524"/>
                  </a:lnTo>
                  <a:lnTo>
                    <a:pt x="1456943" y="763524"/>
                  </a:lnTo>
                  <a:lnTo>
                    <a:pt x="1506521" y="753379"/>
                  </a:lnTo>
                  <a:lnTo>
                    <a:pt x="1547240" y="725805"/>
                  </a:lnTo>
                  <a:lnTo>
                    <a:pt x="1574815" y="685085"/>
                  </a:lnTo>
                  <a:lnTo>
                    <a:pt x="1584960" y="635508"/>
                  </a:lnTo>
                  <a:lnTo>
                    <a:pt x="1584960" y="128016"/>
                  </a:lnTo>
                  <a:lnTo>
                    <a:pt x="1574815" y="78438"/>
                  </a:lnTo>
                  <a:lnTo>
                    <a:pt x="1547240" y="37719"/>
                  </a:lnTo>
                  <a:lnTo>
                    <a:pt x="1506521" y="10144"/>
                  </a:lnTo>
                  <a:lnTo>
                    <a:pt x="1456943" y="0"/>
                  </a:lnTo>
                  <a:close/>
                </a:path>
              </a:pathLst>
            </a:custGeom>
            <a:solidFill>
              <a:srgbClr val="DDEBF6"/>
            </a:solidFill>
          </p:spPr>
          <p:txBody>
            <a:bodyPr wrap="square" lIns="0" tIns="0" rIns="0" bIns="0" rtlCol="0"/>
            <a:lstStyle/>
            <a:p>
              <a:endParaRPr sz="1749"/>
            </a:p>
          </p:txBody>
        </p:sp>
        <p:sp>
          <p:nvSpPr>
            <p:cNvPr id="26" name="object 26"/>
            <p:cNvSpPr/>
            <p:nvPr/>
          </p:nvSpPr>
          <p:spPr>
            <a:xfrm>
              <a:off x="6428231" y="5352287"/>
              <a:ext cx="1584960" cy="763905"/>
            </a:xfrm>
            <a:custGeom>
              <a:avLst/>
              <a:gdLst/>
              <a:ahLst/>
              <a:cxnLst/>
              <a:rect l="l" t="t" r="r" b="b"/>
              <a:pathLst>
                <a:path w="1584959" h="763904">
                  <a:moveTo>
                    <a:pt x="0" y="128016"/>
                  </a:moveTo>
                  <a:lnTo>
                    <a:pt x="10144" y="78438"/>
                  </a:lnTo>
                  <a:lnTo>
                    <a:pt x="37718" y="37718"/>
                  </a:lnTo>
                  <a:lnTo>
                    <a:pt x="78438" y="10144"/>
                  </a:lnTo>
                  <a:lnTo>
                    <a:pt x="128015" y="0"/>
                  </a:lnTo>
                  <a:lnTo>
                    <a:pt x="1456943" y="0"/>
                  </a:lnTo>
                  <a:lnTo>
                    <a:pt x="1506521" y="10144"/>
                  </a:lnTo>
                  <a:lnTo>
                    <a:pt x="1547240" y="37719"/>
                  </a:lnTo>
                  <a:lnTo>
                    <a:pt x="1574815" y="78438"/>
                  </a:lnTo>
                  <a:lnTo>
                    <a:pt x="1584960" y="128016"/>
                  </a:lnTo>
                  <a:lnTo>
                    <a:pt x="1584960" y="635508"/>
                  </a:lnTo>
                  <a:lnTo>
                    <a:pt x="1574815" y="685085"/>
                  </a:lnTo>
                  <a:lnTo>
                    <a:pt x="1547240" y="725805"/>
                  </a:lnTo>
                  <a:lnTo>
                    <a:pt x="1506521" y="753379"/>
                  </a:lnTo>
                  <a:lnTo>
                    <a:pt x="1456943" y="763524"/>
                  </a:lnTo>
                  <a:lnTo>
                    <a:pt x="128015" y="763524"/>
                  </a:lnTo>
                  <a:lnTo>
                    <a:pt x="78438" y="753379"/>
                  </a:lnTo>
                  <a:lnTo>
                    <a:pt x="37719" y="725805"/>
                  </a:lnTo>
                  <a:lnTo>
                    <a:pt x="10144" y="685085"/>
                  </a:lnTo>
                  <a:lnTo>
                    <a:pt x="0" y="635508"/>
                  </a:lnTo>
                  <a:lnTo>
                    <a:pt x="0" y="128016"/>
                  </a:lnTo>
                  <a:close/>
                </a:path>
              </a:pathLst>
            </a:custGeom>
            <a:ln w="18287">
              <a:solidFill>
                <a:srgbClr val="000000"/>
              </a:solidFill>
            </a:ln>
          </p:spPr>
          <p:txBody>
            <a:bodyPr wrap="square" lIns="0" tIns="0" rIns="0" bIns="0" rtlCol="0"/>
            <a:lstStyle/>
            <a:p>
              <a:endParaRPr sz="1749"/>
            </a:p>
          </p:txBody>
        </p:sp>
      </p:grpSp>
      <p:sp>
        <p:nvSpPr>
          <p:cNvPr id="27" name="object 27"/>
          <p:cNvSpPr txBox="1"/>
          <p:nvPr/>
        </p:nvSpPr>
        <p:spPr>
          <a:xfrm>
            <a:off x="5628012" y="4852618"/>
            <a:ext cx="1091416" cy="721545"/>
          </a:xfrm>
          <a:prstGeom prst="rect">
            <a:avLst/>
          </a:prstGeom>
        </p:spPr>
        <p:txBody>
          <a:bodyPr vert="horz" wrap="square" lIns="0" tIns="10860" rIns="0" bIns="0" rtlCol="0">
            <a:spAutoFit/>
          </a:bodyPr>
          <a:lstStyle/>
          <a:p>
            <a:pPr marL="172127" marR="4344" indent="-161811">
              <a:spcBef>
                <a:spcPts val="86"/>
              </a:spcBef>
            </a:pPr>
            <a:r>
              <a:rPr sz="1539" spc="-30" dirty="0">
                <a:latin typeface="Meiryo UI"/>
                <a:cs typeface="Meiryo UI"/>
              </a:rPr>
              <a:t>デジタルデータ</a:t>
            </a:r>
            <a:r>
              <a:rPr sz="1539" spc="-17" dirty="0">
                <a:latin typeface="Meiryo UI"/>
                <a:cs typeface="Meiryo UI"/>
              </a:rPr>
              <a:t>の利活用</a:t>
            </a:r>
            <a:endParaRPr sz="1539">
              <a:latin typeface="Meiryo UI"/>
              <a:cs typeface="Meiryo UI"/>
            </a:endParaRPr>
          </a:p>
        </p:txBody>
      </p:sp>
      <p:grpSp>
        <p:nvGrpSpPr>
          <p:cNvPr id="28" name="object 28"/>
          <p:cNvGrpSpPr/>
          <p:nvPr/>
        </p:nvGrpSpPr>
        <p:grpSpPr>
          <a:xfrm>
            <a:off x="6905512" y="4764382"/>
            <a:ext cx="1369971" cy="871668"/>
            <a:chOff x="8075612" y="5343080"/>
            <a:chExt cx="1602105" cy="782320"/>
          </a:xfrm>
        </p:grpSpPr>
        <p:sp>
          <p:nvSpPr>
            <p:cNvPr id="29" name="object 29"/>
            <p:cNvSpPr/>
            <p:nvPr/>
          </p:nvSpPr>
          <p:spPr>
            <a:xfrm>
              <a:off x="8084820" y="5352287"/>
              <a:ext cx="1583690" cy="763905"/>
            </a:xfrm>
            <a:custGeom>
              <a:avLst/>
              <a:gdLst/>
              <a:ahLst/>
              <a:cxnLst/>
              <a:rect l="l" t="t" r="r" b="b"/>
              <a:pathLst>
                <a:path w="1583690" h="763904">
                  <a:moveTo>
                    <a:pt x="1456944" y="0"/>
                  </a:moveTo>
                  <a:lnTo>
                    <a:pt x="126491" y="0"/>
                  </a:lnTo>
                  <a:lnTo>
                    <a:pt x="77152" y="10144"/>
                  </a:lnTo>
                  <a:lnTo>
                    <a:pt x="36956" y="37718"/>
                  </a:lnTo>
                  <a:lnTo>
                    <a:pt x="9905" y="78438"/>
                  </a:lnTo>
                  <a:lnTo>
                    <a:pt x="0" y="128016"/>
                  </a:lnTo>
                  <a:lnTo>
                    <a:pt x="0" y="635508"/>
                  </a:lnTo>
                  <a:lnTo>
                    <a:pt x="9905" y="685085"/>
                  </a:lnTo>
                  <a:lnTo>
                    <a:pt x="36956" y="725805"/>
                  </a:lnTo>
                  <a:lnTo>
                    <a:pt x="77152" y="753379"/>
                  </a:lnTo>
                  <a:lnTo>
                    <a:pt x="126491" y="763524"/>
                  </a:lnTo>
                  <a:lnTo>
                    <a:pt x="1456944" y="763524"/>
                  </a:lnTo>
                  <a:lnTo>
                    <a:pt x="1506283" y="753379"/>
                  </a:lnTo>
                  <a:lnTo>
                    <a:pt x="1546478" y="725805"/>
                  </a:lnTo>
                  <a:lnTo>
                    <a:pt x="1573529" y="685085"/>
                  </a:lnTo>
                  <a:lnTo>
                    <a:pt x="1583435" y="635508"/>
                  </a:lnTo>
                  <a:lnTo>
                    <a:pt x="1583435" y="128016"/>
                  </a:lnTo>
                  <a:lnTo>
                    <a:pt x="1573529" y="78438"/>
                  </a:lnTo>
                  <a:lnTo>
                    <a:pt x="1546478" y="37719"/>
                  </a:lnTo>
                  <a:lnTo>
                    <a:pt x="1506283" y="10144"/>
                  </a:lnTo>
                  <a:lnTo>
                    <a:pt x="1456944" y="0"/>
                  </a:lnTo>
                  <a:close/>
                </a:path>
              </a:pathLst>
            </a:custGeom>
            <a:solidFill>
              <a:srgbClr val="DDEBF6"/>
            </a:solidFill>
          </p:spPr>
          <p:txBody>
            <a:bodyPr wrap="square" lIns="0" tIns="0" rIns="0" bIns="0" rtlCol="0"/>
            <a:lstStyle/>
            <a:p>
              <a:endParaRPr sz="1749"/>
            </a:p>
          </p:txBody>
        </p:sp>
        <p:sp>
          <p:nvSpPr>
            <p:cNvPr id="30" name="object 30"/>
            <p:cNvSpPr/>
            <p:nvPr/>
          </p:nvSpPr>
          <p:spPr>
            <a:xfrm>
              <a:off x="8084820" y="5352287"/>
              <a:ext cx="1583690" cy="763905"/>
            </a:xfrm>
            <a:custGeom>
              <a:avLst/>
              <a:gdLst/>
              <a:ahLst/>
              <a:cxnLst/>
              <a:rect l="l" t="t" r="r" b="b"/>
              <a:pathLst>
                <a:path w="1583690" h="763904">
                  <a:moveTo>
                    <a:pt x="0" y="128016"/>
                  </a:moveTo>
                  <a:lnTo>
                    <a:pt x="9905" y="78438"/>
                  </a:lnTo>
                  <a:lnTo>
                    <a:pt x="36956" y="37718"/>
                  </a:lnTo>
                  <a:lnTo>
                    <a:pt x="77152" y="10144"/>
                  </a:lnTo>
                  <a:lnTo>
                    <a:pt x="126491" y="0"/>
                  </a:lnTo>
                  <a:lnTo>
                    <a:pt x="1456944" y="0"/>
                  </a:lnTo>
                  <a:lnTo>
                    <a:pt x="1506283" y="10144"/>
                  </a:lnTo>
                  <a:lnTo>
                    <a:pt x="1546478" y="37719"/>
                  </a:lnTo>
                  <a:lnTo>
                    <a:pt x="1573529" y="78438"/>
                  </a:lnTo>
                  <a:lnTo>
                    <a:pt x="1583435" y="128016"/>
                  </a:lnTo>
                  <a:lnTo>
                    <a:pt x="1583435" y="635508"/>
                  </a:lnTo>
                  <a:lnTo>
                    <a:pt x="1573529" y="685085"/>
                  </a:lnTo>
                  <a:lnTo>
                    <a:pt x="1546478" y="725805"/>
                  </a:lnTo>
                  <a:lnTo>
                    <a:pt x="1506283" y="753379"/>
                  </a:lnTo>
                  <a:lnTo>
                    <a:pt x="1456944" y="763524"/>
                  </a:lnTo>
                  <a:lnTo>
                    <a:pt x="126491" y="763524"/>
                  </a:lnTo>
                  <a:lnTo>
                    <a:pt x="77152" y="753379"/>
                  </a:lnTo>
                  <a:lnTo>
                    <a:pt x="36956" y="725805"/>
                  </a:lnTo>
                  <a:lnTo>
                    <a:pt x="9905" y="685085"/>
                  </a:lnTo>
                  <a:lnTo>
                    <a:pt x="0" y="635508"/>
                  </a:lnTo>
                  <a:lnTo>
                    <a:pt x="0" y="128016"/>
                  </a:lnTo>
                  <a:close/>
                </a:path>
              </a:pathLst>
            </a:custGeom>
            <a:ln w="18287">
              <a:solidFill>
                <a:srgbClr val="000000"/>
              </a:solidFill>
            </a:ln>
          </p:spPr>
          <p:txBody>
            <a:bodyPr wrap="square" lIns="0" tIns="0" rIns="0" bIns="0" rtlCol="0"/>
            <a:lstStyle/>
            <a:p>
              <a:endParaRPr sz="1749"/>
            </a:p>
          </p:txBody>
        </p:sp>
      </p:grpSp>
      <p:sp>
        <p:nvSpPr>
          <p:cNvPr id="31" name="object 31"/>
          <p:cNvSpPr txBox="1"/>
          <p:nvPr/>
        </p:nvSpPr>
        <p:spPr>
          <a:xfrm>
            <a:off x="6980716" y="4852618"/>
            <a:ext cx="1219562" cy="721545"/>
          </a:xfrm>
          <a:prstGeom prst="rect">
            <a:avLst/>
          </a:prstGeom>
        </p:spPr>
        <p:txBody>
          <a:bodyPr vert="horz" wrap="square" lIns="0" tIns="10860" rIns="0" bIns="0" rtlCol="0">
            <a:spAutoFit/>
          </a:bodyPr>
          <a:lstStyle/>
          <a:p>
            <a:pPr marL="10860" marR="4344" indent="158553">
              <a:spcBef>
                <a:spcPts val="86"/>
              </a:spcBef>
            </a:pPr>
            <a:r>
              <a:rPr sz="1539" dirty="0">
                <a:latin typeface="Meiryo UI"/>
                <a:cs typeface="Meiryo UI"/>
              </a:rPr>
              <a:t>国民参加・</a:t>
            </a:r>
            <a:r>
              <a:rPr sz="1539" spc="-21" dirty="0">
                <a:latin typeface="Meiryo UI"/>
                <a:cs typeface="Meiryo UI"/>
              </a:rPr>
              <a:t>パートナーシップ</a:t>
            </a:r>
            <a:endParaRPr sz="1539" dirty="0">
              <a:latin typeface="Meiryo UI"/>
              <a:cs typeface="Meiryo UI"/>
            </a:endParaRPr>
          </a:p>
        </p:txBody>
      </p:sp>
      <p:grpSp>
        <p:nvGrpSpPr>
          <p:cNvPr id="32" name="object 32"/>
          <p:cNvGrpSpPr/>
          <p:nvPr/>
        </p:nvGrpSpPr>
        <p:grpSpPr>
          <a:xfrm>
            <a:off x="7102999" y="4410743"/>
            <a:ext cx="821004" cy="384439"/>
            <a:chOff x="8363711" y="4759452"/>
            <a:chExt cx="960119" cy="449580"/>
          </a:xfrm>
        </p:grpSpPr>
        <p:sp>
          <p:nvSpPr>
            <p:cNvPr id="33" name="object 33"/>
            <p:cNvSpPr/>
            <p:nvPr/>
          </p:nvSpPr>
          <p:spPr>
            <a:xfrm>
              <a:off x="8366759" y="4762500"/>
              <a:ext cx="954405" cy="443865"/>
            </a:xfrm>
            <a:custGeom>
              <a:avLst/>
              <a:gdLst/>
              <a:ahLst/>
              <a:cxnLst/>
              <a:rect l="l" t="t" r="r" b="b"/>
              <a:pathLst>
                <a:path w="954404" h="443864">
                  <a:moveTo>
                    <a:pt x="716280" y="0"/>
                  </a:moveTo>
                  <a:lnTo>
                    <a:pt x="239268" y="0"/>
                  </a:lnTo>
                  <a:lnTo>
                    <a:pt x="239268" y="220980"/>
                  </a:lnTo>
                  <a:lnTo>
                    <a:pt x="0" y="220980"/>
                  </a:lnTo>
                  <a:lnTo>
                    <a:pt x="477012" y="443484"/>
                  </a:lnTo>
                  <a:lnTo>
                    <a:pt x="954024" y="220980"/>
                  </a:lnTo>
                  <a:lnTo>
                    <a:pt x="716280" y="220980"/>
                  </a:lnTo>
                  <a:lnTo>
                    <a:pt x="716280" y="0"/>
                  </a:lnTo>
                  <a:close/>
                </a:path>
              </a:pathLst>
            </a:custGeom>
            <a:solidFill>
              <a:srgbClr val="DDEBF6"/>
            </a:solidFill>
          </p:spPr>
          <p:txBody>
            <a:bodyPr wrap="square" lIns="0" tIns="0" rIns="0" bIns="0" rtlCol="0"/>
            <a:lstStyle/>
            <a:p>
              <a:endParaRPr sz="1749"/>
            </a:p>
          </p:txBody>
        </p:sp>
        <p:sp>
          <p:nvSpPr>
            <p:cNvPr id="34" name="object 34"/>
            <p:cNvSpPr/>
            <p:nvPr/>
          </p:nvSpPr>
          <p:spPr>
            <a:xfrm>
              <a:off x="8366759" y="4762500"/>
              <a:ext cx="954405" cy="443865"/>
            </a:xfrm>
            <a:custGeom>
              <a:avLst/>
              <a:gdLst/>
              <a:ahLst/>
              <a:cxnLst/>
              <a:rect l="l" t="t" r="r" b="b"/>
              <a:pathLst>
                <a:path w="954404" h="443864">
                  <a:moveTo>
                    <a:pt x="716280" y="0"/>
                  </a:moveTo>
                  <a:lnTo>
                    <a:pt x="716280" y="220980"/>
                  </a:lnTo>
                  <a:lnTo>
                    <a:pt x="954024" y="220980"/>
                  </a:lnTo>
                  <a:lnTo>
                    <a:pt x="477012" y="443484"/>
                  </a:lnTo>
                  <a:lnTo>
                    <a:pt x="0" y="220980"/>
                  </a:lnTo>
                  <a:lnTo>
                    <a:pt x="239268" y="220980"/>
                  </a:lnTo>
                  <a:lnTo>
                    <a:pt x="239268" y="0"/>
                  </a:lnTo>
                  <a:lnTo>
                    <a:pt x="716280" y="0"/>
                  </a:lnTo>
                  <a:close/>
                </a:path>
              </a:pathLst>
            </a:custGeom>
            <a:ln w="6096">
              <a:solidFill>
                <a:srgbClr val="000000"/>
              </a:solidFill>
            </a:ln>
          </p:spPr>
          <p:txBody>
            <a:bodyPr wrap="square" lIns="0" tIns="0" rIns="0" bIns="0" rtlCol="0"/>
            <a:lstStyle/>
            <a:p>
              <a:endParaRPr sz="1749"/>
            </a:p>
          </p:txBody>
        </p:sp>
      </p:grpSp>
      <p:sp>
        <p:nvSpPr>
          <p:cNvPr id="35" name="object 35"/>
          <p:cNvSpPr txBox="1"/>
          <p:nvPr/>
        </p:nvSpPr>
        <p:spPr>
          <a:xfrm>
            <a:off x="8339936" y="4929506"/>
            <a:ext cx="345343" cy="537264"/>
          </a:xfrm>
          <a:prstGeom prst="rect">
            <a:avLst/>
          </a:prstGeom>
        </p:spPr>
        <p:txBody>
          <a:bodyPr vert="horz" wrap="square" lIns="0" tIns="10860" rIns="0" bIns="0" rtlCol="0">
            <a:spAutoFit/>
          </a:bodyPr>
          <a:lstStyle/>
          <a:p>
            <a:pPr marL="10860">
              <a:spcBef>
                <a:spcPts val="86"/>
              </a:spcBef>
            </a:pPr>
            <a:r>
              <a:rPr sz="1710" spc="-21" dirty="0">
                <a:latin typeface="Meiryo UI"/>
                <a:cs typeface="Meiryo UI"/>
              </a:rPr>
              <a:t>など</a:t>
            </a:r>
            <a:endParaRPr sz="1710">
              <a:latin typeface="Meiryo UI"/>
              <a:cs typeface="Meiryo UI"/>
            </a:endParaRPr>
          </a:p>
        </p:txBody>
      </p:sp>
      <p:sp>
        <p:nvSpPr>
          <p:cNvPr id="36" name="object 36"/>
          <p:cNvSpPr/>
          <p:nvPr/>
        </p:nvSpPr>
        <p:spPr>
          <a:xfrm>
            <a:off x="687507" y="5582303"/>
            <a:ext cx="3034243" cy="576115"/>
          </a:xfrm>
          <a:custGeom>
            <a:avLst/>
            <a:gdLst/>
            <a:ahLst/>
            <a:cxnLst/>
            <a:rect l="l" t="t" r="r" b="b"/>
            <a:pathLst>
              <a:path w="3548379" h="673734">
                <a:moveTo>
                  <a:pt x="112776" y="673613"/>
                </a:moveTo>
                <a:lnTo>
                  <a:pt x="68794" y="664778"/>
                </a:lnTo>
                <a:lnTo>
                  <a:pt x="32956" y="640656"/>
                </a:lnTo>
                <a:lnTo>
                  <a:pt x="8834" y="604818"/>
                </a:lnTo>
                <a:lnTo>
                  <a:pt x="0" y="560837"/>
                </a:lnTo>
                <a:lnTo>
                  <a:pt x="0" y="111252"/>
                </a:lnTo>
                <a:lnTo>
                  <a:pt x="8834" y="68151"/>
                </a:lnTo>
                <a:lnTo>
                  <a:pt x="32956" y="32766"/>
                </a:lnTo>
                <a:lnTo>
                  <a:pt x="68794" y="8810"/>
                </a:lnTo>
                <a:lnTo>
                  <a:pt x="112776" y="0"/>
                </a:lnTo>
              </a:path>
              <a:path w="3548379" h="673734">
                <a:moveTo>
                  <a:pt x="3436619" y="0"/>
                </a:moveTo>
                <a:lnTo>
                  <a:pt x="3479720" y="8810"/>
                </a:lnTo>
                <a:lnTo>
                  <a:pt x="3515105" y="32766"/>
                </a:lnTo>
                <a:lnTo>
                  <a:pt x="3539061" y="68151"/>
                </a:lnTo>
                <a:lnTo>
                  <a:pt x="3547872" y="111252"/>
                </a:lnTo>
                <a:lnTo>
                  <a:pt x="3547872" y="560837"/>
                </a:lnTo>
                <a:lnTo>
                  <a:pt x="3539061" y="604818"/>
                </a:lnTo>
                <a:lnTo>
                  <a:pt x="3515105" y="640656"/>
                </a:lnTo>
                <a:lnTo>
                  <a:pt x="3479720" y="664778"/>
                </a:lnTo>
                <a:lnTo>
                  <a:pt x="3436619" y="673613"/>
                </a:lnTo>
              </a:path>
            </a:pathLst>
          </a:custGeom>
          <a:ln w="9144">
            <a:solidFill>
              <a:srgbClr val="FF0000"/>
            </a:solidFill>
          </a:ln>
        </p:spPr>
        <p:txBody>
          <a:bodyPr wrap="square" lIns="0" tIns="0" rIns="0" bIns="0" rtlCol="0"/>
          <a:lstStyle/>
          <a:p>
            <a:endParaRPr sz="1749"/>
          </a:p>
        </p:txBody>
      </p:sp>
      <p:sp>
        <p:nvSpPr>
          <p:cNvPr id="37" name="object 37"/>
          <p:cNvSpPr/>
          <p:nvPr/>
        </p:nvSpPr>
        <p:spPr>
          <a:xfrm>
            <a:off x="1796569" y="4366292"/>
            <a:ext cx="816118" cy="379552"/>
          </a:xfrm>
          <a:custGeom>
            <a:avLst/>
            <a:gdLst/>
            <a:ahLst/>
            <a:cxnLst/>
            <a:rect l="l" t="t" r="r" b="b"/>
            <a:pathLst>
              <a:path w="954405" h="443864">
                <a:moveTo>
                  <a:pt x="714756" y="0"/>
                </a:moveTo>
                <a:lnTo>
                  <a:pt x="239268" y="0"/>
                </a:lnTo>
                <a:lnTo>
                  <a:pt x="239268" y="220980"/>
                </a:lnTo>
                <a:lnTo>
                  <a:pt x="0" y="220980"/>
                </a:lnTo>
                <a:lnTo>
                  <a:pt x="477012" y="443484"/>
                </a:lnTo>
                <a:lnTo>
                  <a:pt x="954024" y="220980"/>
                </a:lnTo>
                <a:lnTo>
                  <a:pt x="714756" y="220980"/>
                </a:lnTo>
                <a:lnTo>
                  <a:pt x="714756" y="0"/>
                </a:lnTo>
                <a:close/>
              </a:path>
            </a:pathLst>
          </a:custGeom>
          <a:solidFill>
            <a:srgbClr val="FF0000"/>
          </a:solidFill>
        </p:spPr>
        <p:txBody>
          <a:bodyPr wrap="square" lIns="0" tIns="0" rIns="0" bIns="0" rtlCol="0"/>
          <a:lstStyle/>
          <a:p>
            <a:endParaRPr sz="1749"/>
          </a:p>
        </p:txBody>
      </p:sp>
      <p:sp>
        <p:nvSpPr>
          <p:cNvPr id="38" name="object 38"/>
          <p:cNvSpPr txBox="1"/>
          <p:nvPr/>
        </p:nvSpPr>
        <p:spPr>
          <a:xfrm>
            <a:off x="630741" y="3456041"/>
            <a:ext cx="7819097" cy="882050"/>
          </a:xfrm>
          <a:prstGeom prst="rect">
            <a:avLst/>
          </a:prstGeom>
          <a:ln w="9144">
            <a:solidFill>
              <a:srgbClr val="000000"/>
            </a:solidFill>
          </a:ln>
        </p:spPr>
        <p:txBody>
          <a:bodyPr vert="horz" wrap="square" lIns="0" tIns="39638" rIns="0" bIns="0" rtlCol="0">
            <a:spAutoFit/>
          </a:bodyPr>
          <a:lstStyle/>
          <a:p>
            <a:pPr marL="76561" marR="153666" indent="115657" algn="just">
              <a:spcBef>
                <a:spcPts val="312"/>
              </a:spcBef>
            </a:pPr>
            <a:r>
              <a:rPr sz="1368" spc="-26" dirty="0">
                <a:latin typeface="Meiryo UI"/>
                <a:cs typeface="Meiryo UI"/>
              </a:rPr>
              <a:t>市区町村及び地域事業者における課題等を踏まえ、</a:t>
            </a:r>
            <a:r>
              <a:rPr sz="1368" u="sng" spc="-26" dirty="0">
                <a:uFill>
                  <a:solidFill>
                    <a:srgbClr val="000000"/>
                  </a:solidFill>
                </a:uFill>
                <a:latin typeface="Meiryo UI"/>
                <a:cs typeface="Meiryo UI"/>
              </a:rPr>
              <a:t>インフラメンテナンスを効率化・高度化する様々な取組み</a:t>
            </a:r>
            <a:r>
              <a:rPr sz="1368" spc="-26" dirty="0">
                <a:latin typeface="Meiryo UI"/>
                <a:cs typeface="Meiryo UI"/>
              </a:rPr>
              <a:t>に加え、</a:t>
            </a:r>
            <a:r>
              <a:rPr sz="1368" u="sng" spc="-26" dirty="0">
                <a:uFill>
                  <a:solidFill>
                    <a:srgbClr val="000000"/>
                  </a:solidFill>
                </a:uFill>
                <a:latin typeface="Meiryo UI"/>
                <a:cs typeface="Meiryo UI"/>
              </a:rPr>
              <a:t>個別施設のメンテナンスだけでなく、発展させた考え方のもと、インフラ施設の必要な機能・性能を維持</a:t>
            </a:r>
            <a:r>
              <a:rPr sz="1368" spc="-43" dirty="0">
                <a:latin typeface="Meiryo UI"/>
                <a:cs typeface="Meiryo UI"/>
              </a:rPr>
              <a:t>し</a:t>
            </a:r>
            <a:r>
              <a:rPr sz="1368" spc="-30" dirty="0">
                <a:latin typeface="Meiryo UI"/>
                <a:cs typeface="Meiryo UI"/>
              </a:rPr>
              <a:t>国民・市民からの信頼を確保し続けた上で、よりよい地域社会を創造していく必要がある</a:t>
            </a:r>
            <a:endParaRPr sz="1368">
              <a:latin typeface="Meiryo UI"/>
              <a:cs typeface="Meiryo UI"/>
            </a:endParaRPr>
          </a:p>
        </p:txBody>
      </p:sp>
      <p:sp>
        <p:nvSpPr>
          <p:cNvPr id="39" name="object 39"/>
          <p:cNvSpPr/>
          <p:nvPr/>
        </p:nvSpPr>
        <p:spPr>
          <a:xfrm>
            <a:off x="1873977" y="2231050"/>
            <a:ext cx="1071325" cy="216654"/>
          </a:xfrm>
          <a:custGeom>
            <a:avLst/>
            <a:gdLst/>
            <a:ahLst/>
            <a:cxnLst/>
            <a:rect l="l" t="t" r="r" b="b"/>
            <a:pathLst>
              <a:path w="1252854" h="253364">
                <a:moveTo>
                  <a:pt x="1252727" y="0"/>
                </a:moveTo>
                <a:lnTo>
                  <a:pt x="0" y="0"/>
                </a:lnTo>
                <a:lnTo>
                  <a:pt x="626363" y="252984"/>
                </a:lnTo>
                <a:lnTo>
                  <a:pt x="1252727" y="0"/>
                </a:lnTo>
                <a:close/>
              </a:path>
            </a:pathLst>
          </a:custGeom>
          <a:solidFill>
            <a:srgbClr val="FFBF00"/>
          </a:solidFill>
        </p:spPr>
        <p:txBody>
          <a:bodyPr wrap="square" lIns="0" tIns="0" rIns="0" bIns="0" rtlCol="0"/>
          <a:lstStyle/>
          <a:p>
            <a:endParaRPr sz="1749"/>
          </a:p>
        </p:txBody>
      </p:sp>
      <p:sp>
        <p:nvSpPr>
          <p:cNvPr id="40" name="object 40"/>
          <p:cNvSpPr/>
          <p:nvPr/>
        </p:nvSpPr>
        <p:spPr>
          <a:xfrm>
            <a:off x="5962062" y="2212804"/>
            <a:ext cx="1071325" cy="216654"/>
          </a:xfrm>
          <a:custGeom>
            <a:avLst/>
            <a:gdLst/>
            <a:ahLst/>
            <a:cxnLst/>
            <a:rect l="l" t="t" r="r" b="b"/>
            <a:pathLst>
              <a:path w="1252854" h="253364">
                <a:moveTo>
                  <a:pt x="1252727" y="0"/>
                </a:moveTo>
                <a:lnTo>
                  <a:pt x="0" y="0"/>
                </a:lnTo>
                <a:lnTo>
                  <a:pt x="626364" y="252984"/>
                </a:lnTo>
                <a:lnTo>
                  <a:pt x="1252727" y="0"/>
                </a:lnTo>
                <a:close/>
              </a:path>
            </a:pathLst>
          </a:custGeom>
          <a:solidFill>
            <a:srgbClr val="FFBF00"/>
          </a:solidFill>
        </p:spPr>
        <p:txBody>
          <a:bodyPr wrap="square" lIns="0" tIns="0" rIns="0" bIns="0" rtlCol="0"/>
          <a:lstStyle/>
          <a:p>
            <a:endParaRPr sz="1749"/>
          </a:p>
        </p:txBody>
      </p:sp>
      <p:sp>
        <p:nvSpPr>
          <p:cNvPr id="41" name="object 41"/>
          <p:cNvSpPr/>
          <p:nvPr/>
        </p:nvSpPr>
        <p:spPr>
          <a:xfrm>
            <a:off x="4034599" y="3286382"/>
            <a:ext cx="1071325" cy="216654"/>
          </a:xfrm>
          <a:custGeom>
            <a:avLst/>
            <a:gdLst/>
            <a:ahLst/>
            <a:cxnLst/>
            <a:rect l="l" t="t" r="r" b="b"/>
            <a:pathLst>
              <a:path w="1252854" h="253364">
                <a:moveTo>
                  <a:pt x="1252728" y="0"/>
                </a:moveTo>
                <a:lnTo>
                  <a:pt x="0" y="0"/>
                </a:lnTo>
                <a:lnTo>
                  <a:pt x="626363" y="252984"/>
                </a:lnTo>
                <a:lnTo>
                  <a:pt x="1252728" y="0"/>
                </a:lnTo>
                <a:close/>
              </a:path>
            </a:pathLst>
          </a:custGeom>
          <a:solidFill>
            <a:srgbClr val="FFBF00"/>
          </a:solidFill>
        </p:spPr>
        <p:txBody>
          <a:bodyPr wrap="square" lIns="0" tIns="0" rIns="0" bIns="0" rtlCol="0"/>
          <a:lstStyle/>
          <a:p>
            <a:endParaRPr sz="1749"/>
          </a:p>
        </p:txBody>
      </p:sp>
      <p:sp>
        <p:nvSpPr>
          <p:cNvPr id="42" name="object 42"/>
          <p:cNvSpPr/>
          <p:nvPr/>
        </p:nvSpPr>
        <p:spPr>
          <a:xfrm>
            <a:off x="4071144" y="5618503"/>
            <a:ext cx="4566570" cy="317108"/>
          </a:xfrm>
          <a:custGeom>
            <a:avLst/>
            <a:gdLst/>
            <a:ahLst/>
            <a:cxnLst/>
            <a:rect l="l" t="t" r="r" b="b"/>
            <a:pathLst>
              <a:path w="5340350" h="370840">
                <a:moveTo>
                  <a:pt x="5340096" y="0"/>
                </a:moveTo>
                <a:lnTo>
                  <a:pt x="5337690" y="71890"/>
                </a:lnTo>
                <a:lnTo>
                  <a:pt x="5331142" y="130495"/>
                </a:lnTo>
                <a:lnTo>
                  <a:pt x="5321450" y="169954"/>
                </a:lnTo>
                <a:lnTo>
                  <a:pt x="5309615" y="184409"/>
                </a:lnTo>
                <a:lnTo>
                  <a:pt x="2700528" y="184409"/>
                </a:lnTo>
                <a:lnTo>
                  <a:pt x="2688693" y="199101"/>
                </a:lnTo>
                <a:lnTo>
                  <a:pt x="2679001" y="239082"/>
                </a:lnTo>
                <a:lnTo>
                  <a:pt x="2672453" y="298209"/>
                </a:lnTo>
                <a:lnTo>
                  <a:pt x="2670048" y="370337"/>
                </a:lnTo>
                <a:lnTo>
                  <a:pt x="2667642" y="298209"/>
                </a:lnTo>
                <a:lnTo>
                  <a:pt x="2661094" y="239082"/>
                </a:lnTo>
                <a:lnTo>
                  <a:pt x="2651402" y="199101"/>
                </a:lnTo>
                <a:lnTo>
                  <a:pt x="2639568" y="184409"/>
                </a:lnTo>
                <a:lnTo>
                  <a:pt x="32003" y="184409"/>
                </a:lnTo>
                <a:lnTo>
                  <a:pt x="19931" y="169954"/>
                </a:lnTo>
                <a:lnTo>
                  <a:pt x="9715" y="130495"/>
                </a:lnTo>
                <a:lnTo>
                  <a:pt x="2643" y="71890"/>
                </a:lnTo>
                <a:lnTo>
                  <a:pt x="0" y="0"/>
                </a:lnTo>
              </a:path>
            </a:pathLst>
          </a:custGeom>
          <a:ln w="6096">
            <a:solidFill>
              <a:srgbClr val="4472C3"/>
            </a:solidFill>
          </a:ln>
        </p:spPr>
        <p:txBody>
          <a:bodyPr wrap="square" lIns="0" tIns="0" rIns="0" bIns="0" rtlCol="0"/>
          <a:lstStyle/>
          <a:p>
            <a:endParaRPr sz="1749"/>
          </a:p>
        </p:txBody>
      </p:sp>
      <p:sp>
        <p:nvSpPr>
          <p:cNvPr id="43" name="object 43"/>
          <p:cNvSpPr/>
          <p:nvPr/>
        </p:nvSpPr>
        <p:spPr>
          <a:xfrm>
            <a:off x="4029603" y="6043180"/>
            <a:ext cx="2315865" cy="197106"/>
          </a:xfrm>
          <a:custGeom>
            <a:avLst/>
            <a:gdLst/>
            <a:ahLst/>
            <a:cxnLst/>
            <a:rect l="l" t="t" r="r" b="b"/>
            <a:pathLst>
              <a:path w="2708275" h="230504">
                <a:moveTo>
                  <a:pt x="2708148" y="0"/>
                </a:moveTo>
                <a:lnTo>
                  <a:pt x="2691383" y="0"/>
                </a:lnTo>
                <a:lnTo>
                  <a:pt x="2691383" y="64008"/>
                </a:lnTo>
                <a:lnTo>
                  <a:pt x="2708148" y="64008"/>
                </a:lnTo>
                <a:lnTo>
                  <a:pt x="2708148" y="0"/>
                </a:lnTo>
                <a:close/>
              </a:path>
              <a:path w="2708275" h="230504">
                <a:moveTo>
                  <a:pt x="2708148" y="158496"/>
                </a:moveTo>
                <a:lnTo>
                  <a:pt x="2699004" y="158496"/>
                </a:lnTo>
                <a:lnTo>
                  <a:pt x="2692907" y="165811"/>
                </a:lnTo>
                <a:lnTo>
                  <a:pt x="2692907" y="175260"/>
                </a:lnTo>
                <a:lnTo>
                  <a:pt x="2708148" y="175260"/>
                </a:lnTo>
                <a:lnTo>
                  <a:pt x="2708148" y="158496"/>
                </a:lnTo>
                <a:close/>
              </a:path>
              <a:path w="2708275" h="230504">
                <a:moveTo>
                  <a:pt x="2708148" y="111252"/>
                </a:moveTo>
                <a:lnTo>
                  <a:pt x="2691383" y="111252"/>
                </a:lnTo>
                <a:lnTo>
                  <a:pt x="2691383" y="167640"/>
                </a:lnTo>
                <a:lnTo>
                  <a:pt x="2692907" y="165811"/>
                </a:lnTo>
                <a:lnTo>
                  <a:pt x="2692907" y="158496"/>
                </a:lnTo>
                <a:lnTo>
                  <a:pt x="2708148" y="158496"/>
                </a:lnTo>
                <a:lnTo>
                  <a:pt x="2708148" y="111252"/>
                </a:lnTo>
                <a:close/>
              </a:path>
              <a:path w="2708275" h="230504">
                <a:moveTo>
                  <a:pt x="2699004" y="158496"/>
                </a:moveTo>
                <a:lnTo>
                  <a:pt x="2692907" y="158496"/>
                </a:lnTo>
                <a:lnTo>
                  <a:pt x="2692907" y="165811"/>
                </a:lnTo>
                <a:lnTo>
                  <a:pt x="2699004" y="158496"/>
                </a:lnTo>
                <a:close/>
              </a:path>
              <a:path w="2708275" h="230504">
                <a:moveTo>
                  <a:pt x="2644140" y="158496"/>
                </a:moveTo>
                <a:lnTo>
                  <a:pt x="2581655" y="158496"/>
                </a:lnTo>
                <a:lnTo>
                  <a:pt x="2581655" y="175260"/>
                </a:lnTo>
                <a:lnTo>
                  <a:pt x="2644140" y="175260"/>
                </a:lnTo>
                <a:lnTo>
                  <a:pt x="2644140" y="158496"/>
                </a:lnTo>
                <a:close/>
              </a:path>
              <a:path w="2708275" h="230504">
                <a:moveTo>
                  <a:pt x="2534412" y="158496"/>
                </a:moveTo>
                <a:lnTo>
                  <a:pt x="2470404" y="158496"/>
                </a:lnTo>
                <a:lnTo>
                  <a:pt x="2470404" y="175260"/>
                </a:lnTo>
                <a:lnTo>
                  <a:pt x="2534412" y="175260"/>
                </a:lnTo>
                <a:lnTo>
                  <a:pt x="2534412" y="158496"/>
                </a:lnTo>
                <a:close/>
              </a:path>
              <a:path w="2708275" h="230504">
                <a:moveTo>
                  <a:pt x="2423159" y="158496"/>
                </a:moveTo>
                <a:lnTo>
                  <a:pt x="2359152" y="158496"/>
                </a:lnTo>
                <a:lnTo>
                  <a:pt x="2359152" y="175260"/>
                </a:lnTo>
                <a:lnTo>
                  <a:pt x="2423159" y="175260"/>
                </a:lnTo>
                <a:lnTo>
                  <a:pt x="2423159" y="158496"/>
                </a:lnTo>
                <a:close/>
              </a:path>
              <a:path w="2708275" h="230504">
                <a:moveTo>
                  <a:pt x="2311907" y="158496"/>
                </a:moveTo>
                <a:lnTo>
                  <a:pt x="2247900" y="158496"/>
                </a:lnTo>
                <a:lnTo>
                  <a:pt x="2247900" y="175260"/>
                </a:lnTo>
                <a:lnTo>
                  <a:pt x="2311907" y="175260"/>
                </a:lnTo>
                <a:lnTo>
                  <a:pt x="2311907" y="158496"/>
                </a:lnTo>
                <a:close/>
              </a:path>
              <a:path w="2708275" h="230504">
                <a:moveTo>
                  <a:pt x="2200655" y="158496"/>
                </a:moveTo>
                <a:lnTo>
                  <a:pt x="2136648" y="158496"/>
                </a:lnTo>
                <a:lnTo>
                  <a:pt x="2136648" y="175260"/>
                </a:lnTo>
                <a:lnTo>
                  <a:pt x="2200655" y="175260"/>
                </a:lnTo>
                <a:lnTo>
                  <a:pt x="2200655" y="158496"/>
                </a:lnTo>
                <a:close/>
              </a:path>
              <a:path w="2708275" h="230504">
                <a:moveTo>
                  <a:pt x="2089403" y="158496"/>
                </a:moveTo>
                <a:lnTo>
                  <a:pt x="2025396" y="158496"/>
                </a:lnTo>
                <a:lnTo>
                  <a:pt x="2025396" y="175260"/>
                </a:lnTo>
                <a:lnTo>
                  <a:pt x="2089403" y="175260"/>
                </a:lnTo>
                <a:lnTo>
                  <a:pt x="2089403" y="158496"/>
                </a:lnTo>
                <a:close/>
              </a:path>
              <a:path w="2708275" h="230504">
                <a:moveTo>
                  <a:pt x="1978152" y="158496"/>
                </a:moveTo>
                <a:lnTo>
                  <a:pt x="1914144" y="158496"/>
                </a:lnTo>
                <a:lnTo>
                  <a:pt x="1914144" y="175260"/>
                </a:lnTo>
                <a:lnTo>
                  <a:pt x="1978152" y="175260"/>
                </a:lnTo>
                <a:lnTo>
                  <a:pt x="1978152" y="158496"/>
                </a:lnTo>
                <a:close/>
              </a:path>
              <a:path w="2708275" h="230504">
                <a:moveTo>
                  <a:pt x="1866900" y="158496"/>
                </a:moveTo>
                <a:lnTo>
                  <a:pt x="1802892" y="158496"/>
                </a:lnTo>
                <a:lnTo>
                  <a:pt x="1802892" y="175260"/>
                </a:lnTo>
                <a:lnTo>
                  <a:pt x="1866900" y="175260"/>
                </a:lnTo>
                <a:lnTo>
                  <a:pt x="1866900" y="158496"/>
                </a:lnTo>
                <a:close/>
              </a:path>
              <a:path w="2708275" h="230504">
                <a:moveTo>
                  <a:pt x="1755648" y="158496"/>
                </a:moveTo>
                <a:lnTo>
                  <a:pt x="1691639" y="158496"/>
                </a:lnTo>
                <a:lnTo>
                  <a:pt x="1691639" y="175260"/>
                </a:lnTo>
                <a:lnTo>
                  <a:pt x="1755648" y="175260"/>
                </a:lnTo>
                <a:lnTo>
                  <a:pt x="1755648" y="158496"/>
                </a:lnTo>
                <a:close/>
              </a:path>
              <a:path w="2708275" h="230504">
                <a:moveTo>
                  <a:pt x="1644396" y="158496"/>
                </a:moveTo>
                <a:lnTo>
                  <a:pt x="1581912" y="158496"/>
                </a:lnTo>
                <a:lnTo>
                  <a:pt x="1581912" y="175260"/>
                </a:lnTo>
                <a:lnTo>
                  <a:pt x="1644396" y="175260"/>
                </a:lnTo>
                <a:lnTo>
                  <a:pt x="1644396" y="158496"/>
                </a:lnTo>
                <a:close/>
              </a:path>
              <a:path w="2708275" h="230504">
                <a:moveTo>
                  <a:pt x="1533144" y="158496"/>
                </a:moveTo>
                <a:lnTo>
                  <a:pt x="1470660" y="158496"/>
                </a:lnTo>
                <a:lnTo>
                  <a:pt x="1470660" y="175260"/>
                </a:lnTo>
                <a:lnTo>
                  <a:pt x="1533144" y="175260"/>
                </a:lnTo>
                <a:lnTo>
                  <a:pt x="1533144" y="158496"/>
                </a:lnTo>
                <a:close/>
              </a:path>
              <a:path w="2708275" h="230504">
                <a:moveTo>
                  <a:pt x="1421891" y="158496"/>
                </a:moveTo>
                <a:lnTo>
                  <a:pt x="1359408" y="158496"/>
                </a:lnTo>
                <a:lnTo>
                  <a:pt x="1359408" y="175260"/>
                </a:lnTo>
                <a:lnTo>
                  <a:pt x="1421891" y="175260"/>
                </a:lnTo>
                <a:lnTo>
                  <a:pt x="1421891" y="158496"/>
                </a:lnTo>
                <a:close/>
              </a:path>
              <a:path w="2708275" h="230504">
                <a:moveTo>
                  <a:pt x="1310639" y="158496"/>
                </a:moveTo>
                <a:lnTo>
                  <a:pt x="1248156" y="158496"/>
                </a:lnTo>
                <a:lnTo>
                  <a:pt x="1248156" y="175260"/>
                </a:lnTo>
                <a:lnTo>
                  <a:pt x="1310639" y="175260"/>
                </a:lnTo>
                <a:lnTo>
                  <a:pt x="1310639" y="158496"/>
                </a:lnTo>
                <a:close/>
              </a:path>
              <a:path w="2708275" h="230504">
                <a:moveTo>
                  <a:pt x="1200912" y="158496"/>
                </a:moveTo>
                <a:lnTo>
                  <a:pt x="1136903" y="158496"/>
                </a:lnTo>
                <a:lnTo>
                  <a:pt x="1136903" y="175260"/>
                </a:lnTo>
                <a:lnTo>
                  <a:pt x="1200912" y="175260"/>
                </a:lnTo>
                <a:lnTo>
                  <a:pt x="1200912" y="158496"/>
                </a:lnTo>
                <a:close/>
              </a:path>
              <a:path w="2708275" h="230504">
                <a:moveTo>
                  <a:pt x="1089660" y="158496"/>
                </a:moveTo>
                <a:lnTo>
                  <a:pt x="1025651" y="158496"/>
                </a:lnTo>
                <a:lnTo>
                  <a:pt x="1025651" y="175260"/>
                </a:lnTo>
                <a:lnTo>
                  <a:pt x="1089660" y="175260"/>
                </a:lnTo>
                <a:lnTo>
                  <a:pt x="1089660" y="158496"/>
                </a:lnTo>
                <a:close/>
              </a:path>
              <a:path w="2708275" h="230504">
                <a:moveTo>
                  <a:pt x="978408" y="158496"/>
                </a:moveTo>
                <a:lnTo>
                  <a:pt x="914400" y="158496"/>
                </a:lnTo>
                <a:lnTo>
                  <a:pt x="914400" y="175260"/>
                </a:lnTo>
                <a:lnTo>
                  <a:pt x="978408" y="175260"/>
                </a:lnTo>
                <a:lnTo>
                  <a:pt x="978408" y="158496"/>
                </a:lnTo>
                <a:close/>
              </a:path>
              <a:path w="2708275" h="230504">
                <a:moveTo>
                  <a:pt x="867156" y="158496"/>
                </a:moveTo>
                <a:lnTo>
                  <a:pt x="803148" y="158496"/>
                </a:lnTo>
                <a:lnTo>
                  <a:pt x="803148" y="175260"/>
                </a:lnTo>
                <a:lnTo>
                  <a:pt x="867156" y="175260"/>
                </a:lnTo>
                <a:lnTo>
                  <a:pt x="867156" y="158496"/>
                </a:lnTo>
                <a:close/>
              </a:path>
              <a:path w="2708275" h="230504">
                <a:moveTo>
                  <a:pt x="755903" y="158496"/>
                </a:moveTo>
                <a:lnTo>
                  <a:pt x="691896" y="158496"/>
                </a:lnTo>
                <a:lnTo>
                  <a:pt x="691896" y="175260"/>
                </a:lnTo>
                <a:lnTo>
                  <a:pt x="755903" y="175260"/>
                </a:lnTo>
                <a:lnTo>
                  <a:pt x="755903" y="158496"/>
                </a:lnTo>
                <a:close/>
              </a:path>
              <a:path w="2708275" h="230504">
                <a:moveTo>
                  <a:pt x="644651" y="158496"/>
                </a:moveTo>
                <a:lnTo>
                  <a:pt x="580644" y="158496"/>
                </a:lnTo>
                <a:lnTo>
                  <a:pt x="580644" y="175260"/>
                </a:lnTo>
                <a:lnTo>
                  <a:pt x="644651" y="175260"/>
                </a:lnTo>
                <a:lnTo>
                  <a:pt x="644651" y="158496"/>
                </a:lnTo>
                <a:close/>
              </a:path>
              <a:path w="2708275" h="230504">
                <a:moveTo>
                  <a:pt x="533400" y="158496"/>
                </a:moveTo>
                <a:lnTo>
                  <a:pt x="469391" y="158496"/>
                </a:lnTo>
                <a:lnTo>
                  <a:pt x="469391" y="175260"/>
                </a:lnTo>
                <a:lnTo>
                  <a:pt x="533400" y="175260"/>
                </a:lnTo>
                <a:lnTo>
                  <a:pt x="533400" y="158496"/>
                </a:lnTo>
                <a:close/>
              </a:path>
              <a:path w="2708275" h="230504">
                <a:moveTo>
                  <a:pt x="422148" y="158496"/>
                </a:moveTo>
                <a:lnTo>
                  <a:pt x="358139" y="158496"/>
                </a:lnTo>
                <a:lnTo>
                  <a:pt x="358139" y="175260"/>
                </a:lnTo>
                <a:lnTo>
                  <a:pt x="422148" y="175260"/>
                </a:lnTo>
                <a:lnTo>
                  <a:pt x="422148" y="158496"/>
                </a:lnTo>
                <a:close/>
              </a:path>
              <a:path w="2708275" h="230504">
                <a:moveTo>
                  <a:pt x="310896" y="158496"/>
                </a:moveTo>
                <a:lnTo>
                  <a:pt x="248412" y="158496"/>
                </a:lnTo>
                <a:lnTo>
                  <a:pt x="248412" y="175260"/>
                </a:lnTo>
                <a:lnTo>
                  <a:pt x="310896" y="175260"/>
                </a:lnTo>
                <a:lnTo>
                  <a:pt x="310896" y="158496"/>
                </a:lnTo>
                <a:close/>
              </a:path>
              <a:path w="2708275" h="230504">
                <a:moveTo>
                  <a:pt x="199644" y="158496"/>
                </a:moveTo>
                <a:lnTo>
                  <a:pt x="137160" y="158496"/>
                </a:lnTo>
                <a:lnTo>
                  <a:pt x="137160" y="175260"/>
                </a:lnTo>
                <a:lnTo>
                  <a:pt x="199644" y="175260"/>
                </a:lnTo>
                <a:lnTo>
                  <a:pt x="199644" y="158496"/>
                </a:lnTo>
                <a:close/>
              </a:path>
              <a:path w="2708275" h="230504">
                <a:moveTo>
                  <a:pt x="76200" y="103632"/>
                </a:moveTo>
                <a:lnTo>
                  <a:pt x="0" y="167640"/>
                </a:lnTo>
                <a:lnTo>
                  <a:pt x="76200" y="230124"/>
                </a:lnTo>
                <a:lnTo>
                  <a:pt x="76200" y="175260"/>
                </a:lnTo>
                <a:lnTo>
                  <a:pt x="64008" y="175260"/>
                </a:lnTo>
                <a:lnTo>
                  <a:pt x="64008" y="158496"/>
                </a:lnTo>
                <a:lnTo>
                  <a:pt x="76200" y="158496"/>
                </a:lnTo>
                <a:lnTo>
                  <a:pt x="76200" y="103632"/>
                </a:lnTo>
                <a:close/>
              </a:path>
              <a:path w="2708275" h="230504">
                <a:moveTo>
                  <a:pt x="76200" y="158496"/>
                </a:moveTo>
                <a:lnTo>
                  <a:pt x="64008" y="158496"/>
                </a:lnTo>
                <a:lnTo>
                  <a:pt x="64008" y="175260"/>
                </a:lnTo>
                <a:lnTo>
                  <a:pt x="76200" y="175260"/>
                </a:lnTo>
                <a:lnTo>
                  <a:pt x="76200" y="158496"/>
                </a:lnTo>
                <a:close/>
              </a:path>
              <a:path w="2708275" h="230504">
                <a:moveTo>
                  <a:pt x="88391" y="158496"/>
                </a:moveTo>
                <a:lnTo>
                  <a:pt x="76200" y="158496"/>
                </a:lnTo>
                <a:lnTo>
                  <a:pt x="76200" y="175260"/>
                </a:lnTo>
                <a:lnTo>
                  <a:pt x="88391" y="175260"/>
                </a:lnTo>
                <a:lnTo>
                  <a:pt x="88391" y="158496"/>
                </a:lnTo>
                <a:close/>
              </a:path>
            </a:pathLst>
          </a:custGeom>
          <a:solidFill>
            <a:srgbClr val="367BCD"/>
          </a:solidFill>
        </p:spPr>
        <p:txBody>
          <a:bodyPr wrap="square" lIns="0" tIns="0" rIns="0" bIns="0" rtlCol="0"/>
          <a:lstStyle/>
          <a:p>
            <a:endParaRPr sz="1749"/>
          </a:p>
        </p:txBody>
      </p:sp>
      <p:sp>
        <p:nvSpPr>
          <p:cNvPr id="44" name="object 44"/>
          <p:cNvSpPr txBox="1">
            <a:spLocks noGrp="1"/>
          </p:cNvSpPr>
          <p:nvPr>
            <p:ph type="sldNum" sz="quarter" idx="7"/>
          </p:nvPr>
        </p:nvSpPr>
        <p:spPr>
          <a:xfrm>
            <a:off x="9962388" y="6895615"/>
            <a:ext cx="388873" cy="339598"/>
          </a:xfrm>
          <a:prstGeom prst="rect">
            <a:avLst/>
          </a:prstGeom>
        </p:spPr>
        <p:txBody>
          <a:bodyPr vert="horz" wrap="square" lIns="0" tIns="0" rIns="0" bIns="0" rtlCol="0">
            <a:spAutoFit/>
          </a:bodyPr>
          <a:lstStyle>
            <a:defPPr>
              <a:defRPr kern="0"/>
            </a:defPPr>
            <a:lvl1pPr>
              <a:defRPr sz="1600" b="0" i="0">
                <a:solidFill>
                  <a:schemeClr val="tx1"/>
                </a:solidFill>
                <a:latin typeface="Meiryo UI"/>
                <a:cs typeface="Meiryo UI"/>
              </a:defRPr>
            </a:lvl1pPr>
          </a:lstStyle>
          <a:p>
            <a:pPr marL="126364">
              <a:spcBef>
                <a:spcPts val="190"/>
              </a:spcBef>
            </a:pPr>
            <a:fld id="{81D60167-4931-47E6-BA6A-407CBD079E47}" type="slidenum">
              <a:rPr lang="en-US" altLang="ja-JP" spc="-50" smtClean="0"/>
              <a:pPr marL="126364">
                <a:spcBef>
                  <a:spcPts val="190"/>
                </a:spcBef>
              </a:pPr>
              <a:t>12</a:t>
            </a:fld>
            <a:endParaRPr spc="-43" dirty="0"/>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366891" y="244346"/>
            <a:ext cx="1339672" cy="277577"/>
          </a:xfrm>
          <a:prstGeom prst="rect">
            <a:avLst/>
          </a:prstGeom>
        </p:spPr>
      </p:pic>
      <p:sp>
        <p:nvSpPr>
          <p:cNvPr id="3" name="object 3"/>
          <p:cNvSpPr/>
          <p:nvPr/>
        </p:nvSpPr>
        <p:spPr>
          <a:xfrm>
            <a:off x="877042" y="1034726"/>
            <a:ext cx="7387961" cy="4116972"/>
          </a:xfrm>
          <a:custGeom>
            <a:avLst/>
            <a:gdLst/>
            <a:ahLst/>
            <a:cxnLst/>
            <a:rect l="l" t="t" r="r" b="b"/>
            <a:pathLst>
              <a:path w="8639810" h="4814570">
                <a:moveTo>
                  <a:pt x="0" y="0"/>
                </a:moveTo>
                <a:lnTo>
                  <a:pt x="8639556" y="0"/>
                </a:lnTo>
                <a:lnTo>
                  <a:pt x="8639556" y="4814316"/>
                </a:lnTo>
                <a:lnTo>
                  <a:pt x="0" y="4814316"/>
                </a:lnTo>
                <a:lnTo>
                  <a:pt x="0" y="0"/>
                </a:lnTo>
                <a:close/>
              </a:path>
            </a:pathLst>
          </a:custGeom>
          <a:ln w="28955">
            <a:solidFill>
              <a:srgbClr val="953634"/>
            </a:solidFill>
          </a:ln>
        </p:spPr>
        <p:txBody>
          <a:bodyPr wrap="square" lIns="0" tIns="0" rIns="0" bIns="0" rtlCol="0"/>
          <a:lstStyle/>
          <a:p>
            <a:endParaRPr sz="1749"/>
          </a:p>
        </p:txBody>
      </p:sp>
      <p:sp>
        <p:nvSpPr>
          <p:cNvPr id="4" name="object 4"/>
          <p:cNvSpPr txBox="1"/>
          <p:nvPr/>
        </p:nvSpPr>
        <p:spPr>
          <a:xfrm>
            <a:off x="877042" y="1034726"/>
            <a:ext cx="3184110" cy="463140"/>
          </a:xfrm>
          <a:prstGeom prst="rect">
            <a:avLst/>
          </a:prstGeom>
          <a:solidFill>
            <a:srgbClr val="953634"/>
          </a:solidFill>
        </p:spPr>
        <p:txBody>
          <a:bodyPr vert="horz" wrap="square" lIns="0" tIns="0" rIns="0" bIns="0" rtlCol="0">
            <a:spAutoFit/>
          </a:bodyPr>
          <a:lstStyle/>
          <a:p>
            <a:pPr marL="92308">
              <a:lnSpc>
                <a:spcPts val="1838"/>
              </a:lnSpc>
            </a:pPr>
            <a:r>
              <a:rPr sz="1539" b="1" spc="-30" dirty="0">
                <a:solidFill>
                  <a:srgbClr val="FFFFFF"/>
                </a:solidFill>
                <a:latin typeface="Meiryo UI"/>
                <a:cs typeface="Meiryo UI"/>
              </a:rPr>
              <a:t>総力戦で取り組むインフラマネジメント</a:t>
            </a:r>
            <a:endParaRPr sz="1539">
              <a:latin typeface="Meiryo UI"/>
              <a:cs typeface="Meiryo UI"/>
            </a:endParaRPr>
          </a:p>
        </p:txBody>
      </p:sp>
      <p:sp>
        <p:nvSpPr>
          <p:cNvPr id="5" name="object 5"/>
          <p:cNvSpPr txBox="1">
            <a:spLocks noGrp="1"/>
          </p:cNvSpPr>
          <p:nvPr>
            <p:ph type="title"/>
          </p:nvPr>
        </p:nvSpPr>
        <p:spPr>
          <a:xfrm>
            <a:off x="391823" y="502594"/>
            <a:ext cx="3537815" cy="318743"/>
          </a:xfrm>
          <a:prstGeom prst="rect">
            <a:avLst/>
          </a:prstGeom>
        </p:spPr>
        <p:txBody>
          <a:bodyPr vert="horz" wrap="square" lIns="0" tIns="10860" rIns="0" bIns="0" rtlCol="0">
            <a:spAutoFit/>
          </a:bodyPr>
          <a:lstStyle/>
          <a:p>
            <a:pPr marL="10860">
              <a:lnSpc>
                <a:spcPct val="100000"/>
              </a:lnSpc>
              <a:spcBef>
                <a:spcPts val="86"/>
              </a:spcBef>
              <a:tabLst>
                <a:tab pos="872040" algn="l"/>
              </a:tabLst>
            </a:pPr>
            <a:r>
              <a:rPr sz="2000" dirty="0"/>
              <a:t>群</a:t>
            </a:r>
            <a:r>
              <a:rPr sz="2000" spc="-21" dirty="0"/>
              <a:t>マ</a:t>
            </a:r>
            <a:r>
              <a:rPr sz="2000" spc="-43" dirty="0"/>
              <a:t>ネ</a:t>
            </a:r>
            <a:r>
              <a:rPr sz="2000" dirty="0"/>
              <a:t>	全体イメ</a:t>
            </a:r>
            <a:r>
              <a:rPr sz="2000" spc="-9" dirty="0"/>
              <a:t>ー</a:t>
            </a:r>
            <a:r>
              <a:rPr sz="2000" spc="-34" dirty="0"/>
              <a:t>ジ</a:t>
            </a:r>
            <a:r>
              <a:rPr sz="2000" dirty="0"/>
              <a:t>（案</a:t>
            </a:r>
            <a:r>
              <a:rPr sz="2000" spc="-43" dirty="0"/>
              <a:t>）</a:t>
            </a:r>
          </a:p>
        </p:txBody>
      </p:sp>
      <p:sp>
        <p:nvSpPr>
          <p:cNvPr id="6" name="object 6"/>
          <p:cNvSpPr/>
          <p:nvPr/>
        </p:nvSpPr>
        <p:spPr>
          <a:xfrm>
            <a:off x="6221395" y="772787"/>
            <a:ext cx="2530890" cy="217740"/>
          </a:xfrm>
          <a:custGeom>
            <a:avLst/>
            <a:gdLst/>
            <a:ahLst/>
            <a:cxnLst/>
            <a:rect l="l" t="t" r="r" b="b"/>
            <a:pathLst>
              <a:path w="2959734" h="254634">
                <a:moveTo>
                  <a:pt x="2959607" y="0"/>
                </a:moveTo>
                <a:lnTo>
                  <a:pt x="0" y="0"/>
                </a:lnTo>
                <a:lnTo>
                  <a:pt x="0" y="254507"/>
                </a:lnTo>
                <a:lnTo>
                  <a:pt x="2959607" y="254507"/>
                </a:lnTo>
                <a:lnTo>
                  <a:pt x="2959607" y="0"/>
                </a:lnTo>
                <a:close/>
              </a:path>
            </a:pathLst>
          </a:custGeom>
          <a:solidFill>
            <a:srgbClr val="FFFFFF"/>
          </a:solidFill>
        </p:spPr>
        <p:txBody>
          <a:bodyPr wrap="square" lIns="0" tIns="0" rIns="0" bIns="0" rtlCol="0"/>
          <a:lstStyle/>
          <a:p>
            <a:endParaRPr sz="1749"/>
          </a:p>
        </p:txBody>
      </p:sp>
      <p:sp>
        <p:nvSpPr>
          <p:cNvPr id="7" name="object 7"/>
          <p:cNvSpPr txBox="1"/>
          <p:nvPr/>
        </p:nvSpPr>
        <p:spPr>
          <a:xfrm>
            <a:off x="6384237" y="626171"/>
            <a:ext cx="2530890" cy="201763"/>
          </a:xfrm>
          <a:prstGeom prst="rect">
            <a:avLst/>
          </a:prstGeom>
          <a:ln w="12192">
            <a:solidFill>
              <a:srgbClr val="000000"/>
            </a:solidFill>
          </a:ln>
        </p:spPr>
        <p:txBody>
          <a:bodyPr vert="horz" wrap="square" lIns="0" tIns="17376" rIns="0" bIns="0" rtlCol="0">
            <a:spAutoFit/>
          </a:bodyPr>
          <a:lstStyle/>
          <a:p>
            <a:pPr marL="178099">
              <a:spcBef>
                <a:spcPts val="137"/>
              </a:spcBef>
            </a:pPr>
            <a:r>
              <a:rPr sz="1197" spc="-9" dirty="0">
                <a:latin typeface="Meiryo UI"/>
                <a:cs typeface="Meiryo UI"/>
              </a:rPr>
              <a:t>3/7</a:t>
            </a:r>
            <a:r>
              <a:rPr sz="1197" spc="-17" dirty="0">
                <a:latin typeface="Meiryo UI"/>
                <a:cs typeface="Meiryo UI"/>
              </a:rPr>
              <a:t>計画検討会の資料を一部更新</a:t>
            </a:r>
            <a:endParaRPr sz="1197" dirty="0">
              <a:latin typeface="Meiryo UI"/>
              <a:cs typeface="Meiryo UI"/>
            </a:endParaRPr>
          </a:p>
        </p:txBody>
      </p:sp>
      <p:sp>
        <p:nvSpPr>
          <p:cNvPr id="8" name="object 8"/>
          <p:cNvSpPr txBox="1"/>
          <p:nvPr/>
        </p:nvSpPr>
        <p:spPr>
          <a:xfrm>
            <a:off x="707194" y="5194052"/>
            <a:ext cx="7693123" cy="1174286"/>
          </a:xfrm>
          <a:prstGeom prst="rect">
            <a:avLst/>
          </a:prstGeom>
        </p:spPr>
        <p:txBody>
          <a:bodyPr vert="horz" wrap="square" lIns="0" tIns="19548" rIns="0" bIns="0" rtlCol="0">
            <a:spAutoFit/>
          </a:bodyPr>
          <a:lstStyle/>
          <a:p>
            <a:pPr marL="234571" marR="4344" indent="-224254" algn="just">
              <a:lnSpc>
                <a:spcPct val="95400"/>
              </a:lnSpc>
              <a:spcBef>
                <a:spcPts val="154"/>
              </a:spcBef>
            </a:pPr>
            <a:r>
              <a:rPr sz="1197" dirty="0">
                <a:latin typeface="Meiryo UI"/>
                <a:cs typeface="Meiryo UI"/>
              </a:rPr>
              <a:t>※ </a:t>
            </a:r>
            <a:r>
              <a:rPr sz="1197" b="1" u="heavy" spc="-9" dirty="0">
                <a:solidFill>
                  <a:srgbClr val="FF0000"/>
                </a:solidFill>
                <a:uFill>
                  <a:solidFill>
                    <a:srgbClr val="FF0000"/>
                  </a:solidFill>
                </a:uFill>
                <a:latin typeface="Meiryo UI"/>
                <a:cs typeface="Meiryo UI"/>
              </a:rPr>
              <a:t>群マネ</a:t>
            </a:r>
            <a:r>
              <a:rPr sz="1197" spc="-30" dirty="0">
                <a:latin typeface="Meiryo UI"/>
                <a:cs typeface="Meiryo UI"/>
              </a:rPr>
              <a:t>とは、持続可能なインフラメンテナンスの実現に向けて、各地域の将来像に基づき、広域・複数・多分野のインフラを「群」</a:t>
            </a:r>
            <a:r>
              <a:rPr sz="1197" spc="-26" dirty="0">
                <a:latin typeface="Meiryo UI"/>
                <a:cs typeface="Meiryo UI"/>
              </a:rPr>
              <a:t>として捉え、総合的かつ多角的な視点から戦略的に地域のインフラをマネジメントするものであり、地方公共団体や事業者がそ</a:t>
            </a:r>
            <a:r>
              <a:rPr sz="1197" spc="-21" dirty="0">
                <a:latin typeface="Meiryo UI"/>
                <a:cs typeface="Meiryo UI"/>
              </a:rPr>
              <a:t>れぞれ機能的、空間的及び時間的なマネジメントの統合を図るもの。</a:t>
            </a:r>
            <a:endParaRPr sz="1197">
              <a:latin typeface="Meiryo UI"/>
              <a:cs typeface="Meiryo UI"/>
            </a:endParaRPr>
          </a:p>
          <a:p>
            <a:pPr marL="10860" algn="just">
              <a:spcBef>
                <a:spcPts val="184"/>
              </a:spcBef>
            </a:pPr>
            <a:r>
              <a:rPr sz="1197" dirty="0">
                <a:latin typeface="Meiryo UI"/>
                <a:cs typeface="Meiryo UI"/>
              </a:rPr>
              <a:t>※ </a:t>
            </a:r>
            <a:r>
              <a:rPr sz="1197" b="1" u="sng" spc="-4" dirty="0">
                <a:solidFill>
                  <a:srgbClr val="FF0000"/>
                </a:solidFill>
                <a:uFill>
                  <a:solidFill>
                    <a:srgbClr val="FF0000"/>
                  </a:solidFill>
                </a:uFill>
                <a:latin typeface="Meiryo UI"/>
                <a:cs typeface="Meiryo UI"/>
              </a:rPr>
              <a:t>期待される効果</a:t>
            </a:r>
            <a:r>
              <a:rPr sz="1197" spc="-21" dirty="0">
                <a:latin typeface="Meiryo UI"/>
                <a:cs typeface="Meiryo UI"/>
              </a:rPr>
              <a:t>としては、例えば、以下があげられる</a:t>
            </a:r>
            <a:endParaRPr sz="1197">
              <a:latin typeface="Meiryo UI"/>
              <a:cs typeface="Meiryo UI"/>
            </a:endParaRPr>
          </a:p>
          <a:p>
            <a:pPr marL="311675">
              <a:spcBef>
                <a:spcPts val="196"/>
              </a:spcBef>
            </a:pPr>
            <a:r>
              <a:rPr sz="1197" spc="-17" dirty="0">
                <a:latin typeface="Meiryo UI"/>
                <a:cs typeface="Meiryo UI"/>
              </a:rPr>
              <a:t>・技術系職員が一人もいない町でも、県や近隣の市などと連携し、技術的な知見を補完</a:t>
            </a:r>
            <a:endParaRPr sz="1197">
              <a:latin typeface="Meiryo UI"/>
              <a:cs typeface="Meiryo UI"/>
            </a:endParaRPr>
          </a:p>
          <a:p>
            <a:pPr marL="311675">
              <a:spcBef>
                <a:spcPts val="184"/>
              </a:spcBef>
            </a:pPr>
            <a:r>
              <a:rPr sz="1197" spc="-21" dirty="0">
                <a:latin typeface="Meiryo UI"/>
                <a:cs typeface="Meiryo UI"/>
              </a:rPr>
              <a:t>・道路、河川、公園等の管理をまとめて発注したり、巡回などの管理業務をまとめて行うことにより、効率化</a:t>
            </a:r>
            <a:endParaRPr sz="1197">
              <a:latin typeface="Meiryo UI"/>
              <a:cs typeface="Meiryo UI"/>
            </a:endParaRPr>
          </a:p>
        </p:txBody>
      </p:sp>
      <p:pic>
        <p:nvPicPr>
          <p:cNvPr id="9" name="object 9"/>
          <p:cNvPicPr/>
          <p:nvPr/>
        </p:nvPicPr>
        <p:blipFill>
          <a:blip r:embed="rId3" cstate="print"/>
          <a:stretch>
            <a:fillRect/>
          </a:stretch>
        </p:blipFill>
        <p:spPr>
          <a:xfrm>
            <a:off x="1677848" y="1284287"/>
            <a:ext cx="6161449" cy="3568114"/>
          </a:xfrm>
          <a:prstGeom prst="rect">
            <a:avLst/>
          </a:prstGeom>
        </p:spPr>
      </p:pic>
      <p:sp>
        <p:nvSpPr>
          <p:cNvPr id="10" name="object 10"/>
          <p:cNvSpPr txBox="1"/>
          <p:nvPr/>
        </p:nvSpPr>
        <p:spPr>
          <a:xfrm>
            <a:off x="5430363" y="4036826"/>
            <a:ext cx="1077298" cy="102622"/>
          </a:xfrm>
          <a:prstGeom prst="rect">
            <a:avLst/>
          </a:prstGeom>
        </p:spPr>
        <p:txBody>
          <a:bodyPr vert="horz" wrap="square" lIns="0" tIns="10317" rIns="0" bIns="0" rtlCol="0">
            <a:spAutoFit/>
          </a:bodyPr>
          <a:lstStyle/>
          <a:p>
            <a:pPr>
              <a:spcBef>
                <a:spcPts val="81"/>
              </a:spcBef>
            </a:pPr>
            <a:r>
              <a:rPr sz="599" b="1" spc="-13" dirty="0">
                <a:latin typeface="Meiryo UI"/>
                <a:cs typeface="Meiryo UI"/>
              </a:rPr>
              <a:t>(土木以外の異業種連携を含む</a:t>
            </a:r>
            <a:r>
              <a:rPr sz="599" b="1" spc="-43" dirty="0">
                <a:latin typeface="Meiryo UI"/>
                <a:cs typeface="Meiryo UI"/>
              </a:rPr>
              <a:t>）</a:t>
            </a:r>
            <a:endParaRPr sz="599">
              <a:latin typeface="Meiryo UI"/>
              <a:cs typeface="Meiryo UI"/>
            </a:endParaRPr>
          </a:p>
        </p:txBody>
      </p:sp>
      <p:sp>
        <p:nvSpPr>
          <p:cNvPr id="11" name="object 11"/>
          <p:cNvSpPr txBox="1"/>
          <p:nvPr/>
        </p:nvSpPr>
        <p:spPr>
          <a:xfrm>
            <a:off x="3272292" y="4830464"/>
            <a:ext cx="477834" cy="247954"/>
          </a:xfrm>
          <a:prstGeom prst="rect">
            <a:avLst/>
          </a:prstGeom>
        </p:spPr>
        <p:txBody>
          <a:bodyPr vert="horz" wrap="square" lIns="0" tIns="10860" rIns="0" bIns="0" rtlCol="0">
            <a:spAutoFit/>
          </a:bodyPr>
          <a:lstStyle/>
          <a:p>
            <a:pPr marL="75475" indent="-75475">
              <a:spcBef>
                <a:spcPts val="86"/>
              </a:spcBef>
              <a:buFont typeface="Arial"/>
              <a:buChar char="•"/>
              <a:tabLst>
                <a:tab pos="75475" algn="l"/>
              </a:tabLst>
            </a:pPr>
            <a:r>
              <a:rPr sz="770" b="1" spc="-13" dirty="0">
                <a:latin typeface="Meiryo UI"/>
                <a:cs typeface="Meiryo UI"/>
              </a:rPr>
              <a:t>人材育成</a:t>
            </a:r>
            <a:endParaRPr sz="770">
              <a:latin typeface="Meiryo UI"/>
              <a:cs typeface="Meiryo UI"/>
            </a:endParaRPr>
          </a:p>
          <a:p>
            <a:pPr marL="75475" indent="-75475">
              <a:buFont typeface="Arial"/>
              <a:buChar char="•"/>
              <a:tabLst>
                <a:tab pos="75475" algn="l"/>
              </a:tabLst>
            </a:pPr>
            <a:r>
              <a:rPr sz="770" b="1" spc="-21" dirty="0">
                <a:latin typeface="Meiryo UI"/>
                <a:cs typeface="Meiryo UI"/>
              </a:rPr>
              <a:t>研究</a:t>
            </a:r>
            <a:endParaRPr sz="770">
              <a:latin typeface="Meiryo UI"/>
              <a:cs typeface="Meiryo UI"/>
            </a:endParaRPr>
          </a:p>
        </p:txBody>
      </p:sp>
      <p:sp>
        <p:nvSpPr>
          <p:cNvPr id="12" name="object 12"/>
          <p:cNvSpPr txBox="1"/>
          <p:nvPr/>
        </p:nvSpPr>
        <p:spPr>
          <a:xfrm>
            <a:off x="5164513" y="3886960"/>
            <a:ext cx="163441" cy="195184"/>
          </a:xfrm>
          <a:prstGeom prst="rect">
            <a:avLst/>
          </a:prstGeom>
        </p:spPr>
        <p:txBody>
          <a:bodyPr vert="horz" wrap="square" lIns="0" tIns="10860" rIns="0" bIns="0" rtlCol="0">
            <a:spAutoFit/>
          </a:bodyPr>
          <a:lstStyle/>
          <a:p>
            <a:pPr>
              <a:spcBef>
                <a:spcPts val="86"/>
              </a:spcBef>
            </a:pPr>
            <a:r>
              <a:rPr sz="1197" b="1" spc="-43" dirty="0">
                <a:latin typeface="Meiryo UI"/>
                <a:cs typeface="Meiryo UI"/>
              </a:rPr>
              <a:t>産</a:t>
            </a:r>
            <a:endParaRPr sz="1197">
              <a:latin typeface="Meiryo UI"/>
              <a:cs typeface="Meiryo UI"/>
            </a:endParaRPr>
          </a:p>
        </p:txBody>
      </p:sp>
      <p:sp>
        <p:nvSpPr>
          <p:cNvPr id="13" name="object 13"/>
          <p:cNvSpPr txBox="1"/>
          <p:nvPr/>
        </p:nvSpPr>
        <p:spPr>
          <a:xfrm>
            <a:off x="3766198" y="3906508"/>
            <a:ext cx="163441" cy="195184"/>
          </a:xfrm>
          <a:prstGeom prst="rect">
            <a:avLst/>
          </a:prstGeom>
        </p:spPr>
        <p:txBody>
          <a:bodyPr vert="horz" wrap="square" lIns="0" tIns="10860" rIns="0" bIns="0" rtlCol="0">
            <a:spAutoFit/>
          </a:bodyPr>
          <a:lstStyle/>
          <a:p>
            <a:pPr>
              <a:spcBef>
                <a:spcPts val="86"/>
              </a:spcBef>
            </a:pPr>
            <a:r>
              <a:rPr sz="1197" b="1" spc="-43" dirty="0">
                <a:latin typeface="Meiryo UI"/>
                <a:cs typeface="Meiryo UI"/>
              </a:rPr>
              <a:t>官</a:t>
            </a:r>
            <a:endParaRPr sz="1197">
              <a:latin typeface="Meiryo UI"/>
              <a:cs typeface="Meiryo UI"/>
            </a:endParaRPr>
          </a:p>
        </p:txBody>
      </p:sp>
      <p:sp>
        <p:nvSpPr>
          <p:cNvPr id="14" name="object 14"/>
          <p:cNvSpPr txBox="1"/>
          <p:nvPr/>
        </p:nvSpPr>
        <p:spPr>
          <a:xfrm>
            <a:off x="2090304" y="1610300"/>
            <a:ext cx="857929" cy="379949"/>
          </a:xfrm>
          <a:prstGeom prst="rect">
            <a:avLst/>
          </a:prstGeom>
        </p:spPr>
        <p:txBody>
          <a:bodyPr vert="horz" wrap="square" lIns="0" tIns="11403" rIns="0" bIns="0" rtlCol="0">
            <a:spAutoFit/>
          </a:bodyPr>
          <a:lstStyle/>
          <a:p>
            <a:pPr>
              <a:spcBef>
                <a:spcPts val="90"/>
              </a:spcBef>
            </a:pPr>
            <a:r>
              <a:rPr sz="1197" b="1" spc="-17" dirty="0">
                <a:solidFill>
                  <a:srgbClr val="215967"/>
                </a:solidFill>
                <a:latin typeface="Meiryo UI"/>
                <a:cs typeface="Meiryo UI"/>
              </a:rPr>
              <a:t>群マネの対象</a:t>
            </a:r>
            <a:endParaRPr sz="1197">
              <a:latin typeface="Meiryo UI"/>
              <a:cs typeface="Meiryo UI"/>
            </a:endParaRPr>
          </a:p>
        </p:txBody>
      </p:sp>
      <p:sp>
        <p:nvSpPr>
          <p:cNvPr id="15" name="object 15"/>
          <p:cNvSpPr txBox="1"/>
          <p:nvPr/>
        </p:nvSpPr>
        <p:spPr>
          <a:xfrm>
            <a:off x="1346187" y="4386079"/>
            <a:ext cx="839467" cy="247954"/>
          </a:xfrm>
          <a:prstGeom prst="rect">
            <a:avLst/>
          </a:prstGeom>
        </p:spPr>
        <p:txBody>
          <a:bodyPr vert="horz" wrap="square" lIns="0" tIns="10860" rIns="0" bIns="0" rtlCol="0">
            <a:spAutoFit/>
          </a:bodyPr>
          <a:lstStyle/>
          <a:p>
            <a:pPr marL="170498" marR="4344" indent="-171041">
              <a:spcBef>
                <a:spcPts val="86"/>
              </a:spcBef>
            </a:pPr>
            <a:r>
              <a:rPr sz="770" spc="-9" dirty="0">
                <a:solidFill>
                  <a:srgbClr val="8064A1"/>
                </a:solidFill>
                <a:latin typeface="Meiryo UI"/>
                <a:cs typeface="Meiryo UI"/>
              </a:rPr>
              <a:t>都道府県外の大学、土木学会等</a:t>
            </a:r>
            <a:endParaRPr sz="770">
              <a:latin typeface="Meiryo UI"/>
              <a:cs typeface="Meiryo UI"/>
            </a:endParaRPr>
          </a:p>
        </p:txBody>
      </p:sp>
      <p:sp>
        <p:nvSpPr>
          <p:cNvPr id="16" name="object 16"/>
          <p:cNvSpPr/>
          <p:nvPr/>
        </p:nvSpPr>
        <p:spPr>
          <a:xfrm>
            <a:off x="1898737" y="4871297"/>
            <a:ext cx="223170" cy="223170"/>
          </a:xfrm>
          <a:custGeom>
            <a:avLst/>
            <a:gdLst/>
            <a:ahLst/>
            <a:cxnLst/>
            <a:rect l="l" t="t" r="r" b="b"/>
            <a:pathLst>
              <a:path w="260985" h="260985">
                <a:moveTo>
                  <a:pt x="0" y="129540"/>
                </a:moveTo>
                <a:lnTo>
                  <a:pt x="10406" y="79081"/>
                </a:lnTo>
                <a:lnTo>
                  <a:pt x="38671" y="37909"/>
                </a:lnTo>
                <a:lnTo>
                  <a:pt x="80367" y="10167"/>
                </a:lnTo>
                <a:lnTo>
                  <a:pt x="131063" y="0"/>
                </a:lnTo>
                <a:lnTo>
                  <a:pt x="181522" y="10167"/>
                </a:lnTo>
                <a:lnTo>
                  <a:pt x="222694" y="37909"/>
                </a:lnTo>
                <a:lnTo>
                  <a:pt x="250436" y="79081"/>
                </a:lnTo>
                <a:lnTo>
                  <a:pt x="260604" y="129540"/>
                </a:lnTo>
                <a:lnTo>
                  <a:pt x="250436" y="180236"/>
                </a:lnTo>
                <a:lnTo>
                  <a:pt x="222694" y="221932"/>
                </a:lnTo>
                <a:lnTo>
                  <a:pt x="181522" y="250197"/>
                </a:lnTo>
                <a:lnTo>
                  <a:pt x="131063" y="260604"/>
                </a:lnTo>
                <a:lnTo>
                  <a:pt x="80367" y="250197"/>
                </a:lnTo>
                <a:lnTo>
                  <a:pt x="38671" y="221932"/>
                </a:lnTo>
                <a:lnTo>
                  <a:pt x="10406" y="180236"/>
                </a:lnTo>
                <a:lnTo>
                  <a:pt x="0" y="129540"/>
                </a:lnTo>
              </a:path>
            </a:pathLst>
          </a:custGeom>
          <a:ln w="25908">
            <a:solidFill>
              <a:srgbClr val="000000"/>
            </a:solidFill>
          </a:ln>
        </p:spPr>
        <p:txBody>
          <a:bodyPr wrap="square" lIns="0" tIns="0" rIns="0" bIns="0" rtlCol="0"/>
          <a:lstStyle/>
          <a:p>
            <a:endParaRPr sz="1749"/>
          </a:p>
        </p:txBody>
      </p:sp>
      <p:sp>
        <p:nvSpPr>
          <p:cNvPr id="17" name="object 17"/>
          <p:cNvSpPr txBox="1"/>
          <p:nvPr/>
        </p:nvSpPr>
        <p:spPr>
          <a:xfrm>
            <a:off x="1950865" y="4899534"/>
            <a:ext cx="130861" cy="155749"/>
          </a:xfrm>
          <a:prstGeom prst="rect">
            <a:avLst/>
          </a:prstGeom>
        </p:spPr>
        <p:txBody>
          <a:bodyPr vert="horz" wrap="square" lIns="0" tIns="10860" rIns="0" bIns="0" rtlCol="0">
            <a:spAutoFit/>
          </a:bodyPr>
          <a:lstStyle/>
          <a:p>
            <a:pPr>
              <a:spcBef>
                <a:spcPts val="86"/>
              </a:spcBef>
            </a:pPr>
            <a:r>
              <a:rPr sz="941" b="1" spc="-43" dirty="0">
                <a:latin typeface="Meiryo UI"/>
                <a:cs typeface="Meiryo UI"/>
              </a:rPr>
              <a:t>学</a:t>
            </a:r>
            <a:endParaRPr sz="941">
              <a:latin typeface="Meiryo UI"/>
              <a:cs typeface="Meiryo UI"/>
            </a:endParaRPr>
          </a:p>
        </p:txBody>
      </p:sp>
      <p:sp>
        <p:nvSpPr>
          <p:cNvPr id="18" name="object 18"/>
          <p:cNvSpPr txBox="1"/>
          <p:nvPr/>
        </p:nvSpPr>
        <p:spPr>
          <a:xfrm>
            <a:off x="6040253" y="1778410"/>
            <a:ext cx="163441" cy="195732"/>
          </a:xfrm>
          <a:prstGeom prst="rect">
            <a:avLst/>
          </a:prstGeom>
        </p:spPr>
        <p:txBody>
          <a:bodyPr vert="horz" wrap="square" lIns="0" tIns="11403" rIns="0" bIns="0" rtlCol="0">
            <a:spAutoFit/>
          </a:bodyPr>
          <a:lstStyle/>
          <a:p>
            <a:pPr>
              <a:spcBef>
                <a:spcPts val="90"/>
              </a:spcBef>
            </a:pPr>
            <a:r>
              <a:rPr sz="1197" b="1" spc="-43" dirty="0">
                <a:latin typeface="Meiryo UI"/>
                <a:cs typeface="Meiryo UI"/>
              </a:rPr>
              <a:t>民</a:t>
            </a:r>
            <a:endParaRPr sz="1197">
              <a:latin typeface="Meiryo UI"/>
              <a:cs typeface="Meiryo UI"/>
            </a:endParaRPr>
          </a:p>
        </p:txBody>
      </p:sp>
      <p:sp>
        <p:nvSpPr>
          <p:cNvPr id="19" name="object 19"/>
          <p:cNvSpPr txBox="1"/>
          <p:nvPr/>
        </p:nvSpPr>
        <p:spPr>
          <a:xfrm>
            <a:off x="6001156" y="4661051"/>
            <a:ext cx="872047" cy="326822"/>
          </a:xfrm>
          <a:prstGeom prst="rect">
            <a:avLst/>
          </a:prstGeom>
        </p:spPr>
        <p:txBody>
          <a:bodyPr vert="horz" wrap="square" lIns="0" tIns="10860" rIns="0" bIns="0" rtlCol="0">
            <a:spAutoFit/>
          </a:bodyPr>
          <a:lstStyle/>
          <a:p>
            <a:pPr marL="110227" marR="4344" indent="-110769">
              <a:spcBef>
                <a:spcPts val="86"/>
              </a:spcBef>
            </a:pPr>
            <a:r>
              <a:rPr sz="684" spc="-4" dirty="0">
                <a:solidFill>
                  <a:srgbClr val="215967"/>
                </a:solidFill>
                <a:latin typeface="Meiryo UI"/>
                <a:cs typeface="Meiryo UI"/>
              </a:rPr>
              <a:t>広域の道路・鉄道</a:t>
            </a:r>
            <a:r>
              <a:rPr sz="684" spc="-9" dirty="0">
                <a:solidFill>
                  <a:srgbClr val="215967"/>
                </a:solidFill>
                <a:latin typeface="Meiryo UI"/>
                <a:cs typeface="Meiryo UI"/>
              </a:rPr>
              <a:t>NW</a:t>
            </a:r>
            <a:r>
              <a:rPr sz="684" spc="-43" dirty="0">
                <a:solidFill>
                  <a:srgbClr val="215967"/>
                </a:solidFill>
                <a:latin typeface="Meiryo UI"/>
                <a:cs typeface="Meiryo UI"/>
              </a:rPr>
              <a:t>の</a:t>
            </a:r>
            <a:r>
              <a:rPr sz="684" spc="-17" dirty="0">
                <a:solidFill>
                  <a:srgbClr val="215967"/>
                </a:solidFill>
                <a:latin typeface="Meiryo UI"/>
                <a:cs typeface="Meiryo UI"/>
              </a:rPr>
              <a:t>つながりなども考慮</a:t>
            </a:r>
            <a:endParaRPr sz="684">
              <a:latin typeface="Meiryo UI"/>
              <a:cs typeface="Meiryo UI"/>
            </a:endParaRPr>
          </a:p>
        </p:txBody>
      </p:sp>
      <p:pic>
        <p:nvPicPr>
          <p:cNvPr id="20" name="object 20"/>
          <p:cNvPicPr/>
          <p:nvPr/>
        </p:nvPicPr>
        <p:blipFill>
          <a:blip r:embed="rId4" cstate="print"/>
          <a:stretch>
            <a:fillRect/>
          </a:stretch>
        </p:blipFill>
        <p:spPr>
          <a:xfrm>
            <a:off x="1326641" y="2439557"/>
            <a:ext cx="639862" cy="462630"/>
          </a:xfrm>
          <a:prstGeom prst="rect">
            <a:avLst/>
          </a:prstGeom>
        </p:spPr>
      </p:pic>
      <p:sp>
        <p:nvSpPr>
          <p:cNvPr id="21" name="object 21"/>
          <p:cNvSpPr txBox="1"/>
          <p:nvPr/>
        </p:nvSpPr>
        <p:spPr>
          <a:xfrm>
            <a:off x="1373555" y="2463884"/>
            <a:ext cx="559283" cy="536716"/>
          </a:xfrm>
          <a:prstGeom prst="rect">
            <a:avLst/>
          </a:prstGeom>
        </p:spPr>
        <p:txBody>
          <a:bodyPr vert="horz" wrap="square" lIns="0" tIns="10317" rIns="0" bIns="0" rtlCol="0">
            <a:spAutoFit/>
          </a:bodyPr>
          <a:lstStyle/>
          <a:p>
            <a:pPr marR="4344" indent="21720" algn="just">
              <a:spcBef>
                <a:spcPts val="81"/>
              </a:spcBef>
            </a:pPr>
            <a:r>
              <a:rPr sz="855" spc="-17" dirty="0">
                <a:solidFill>
                  <a:srgbClr val="8064A1"/>
                </a:solidFill>
                <a:latin typeface="Meiryo UI"/>
                <a:cs typeface="Meiryo UI"/>
              </a:rPr>
              <a:t>都道府県、技術センター等との連携</a:t>
            </a:r>
            <a:endParaRPr sz="855">
              <a:latin typeface="Meiryo UI"/>
              <a:cs typeface="Meiryo UI"/>
            </a:endParaRPr>
          </a:p>
        </p:txBody>
      </p:sp>
      <p:grpSp>
        <p:nvGrpSpPr>
          <p:cNvPr id="22" name="object 22"/>
          <p:cNvGrpSpPr/>
          <p:nvPr/>
        </p:nvGrpSpPr>
        <p:grpSpPr>
          <a:xfrm>
            <a:off x="2683254" y="2960831"/>
            <a:ext cx="3881313" cy="917658"/>
            <a:chOff x="3137916" y="3233927"/>
            <a:chExt cx="4538980" cy="1073150"/>
          </a:xfrm>
        </p:grpSpPr>
        <p:sp>
          <p:nvSpPr>
            <p:cNvPr id="23" name="object 23"/>
            <p:cNvSpPr/>
            <p:nvPr/>
          </p:nvSpPr>
          <p:spPr>
            <a:xfrm>
              <a:off x="3137916" y="3233927"/>
              <a:ext cx="1431290" cy="1069975"/>
            </a:xfrm>
            <a:custGeom>
              <a:avLst/>
              <a:gdLst/>
              <a:ahLst/>
              <a:cxnLst/>
              <a:rect l="l" t="t" r="r" b="b"/>
              <a:pathLst>
                <a:path w="1431289" h="1069975">
                  <a:moveTo>
                    <a:pt x="1284732" y="0"/>
                  </a:moveTo>
                  <a:lnTo>
                    <a:pt x="146304" y="0"/>
                  </a:lnTo>
                  <a:lnTo>
                    <a:pt x="100071" y="7461"/>
                  </a:lnTo>
                  <a:lnTo>
                    <a:pt x="59911" y="28236"/>
                  </a:lnTo>
                  <a:lnTo>
                    <a:pt x="28236" y="59911"/>
                  </a:lnTo>
                  <a:lnTo>
                    <a:pt x="7461" y="100071"/>
                  </a:lnTo>
                  <a:lnTo>
                    <a:pt x="0" y="146304"/>
                  </a:lnTo>
                  <a:lnTo>
                    <a:pt x="0" y="922020"/>
                  </a:lnTo>
                  <a:lnTo>
                    <a:pt x="7461" y="968995"/>
                  </a:lnTo>
                  <a:lnTo>
                    <a:pt x="28236" y="1009607"/>
                  </a:lnTo>
                  <a:lnTo>
                    <a:pt x="59911" y="1041513"/>
                  </a:lnTo>
                  <a:lnTo>
                    <a:pt x="100071" y="1062374"/>
                  </a:lnTo>
                  <a:lnTo>
                    <a:pt x="146304" y="1069848"/>
                  </a:lnTo>
                  <a:lnTo>
                    <a:pt x="1284732" y="1069848"/>
                  </a:lnTo>
                  <a:lnTo>
                    <a:pt x="1330964" y="1062374"/>
                  </a:lnTo>
                  <a:lnTo>
                    <a:pt x="1371124" y="1041513"/>
                  </a:lnTo>
                  <a:lnTo>
                    <a:pt x="1402799" y="1009607"/>
                  </a:lnTo>
                  <a:lnTo>
                    <a:pt x="1423574" y="968995"/>
                  </a:lnTo>
                  <a:lnTo>
                    <a:pt x="1431035" y="922020"/>
                  </a:lnTo>
                  <a:lnTo>
                    <a:pt x="1431035" y="146304"/>
                  </a:lnTo>
                  <a:lnTo>
                    <a:pt x="1423574" y="100071"/>
                  </a:lnTo>
                  <a:lnTo>
                    <a:pt x="1402799" y="59911"/>
                  </a:lnTo>
                  <a:lnTo>
                    <a:pt x="1371124" y="28236"/>
                  </a:lnTo>
                  <a:lnTo>
                    <a:pt x="1330964" y="7461"/>
                  </a:lnTo>
                  <a:lnTo>
                    <a:pt x="1284732" y="0"/>
                  </a:lnTo>
                  <a:close/>
                </a:path>
              </a:pathLst>
            </a:custGeom>
            <a:solidFill>
              <a:srgbClr val="31859C"/>
            </a:solidFill>
          </p:spPr>
          <p:txBody>
            <a:bodyPr wrap="square" lIns="0" tIns="0" rIns="0" bIns="0" rtlCol="0"/>
            <a:lstStyle/>
            <a:p>
              <a:endParaRPr sz="1749"/>
            </a:p>
          </p:txBody>
        </p:sp>
        <p:sp>
          <p:nvSpPr>
            <p:cNvPr id="24" name="object 24"/>
            <p:cNvSpPr/>
            <p:nvPr/>
          </p:nvSpPr>
          <p:spPr>
            <a:xfrm>
              <a:off x="3322320" y="3625595"/>
              <a:ext cx="1089660" cy="638810"/>
            </a:xfrm>
            <a:custGeom>
              <a:avLst/>
              <a:gdLst/>
              <a:ahLst/>
              <a:cxnLst/>
              <a:rect l="l" t="t" r="r" b="b"/>
              <a:pathLst>
                <a:path w="1089660" h="638810">
                  <a:moveTo>
                    <a:pt x="355092" y="150876"/>
                  </a:moveTo>
                  <a:lnTo>
                    <a:pt x="348754" y="110604"/>
                  </a:lnTo>
                  <a:lnTo>
                    <a:pt x="330873" y="74510"/>
                  </a:lnTo>
                  <a:lnTo>
                    <a:pt x="303085" y="44018"/>
                  </a:lnTo>
                  <a:lnTo>
                    <a:pt x="267030" y="20497"/>
                  </a:lnTo>
                  <a:lnTo>
                    <a:pt x="224383" y="5359"/>
                  </a:lnTo>
                  <a:lnTo>
                    <a:pt x="176784" y="0"/>
                  </a:lnTo>
                  <a:lnTo>
                    <a:pt x="129819" y="5359"/>
                  </a:lnTo>
                  <a:lnTo>
                    <a:pt x="87591" y="20497"/>
                  </a:lnTo>
                  <a:lnTo>
                    <a:pt x="51816" y="44018"/>
                  </a:lnTo>
                  <a:lnTo>
                    <a:pt x="24155" y="74510"/>
                  </a:lnTo>
                  <a:lnTo>
                    <a:pt x="6311" y="110604"/>
                  </a:lnTo>
                  <a:lnTo>
                    <a:pt x="0" y="150876"/>
                  </a:lnTo>
                  <a:lnTo>
                    <a:pt x="6311" y="191274"/>
                  </a:lnTo>
                  <a:lnTo>
                    <a:pt x="24155" y="227647"/>
                  </a:lnTo>
                  <a:lnTo>
                    <a:pt x="51803" y="258508"/>
                  </a:lnTo>
                  <a:lnTo>
                    <a:pt x="87591" y="282397"/>
                  </a:lnTo>
                  <a:lnTo>
                    <a:pt x="129819" y="297815"/>
                  </a:lnTo>
                  <a:lnTo>
                    <a:pt x="176784" y="303276"/>
                  </a:lnTo>
                  <a:lnTo>
                    <a:pt x="224383" y="297815"/>
                  </a:lnTo>
                  <a:lnTo>
                    <a:pt x="267030" y="282397"/>
                  </a:lnTo>
                  <a:lnTo>
                    <a:pt x="303085" y="258508"/>
                  </a:lnTo>
                  <a:lnTo>
                    <a:pt x="330873" y="227647"/>
                  </a:lnTo>
                  <a:lnTo>
                    <a:pt x="348754" y="191274"/>
                  </a:lnTo>
                  <a:lnTo>
                    <a:pt x="355092" y="150876"/>
                  </a:lnTo>
                  <a:close/>
                </a:path>
                <a:path w="1089660" h="638810">
                  <a:moveTo>
                    <a:pt x="719328" y="487680"/>
                  </a:moveTo>
                  <a:lnTo>
                    <a:pt x="713003" y="447294"/>
                  </a:lnTo>
                  <a:lnTo>
                    <a:pt x="695159" y="410921"/>
                  </a:lnTo>
                  <a:lnTo>
                    <a:pt x="667512" y="380047"/>
                  </a:lnTo>
                  <a:lnTo>
                    <a:pt x="631723" y="356171"/>
                  </a:lnTo>
                  <a:lnTo>
                    <a:pt x="589495" y="340753"/>
                  </a:lnTo>
                  <a:lnTo>
                    <a:pt x="542544" y="335280"/>
                  </a:lnTo>
                  <a:lnTo>
                    <a:pt x="495465" y="340753"/>
                  </a:lnTo>
                  <a:lnTo>
                    <a:pt x="452958" y="356171"/>
                  </a:lnTo>
                  <a:lnTo>
                    <a:pt x="416801" y="380047"/>
                  </a:lnTo>
                  <a:lnTo>
                    <a:pt x="388785" y="410921"/>
                  </a:lnTo>
                  <a:lnTo>
                    <a:pt x="370662" y="447294"/>
                  </a:lnTo>
                  <a:lnTo>
                    <a:pt x="364236" y="487680"/>
                  </a:lnTo>
                  <a:lnTo>
                    <a:pt x="370662" y="527964"/>
                  </a:lnTo>
                  <a:lnTo>
                    <a:pt x="388785" y="564057"/>
                  </a:lnTo>
                  <a:lnTo>
                    <a:pt x="416801" y="594550"/>
                  </a:lnTo>
                  <a:lnTo>
                    <a:pt x="452958" y="618070"/>
                  </a:lnTo>
                  <a:lnTo>
                    <a:pt x="495465" y="633209"/>
                  </a:lnTo>
                  <a:lnTo>
                    <a:pt x="542544" y="638556"/>
                  </a:lnTo>
                  <a:lnTo>
                    <a:pt x="589495" y="633209"/>
                  </a:lnTo>
                  <a:lnTo>
                    <a:pt x="631723" y="618070"/>
                  </a:lnTo>
                  <a:lnTo>
                    <a:pt x="667499" y="594550"/>
                  </a:lnTo>
                  <a:lnTo>
                    <a:pt x="695159" y="564057"/>
                  </a:lnTo>
                  <a:lnTo>
                    <a:pt x="713003" y="527964"/>
                  </a:lnTo>
                  <a:lnTo>
                    <a:pt x="719328" y="487680"/>
                  </a:lnTo>
                  <a:close/>
                </a:path>
                <a:path w="1089660" h="638810">
                  <a:moveTo>
                    <a:pt x="1089660" y="150876"/>
                  </a:moveTo>
                  <a:lnTo>
                    <a:pt x="1083335" y="110604"/>
                  </a:lnTo>
                  <a:lnTo>
                    <a:pt x="1065491" y="74510"/>
                  </a:lnTo>
                  <a:lnTo>
                    <a:pt x="1037844" y="44018"/>
                  </a:lnTo>
                  <a:lnTo>
                    <a:pt x="1002055" y="20497"/>
                  </a:lnTo>
                  <a:lnTo>
                    <a:pt x="959827" y="5359"/>
                  </a:lnTo>
                  <a:lnTo>
                    <a:pt x="912876" y="0"/>
                  </a:lnTo>
                  <a:lnTo>
                    <a:pt x="865263" y="5359"/>
                  </a:lnTo>
                  <a:lnTo>
                    <a:pt x="822617" y="20497"/>
                  </a:lnTo>
                  <a:lnTo>
                    <a:pt x="786574" y="44018"/>
                  </a:lnTo>
                  <a:lnTo>
                    <a:pt x="758774" y="74510"/>
                  </a:lnTo>
                  <a:lnTo>
                    <a:pt x="740892" y="110604"/>
                  </a:lnTo>
                  <a:lnTo>
                    <a:pt x="734568" y="150876"/>
                  </a:lnTo>
                  <a:lnTo>
                    <a:pt x="740892" y="191274"/>
                  </a:lnTo>
                  <a:lnTo>
                    <a:pt x="758774" y="227647"/>
                  </a:lnTo>
                  <a:lnTo>
                    <a:pt x="786574" y="258508"/>
                  </a:lnTo>
                  <a:lnTo>
                    <a:pt x="822617" y="282397"/>
                  </a:lnTo>
                  <a:lnTo>
                    <a:pt x="865263" y="297815"/>
                  </a:lnTo>
                  <a:lnTo>
                    <a:pt x="912876" y="303276"/>
                  </a:lnTo>
                  <a:lnTo>
                    <a:pt x="959827" y="297815"/>
                  </a:lnTo>
                  <a:lnTo>
                    <a:pt x="1002055" y="282397"/>
                  </a:lnTo>
                  <a:lnTo>
                    <a:pt x="1037844" y="258508"/>
                  </a:lnTo>
                  <a:lnTo>
                    <a:pt x="1065491" y="227647"/>
                  </a:lnTo>
                  <a:lnTo>
                    <a:pt x="1083335" y="191274"/>
                  </a:lnTo>
                  <a:lnTo>
                    <a:pt x="1089660" y="150876"/>
                  </a:lnTo>
                  <a:close/>
                </a:path>
              </a:pathLst>
            </a:custGeom>
            <a:solidFill>
              <a:srgbClr val="FFFFFF"/>
            </a:solidFill>
          </p:spPr>
          <p:txBody>
            <a:bodyPr wrap="square" lIns="0" tIns="0" rIns="0" bIns="0" rtlCol="0"/>
            <a:lstStyle/>
            <a:p>
              <a:endParaRPr sz="1749"/>
            </a:p>
          </p:txBody>
        </p:sp>
        <p:sp>
          <p:nvSpPr>
            <p:cNvPr id="25" name="object 25"/>
            <p:cNvSpPr/>
            <p:nvPr/>
          </p:nvSpPr>
          <p:spPr>
            <a:xfrm>
              <a:off x="3625596" y="3776472"/>
              <a:ext cx="483234" cy="228600"/>
            </a:xfrm>
            <a:custGeom>
              <a:avLst/>
              <a:gdLst/>
              <a:ahLst/>
              <a:cxnLst/>
              <a:rect l="l" t="t" r="r" b="b"/>
              <a:pathLst>
                <a:path w="483235" h="228600">
                  <a:moveTo>
                    <a:pt x="0" y="108203"/>
                  </a:moveTo>
                  <a:lnTo>
                    <a:pt x="112775" y="228600"/>
                  </a:lnTo>
                </a:path>
                <a:path w="483235" h="228600">
                  <a:moveTo>
                    <a:pt x="51815" y="0"/>
                  </a:moveTo>
                  <a:lnTo>
                    <a:pt x="431291" y="0"/>
                  </a:lnTo>
                </a:path>
                <a:path w="483235" h="228600">
                  <a:moveTo>
                    <a:pt x="483107" y="108203"/>
                  </a:moveTo>
                  <a:lnTo>
                    <a:pt x="364236" y="228600"/>
                  </a:lnTo>
                </a:path>
              </a:pathLst>
            </a:custGeom>
            <a:ln w="18288">
              <a:solidFill>
                <a:srgbClr val="FFFFFF"/>
              </a:solidFill>
            </a:ln>
          </p:spPr>
          <p:txBody>
            <a:bodyPr wrap="square" lIns="0" tIns="0" rIns="0" bIns="0" rtlCol="0"/>
            <a:lstStyle/>
            <a:p>
              <a:endParaRPr sz="1749"/>
            </a:p>
          </p:txBody>
        </p:sp>
        <p:sp>
          <p:nvSpPr>
            <p:cNvPr id="26" name="object 26"/>
            <p:cNvSpPr/>
            <p:nvPr/>
          </p:nvSpPr>
          <p:spPr>
            <a:xfrm>
              <a:off x="6245351" y="3236975"/>
              <a:ext cx="1431290" cy="1069975"/>
            </a:xfrm>
            <a:custGeom>
              <a:avLst/>
              <a:gdLst/>
              <a:ahLst/>
              <a:cxnLst/>
              <a:rect l="l" t="t" r="r" b="b"/>
              <a:pathLst>
                <a:path w="1431290" h="1069975">
                  <a:moveTo>
                    <a:pt x="1284731" y="0"/>
                  </a:moveTo>
                  <a:lnTo>
                    <a:pt x="147827" y="0"/>
                  </a:lnTo>
                  <a:lnTo>
                    <a:pt x="101437" y="7473"/>
                  </a:lnTo>
                  <a:lnTo>
                    <a:pt x="60899" y="28334"/>
                  </a:lnTo>
                  <a:lnTo>
                    <a:pt x="28773" y="60240"/>
                  </a:lnTo>
                  <a:lnTo>
                    <a:pt x="7620" y="100852"/>
                  </a:lnTo>
                  <a:lnTo>
                    <a:pt x="0" y="147828"/>
                  </a:lnTo>
                  <a:lnTo>
                    <a:pt x="0" y="922020"/>
                  </a:lnTo>
                  <a:lnTo>
                    <a:pt x="7620" y="968995"/>
                  </a:lnTo>
                  <a:lnTo>
                    <a:pt x="28773" y="1009607"/>
                  </a:lnTo>
                  <a:lnTo>
                    <a:pt x="60899" y="1041513"/>
                  </a:lnTo>
                  <a:lnTo>
                    <a:pt x="101437" y="1062374"/>
                  </a:lnTo>
                  <a:lnTo>
                    <a:pt x="147827" y="1069848"/>
                  </a:lnTo>
                  <a:lnTo>
                    <a:pt x="1284731" y="1069848"/>
                  </a:lnTo>
                  <a:lnTo>
                    <a:pt x="1330964" y="1062374"/>
                  </a:lnTo>
                  <a:lnTo>
                    <a:pt x="1371124" y="1041513"/>
                  </a:lnTo>
                  <a:lnTo>
                    <a:pt x="1402799" y="1009607"/>
                  </a:lnTo>
                  <a:lnTo>
                    <a:pt x="1423574" y="968995"/>
                  </a:lnTo>
                  <a:lnTo>
                    <a:pt x="1431036" y="922020"/>
                  </a:lnTo>
                  <a:lnTo>
                    <a:pt x="1431036" y="147828"/>
                  </a:lnTo>
                  <a:lnTo>
                    <a:pt x="1423574" y="100852"/>
                  </a:lnTo>
                  <a:lnTo>
                    <a:pt x="1402799" y="60240"/>
                  </a:lnTo>
                  <a:lnTo>
                    <a:pt x="1371124" y="28334"/>
                  </a:lnTo>
                  <a:lnTo>
                    <a:pt x="1330964" y="7473"/>
                  </a:lnTo>
                  <a:lnTo>
                    <a:pt x="1284731" y="0"/>
                  </a:lnTo>
                  <a:close/>
                </a:path>
              </a:pathLst>
            </a:custGeom>
            <a:solidFill>
              <a:srgbClr val="31859C"/>
            </a:solidFill>
          </p:spPr>
          <p:txBody>
            <a:bodyPr wrap="square" lIns="0" tIns="0" rIns="0" bIns="0" rtlCol="0"/>
            <a:lstStyle/>
            <a:p>
              <a:endParaRPr sz="1749"/>
            </a:p>
          </p:txBody>
        </p:sp>
      </p:grpSp>
      <p:sp>
        <p:nvSpPr>
          <p:cNvPr id="27" name="object 27"/>
          <p:cNvSpPr txBox="1"/>
          <p:nvPr/>
        </p:nvSpPr>
        <p:spPr>
          <a:xfrm>
            <a:off x="5404299" y="3675622"/>
            <a:ext cx="785168" cy="360862"/>
          </a:xfrm>
          <a:prstGeom prst="rect">
            <a:avLst/>
          </a:prstGeom>
        </p:spPr>
        <p:txBody>
          <a:bodyPr vert="horz" wrap="square" lIns="0" tIns="52127" rIns="0" bIns="0" rtlCol="0">
            <a:spAutoFit/>
          </a:bodyPr>
          <a:lstStyle/>
          <a:p>
            <a:pPr marR="4344" algn="r">
              <a:spcBef>
                <a:spcPts val="410"/>
              </a:spcBef>
            </a:pPr>
            <a:r>
              <a:rPr sz="898" spc="-9" dirty="0">
                <a:solidFill>
                  <a:srgbClr val="FFFFFF"/>
                </a:solidFill>
                <a:latin typeface="Meiryo UI"/>
                <a:cs typeface="Meiryo UI"/>
              </a:rPr>
              <a:t>ｺﾝｻﾙﾀﾝﾄ</a:t>
            </a:r>
            <a:endParaRPr sz="898">
              <a:latin typeface="Meiryo UI"/>
              <a:cs typeface="Meiryo UI"/>
            </a:endParaRPr>
          </a:p>
          <a:p>
            <a:pPr marL="74389" marR="53756" indent="-74389" algn="r">
              <a:spcBef>
                <a:spcPts val="299"/>
              </a:spcBef>
              <a:buFont typeface="Arial"/>
              <a:buChar char="•"/>
              <a:tabLst>
                <a:tab pos="74389" algn="l"/>
              </a:tabLst>
            </a:pPr>
            <a:r>
              <a:rPr sz="855" b="1" spc="-17" dirty="0">
                <a:latin typeface="Meiryo UI"/>
                <a:cs typeface="Meiryo UI"/>
              </a:rPr>
              <a:t>事業者間連携</a:t>
            </a:r>
            <a:endParaRPr sz="855">
              <a:latin typeface="Meiryo UI"/>
              <a:cs typeface="Meiryo UI"/>
            </a:endParaRPr>
          </a:p>
        </p:txBody>
      </p:sp>
      <p:sp>
        <p:nvSpPr>
          <p:cNvPr id="28" name="object 28"/>
          <p:cNvSpPr txBox="1"/>
          <p:nvPr/>
        </p:nvSpPr>
        <p:spPr>
          <a:xfrm>
            <a:off x="6246155" y="3482974"/>
            <a:ext cx="316022" cy="268188"/>
          </a:xfrm>
          <a:prstGeom prst="rect">
            <a:avLst/>
          </a:prstGeom>
        </p:spPr>
        <p:txBody>
          <a:bodyPr vert="horz" wrap="square" lIns="0" tIns="11403" rIns="0" bIns="0" rtlCol="0">
            <a:spAutoFit/>
          </a:bodyPr>
          <a:lstStyle/>
          <a:p>
            <a:pPr>
              <a:spcBef>
                <a:spcPts val="90"/>
              </a:spcBef>
            </a:pPr>
            <a:r>
              <a:rPr sz="898" spc="-17" dirty="0">
                <a:solidFill>
                  <a:srgbClr val="FFFFFF"/>
                </a:solidFill>
                <a:latin typeface="Meiryo UI"/>
                <a:cs typeface="Meiryo UI"/>
              </a:rPr>
              <a:t>ﾒｰｶｰ</a:t>
            </a:r>
            <a:endParaRPr sz="898">
              <a:latin typeface="Meiryo UI"/>
              <a:cs typeface="Meiryo UI"/>
            </a:endParaRPr>
          </a:p>
          <a:p>
            <a:pPr marL="206879">
              <a:spcBef>
                <a:spcPts val="13"/>
              </a:spcBef>
            </a:pPr>
            <a:r>
              <a:rPr sz="770" spc="-43" dirty="0">
                <a:solidFill>
                  <a:srgbClr val="FFFFFF"/>
                </a:solidFill>
                <a:latin typeface="Meiryo UI"/>
                <a:cs typeface="Meiryo UI"/>
              </a:rPr>
              <a:t>等</a:t>
            </a:r>
            <a:endParaRPr sz="770">
              <a:latin typeface="Meiryo UI"/>
              <a:cs typeface="Meiryo UI"/>
            </a:endParaRPr>
          </a:p>
        </p:txBody>
      </p:sp>
      <p:grpSp>
        <p:nvGrpSpPr>
          <p:cNvPr id="29" name="object 29"/>
          <p:cNvGrpSpPr/>
          <p:nvPr/>
        </p:nvGrpSpPr>
        <p:grpSpPr>
          <a:xfrm>
            <a:off x="2147645" y="3268382"/>
            <a:ext cx="4236973" cy="1811424"/>
            <a:chOff x="2511551" y="3593591"/>
            <a:chExt cx="4954905" cy="2118360"/>
          </a:xfrm>
        </p:grpSpPr>
        <p:pic>
          <p:nvPicPr>
            <p:cNvPr id="30" name="object 30"/>
            <p:cNvPicPr/>
            <p:nvPr/>
          </p:nvPicPr>
          <p:blipFill>
            <a:blip r:embed="rId5" cstate="print"/>
            <a:stretch>
              <a:fillRect/>
            </a:stretch>
          </p:blipFill>
          <p:spPr>
            <a:xfrm>
              <a:off x="6825995" y="3863339"/>
              <a:ext cx="283464" cy="307848"/>
            </a:xfrm>
            <a:prstGeom prst="rect">
              <a:avLst/>
            </a:prstGeom>
          </p:spPr>
        </p:pic>
        <p:pic>
          <p:nvPicPr>
            <p:cNvPr id="31" name="object 31"/>
            <p:cNvPicPr/>
            <p:nvPr/>
          </p:nvPicPr>
          <p:blipFill>
            <a:blip r:embed="rId6" cstate="print"/>
            <a:stretch>
              <a:fillRect/>
            </a:stretch>
          </p:blipFill>
          <p:spPr>
            <a:xfrm>
              <a:off x="6457187" y="3593591"/>
              <a:ext cx="281939" cy="307848"/>
            </a:xfrm>
            <a:prstGeom prst="rect">
              <a:avLst/>
            </a:prstGeom>
          </p:spPr>
        </p:pic>
        <p:pic>
          <p:nvPicPr>
            <p:cNvPr id="32" name="object 32"/>
            <p:cNvPicPr/>
            <p:nvPr/>
          </p:nvPicPr>
          <p:blipFill>
            <a:blip r:embed="rId7" cstate="print"/>
            <a:stretch>
              <a:fillRect/>
            </a:stretch>
          </p:blipFill>
          <p:spPr>
            <a:xfrm>
              <a:off x="7184136" y="3593591"/>
              <a:ext cx="281940" cy="307848"/>
            </a:xfrm>
            <a:prstGeom prst="rect">
              <a:avLst/>
            </a:prstGeom>
          </p:spPr>
        </p:pic>
        <p:sp>
          <p:nvSpPr>
            <p:cNvPr id="33" name="object 33"/>
            <p:cNvSpPr/>
            <p:nvPr/>
          </p:nvSpPr>
          <p:spPr>
            <a:xfrm>
              <a:off x="2511551" y="5254751"/>
              <a:ext cx="1271270" cy="457200"/>
            </a:xfrm>
            <a:custGeom>
              <a:avLst/>
              <a:gdLst/>
              <a:ahLst/>
              <a:cxnLst/>
              <a:rect l="l" t="t" r="r" b="b"/>
              <a:pathLst>
                <a:path w="1271270" h="457200">
                  <a:moveTo>
                    <a:pt x="1173480" y="0"/>
                  </a:moveTo>
                  <a:lnTo>
                    <a:pt x="97536" y="0"/>
                  </a:lnTo>
                  <a:lnTo>
                    <a:pt x="59793" y="7739"/>
                  </a:lnTo>
                  <a:lnTo>
                    <a:pt x="28765" y="28765"/>
                  </a:lnTo>
                  <a:lnTo>
                    <a:pt x="7739" y="59793"/>
                  </a:lnTo>
                  <a:lnTo>
                    <a:pt x="0" y="97535"/>
                  </a:lnTo>
                  <a:lnTo>
                    <a:pt x="0" y="359663"/>
                  </a:lnTo>
                  <a:lnTo>
                    <a:pt x="7739" y="398049"/>
                  </a:lnTo>
                  <a:lnTo>
                    <a:pt x="28765" y="429005"/>
                  </a:lnTo>
                  <a:lnTo>
                    <a:pt x="59793" y="449675"/>
                  </a:lnTo>
                  <a:lnTo>
                    <a:pt x="97536" y="457199"/>
                  </a:lnTo>
                  <a:lnTo>
                    <a:pt x="1173480" y="457199"/>
                  </a:lnTo>
                  <a:lnTo>
                    <a:pt x="1211222" y="449675"/>
                  </a:lnTo>
                  <a:lnTo>
                    <a:pt x="1242250" y="429005"/>
                  </a:lnTo>
                  <a:lnTo>
                    <a:pt x="1263276" y="398049"/>
                  </a:lnTo>
                  <a:lnTo>
                    <a:pt x="1271015" y="359663"/>
                  </a:lnTo>
                  <a:lnTo>
                    <a:pt x="1271015" y="97535"/>
                  </a:lnTo>
                  <a:lnTo>
                    <a:pt x="1263276" y="59793"/>
                  </a:lnTo>
                  <a:lnTo>
                    <a:pt x="1242250" y="28765"/>
                  </a:lnTo>
                  <a:lnTo>
                    <a:pt x="1211222" y="7739"/>
                  </a:lnTo>
                  <a:lnTo>
                    <a:pt x="1173480" y="0"/>
                  </a:lnTo>
                  <a:close/>
                </a:path>
              </a:pathLst>
            </a:custGeom>
            <a:solidFill>
              <a:srgbClr val="77933B"/>
            </a:solidFill>
          </p:spPr>
          <p:txBody>
            <a:bodyPr wrap="square" lIns="0" tIns="0" rIns="0" bIns="0" rtlCol="0"/>
            <a:lstStyle/>
            <a:p>
              <a:endParaRPr sz="1749"/>
            </a:p>
          </p:txBody>
        </p:sp>
      </p:grpSp>
      <p:sp>
        <p:nvSpPr>
          <p:cNvPr id="34" name="object 34"/>
          <p:cNvSpPr txBox="1"/>
          <p:nvPr/>
        </p:nvSpPr>
        <p:spPr>
          <a:xfrm>
            <a:off x="2250597" y="4736636"/>
            <a:ext cx="529961" cy="426051"/>
          </a:xfrm>
          <a:prstGeom prst="rect">
            <a:avLst/>
          </a:prstGeom>
        </p:spPr>
        <p:txBody>
          <a:bodyPr vert="horz" wrap="square" lIns="0" tIns="11403" rIns="0" bIns="0" rtlCol="0">
            <a:spAutoFit/>
          </a:bodyPr>
          <a:lstStyle/>
          <a:p>
            <a:pPr marR="4344" indent="152037">
              <a:spcBef>
                <a:spcPts val="90"/>
              </a:spcBef>
            </a:pPr>
            <a:r>
              <a:rPr sz="898" b="1" spc="-17" dirty="0">
                <a:solidFill>
                  <a:srgbClr val="FFFFFF"/>
                </a:solidFill>
                <a:latin typeface="Meiryo UI"/>
                <a:cs typeface="Meiryo UI"/>
              </a:rPr>
              <a:t>地域の</a:t>
            </a:r>
            <a:r>
              <a:rPr sz="898" b="1" spc="-13" dirty="0">
                <a:solidFill>
                  <a:srgbClr val="FFFFFF"/>
                </a:solidFill>
                <a:latin typeface="Meiryo UI"/>
                <a:cs typeface="Meiryo UI"/>
              </a:rPr>
              <a:t>大学・高専</a:t>
            </a:r>
            <a:endParaRPr sz="898">
              <a:latin typeface="Meiryo UI"/>
              <a:cs typeface="Meiryo UI"/>
            </a:endParaRPr>
          </a:p>
        </p:txBody>
      </p:sp>
      <p:sp>
        <p:nvSpPr>
          <p:cNvPr id="35" name="object 35"/>
          <p:cNvSpPr txBox="1"/>
          <p:nvPr/>
        </p:nvSpPr>
        <p:spPr>
          <a:xfrm>
            <a:off x="2769264" y="4877442"/>
            <a:ext cx="115114" cy="145856"/>
          </a:xfrm>
          <a:prstGeom prst="rect">
            <a:avLst/>
          </a:prstGeom>
        </p:spPr>
        <p:txBody>
          <a:bodyPr vert="horz" wrap="square" lIns="0" tIns="7602" rIns="0" bIns="0" rtlCol="0">
            <a:spAutoFit/>
          </a:bodyPr>
          <a:lstStyle/>
          <a:p>
            <a:pPr>
              <a:spcBef>
                <a:spcPts val="60"/>
              </a:spcBef>
            </a:pPr>
            <a:r>
              <a:rPr sz="898" b="1" spc="-43" dirty="0">
                <a:solidFill>
                  <a:srgbClr val="FFFFFF"/>
                </a:solidFill>
                <a:latin typeface="Meiryo UI"/>
                <a:cs typeface="Meiryo UI"/>
              </a:rPr>
              <a:t>等</a:t>
            </a:r>
            <a:endParaRPr sz="898">
              <a:latin typeface="Meiryo UI"/>
              <a:cs typeface="Meiryo UI"/>
            </a:endParaRPr>
          </a:p>
        </p:txBody>
      </p:sp>
      <p:grpSp>
        <p:nvGrpSpPr>
          <p:cNvPr id="36" name="object 36"/>
          <p:cNvGrpSpPr/>
          <p:nvPr/>
        </p:nvGrpSpPr>
        <p:grpSpPr>
          <a:xfrm>
            <a:off x="1520814" y="2528175"/>
            <a:ext cx="6515914" cy="2545551"/>
            <a:chOff x="1778507" y="2727960"/>
            <a:chExt cx="7620000" cy="2976880"/>
          </a:xfrm>
        </p:grpSpPr>
        <p:pic>
          <p:nvPicPr>
            <p:cNvPr id="37" name="object 37"/>
            <p:cNvPicPr/>
            <p:nvPr/>
          </p:nvPicPr>
          <p:blipFill>
            <a:blip r:embed="rId8" cstate="print"/>
            <a:stretch>
              <a:fillRect/>
            </a:stretch>
          </p:blipFill>
          <p:spPr>
            <a:xfrm>
              <a:off x="3351275" y="5268467"/>
              <a:ext cx="428244" cy="435863"/>
            </a:xfrm>
            <a:prstGeom prst="rect">
              <a:avLst/>
            </a:prstGeom>
          </p:spPr>
        </p:pic>
        <p:sp>
          <p:nvSpPr>
            <p:cNvPr id="38" name="object 38"/>
            <p:cNvSpPr/>
            <p:nvPr/>
          </p:nvSpPr>
          <p:spPr>
            <a:xfrm>
              <a:off x="1778507" y="5218176"/>
              <a:ext cx="731520" cy="228600"/>
            </a:xfrm>
            <a:custGeom>
              <a:avLst/>
              <a:gdLst/>
              <a:ahLst/>
              <a:cxnLst/>
              <a:rect l="l" t="t" r="r" b="b"/>
              <a:pathLst>
                <a:path w="731519" h="228600">
                  <a:moveTo>
                    <a:pt x="502919" y="0"/>
                  </a:moveTo>
                  <a:lnTo>
                    <a:pt x="502919" y="228599"/>
                  </a:lnTo>
                  <a:lnTo>
                    <a:pt x="655319" y="152399"/>
                  </a:lnTo>
                  <a:lnTo>
                    <a:pt x="541019" y="152399"/>
                  </a:lnTo>
                  <a:lnTo>
                    <a:pt x="541019" y="76199"/>
                  </a:lnTo>
                  <a:lnTo>
                    <a:pt x="655319" y="76199"/>
                  </a:lnTo>
                  <a:lnTo>
                    <a:pt x="502919" y="0"/>
                  </a:lnTo>
                  <a:close/>
                </a:path>
                <a:path w="731519" h="228600">
                  <a:moveTo>
                    <a:pt x="502919" y="76199"/>
                  </a:moveTo>
                  <a:lnTo>
                    <a:pt x="0" y="76199"/>
                  </a:lnTo>
                  <a:lnTo>
                    <a:pt x="0" y="152399"/>
                  </a:lnTo>
                  <a:lnTo>
                    <a:pt x="502919" y="152399"/>
                  </a:lnTo>
                  <a:lnTo>
                    <a:pt x="502919" y="76199"/>
                  </a:lnTo>
                  <a:close/>
                </a:path>
                <a:path w="731519" h="228600">
                  <a:moveTo>
                    <a:pt x="655319" y="76199"/>
                  </a:moveTo>
                  <a:lnTo>
                    <a:pt x="541019" y="76199"/>
                  </a:lnTo>
                  <a:lnTo>
                    <a:pt x="541019" y="152399"/>
                  </a:lnTo>
                  <a:lnTo>
                    <a:pt x="655319" y="152399"/>
                  </a:lnTo>
                  <a:lnTo>
                    <a:pt x="731519" y="114299"/>
                  </a:lnTo>
                  <a:lnTo>
                    <a:pt x="655319" y="76199"/>
                  </a:lnTo>
                  <a:close/>
                </a:path>
              </a:pathLst>
            </a:custGeom>
            <a:solidFill>
              <a:srgbClr val="8064A1"/>
            </a:solidFill>
          </p:spPr>
          <p:txBody>
            <a:bodyPr wrap="square" lIns="0" tIns="0" rIns="0" bIns="0" rtlCol="0"/>
            <a:lstStyle/>
            <a:p>
              <a:endParaRPr sz="1749"/>
            </a:p>
          </p:txBody>
        </p:sp>
        <p:pic>
          <p:nvPicPr>
            <p:cNvPr id="39" name="object 39"/>
            <p:cNvPicPr/>
            <p:nvPr/>
          </p:nvPicPr>
          <p:blipFill>
            <a:blip r:embed="rId9" cstate="print"/>
            <a:stretch>
              <a:fillRect/>
            </a:stretch>
          </p:blipFill>
          <p:spPr>
            <a:xfrm>
              <a:off x="8493251" y="2727960"/>
              <a:ext cx="905255" cy="399288"/>
            </a:xfrm>
            <a:prstGeom prst="rect">
              <a:avLst/>
            </a:prstGeom>
          </p:spPr>
        </p:pic>
      </p:grpSp>
      <p:sp>
        <p:nvSpPr>
          <p:cNvPr id="40" name="object 40"/>
          <p:cNvSpPr txBox="1"/>
          <p:nvPr/>
        </p:nvSpPr>
        <p:spPr>
          <a:xfrm>
            <a:off x="7334312" y="2557714"/>
            <a:ext cx="640732" cy="273567"/>
          </a:xfrm>
          <a:prstGeom prst="rect">
            <a:avLst/>
          </a:prstGeom>
        </p:spPr>
        <p:txBody>
          <a:bodyPr vert="horz" wrap="square" lIns="0" tIns="10317" rIns="0" bIns="0" rtlCol="0">
            <a:spAutoFit/>
          </a:bodyPr>
          <a:lstStyle/>
          <a:p>
            <a:pPr marR="4887" algn="ctr">
              <a:spcBef>
                <a:spcPts val="81"/>
              </a:spcBef>
            </a:pPr>
            <a:r>
              <a:rPr sz="855" spc="-26" dirty="0">
                <a:solidFill>
                  <a:srgbClr val="8064A1"/>
                </a:solidFill>
                <a:latin typeface="Meiryo UI"/>
                <a:cs typeface="Meiryo UI"/>
              </a:rPr>
              <a:t>新たな</a:t>
            </a:r>
            <a:endParaRPr sz="855">
              <a:latin typeface="Meiryo UI"/>
              <a:cs typeface="Meiryo UI"/>
            </a:endParaRPr>
          </a:p>
          <a:p>
            <a:pPr marR="4344" algn="ctr"/>
            <a:r>
              <a:rPr sz="855" spc="-17" dirty="0">
                <a:solidFill>
                  <a:srgbClr val="8064A1"/>
                </a:solidFill>
                <a:latin typeface="Meiryo UI"/>
                <a:cs typeface="Meiryo UI"/>
              </a:rPr>
              <a:t>事業者の参入</a:t>
            </a:r>
            <a:endParaRPr sz="855">
              <a:latin typeface="Meiryo UI"/>
              <a:cs typeface="Meiryo UI"/>
            </a:endParaRPr>
          </a:p>
        </p:txBody>
      </p:sp>
      <p:sp>
        <p:nvSpPr>
          <p:cNvPr id="41" name="object 41"/>
          <p:cNvSpPr txBox="1"/>
          <p:nvPr/>
        </p:nvSpPr>
        <p:spPr>
          <a:xfrm>
            <a:off x="2880034" y="3026860"/>
            <a:ext cx="866074" cy="1150923"/>
          </a:xfrm>
          <a:prstGeom prst="rect">
            <a:avLst/>
          </a:prstGeom>
        </p:spPr>
        <p:txBody>
          <a:bodyPr vert="horz" wrap="square" lIns="0" tIns="10317" rIns="0" bIns="0" rtlCol="0">
            <a:spAutoFit/>
          </a:bodyPr>
          <a:lstStyle/>
          <a:p>
            <a:pPr marR="26063" algn="ctr">
              <a:spcBef>
                <a:spcPts val="81"/>
              </a:spcBef>
            </a:pPr>
            <a:r>
              <a:rPr sz="1368" b="1" spc="-30" dirty="0">
                <a:solidFill>
                  <a:srgbClr val="FFFFFF"/>
                </a:solidFill>
                <a:latin typeface="Meiryo UI"/>
                <a:cs typeface="Meiryo UI"/>
              </a:rPr>
              <a:t>自治体</a:t>
            </a:r>
            <a:endParaRPr sz="1368">
              <a:latin typeface="Meiryo UI"/>
              <a:cs typeface="Meiryo UI"/>
            </a:endParaRPr>
          </a:p>
          <a:p>
            <a:pPr marR="4344" algn="ctr">
              <a:lnSpc>
                <a:spcPts val="2257"/>
              </a:lnSpc>
              <a:spcBef>
                <a:spcPts val="13"/>
              </a:spcBef>
              <a:tabLst>
                <a:tab pos="629324" algn="l"/>
              </a:tabLst>
            </a:pPr>
            <a:r>
              <a:rPr sz="1026" b="1" spc="-9" dirty="0">
                <a:solidFill>
                  <a:srgbClr val="215967"/>
                </a:solidFill>
                <a:latin typeface="Meiryo UI"/>
                <a:cs typeface="Meiryo UI"/>
              </a:rPr>
              <a:t>A</a:t>
            </a:r>
            <a:r>
              <a:rPr sz="1026" b="1" spc="-43" dirty="0">
                <a:solidFill>
                  <a:srgbClr val="215967"/>
                </a:solidFill>
                <a:latin typeface="Meiryo UI"/>
                <a:cs typeface="Meiryo UI"/>
              </a:rPr>
              <a:t>市</a:t>
            </a:r>
            <a:r>
              <a:rPr sz="1026" b="1" dirty="0">
                <a:solidFill>
                  <a:srgbClr val="215967"/>
                </a:solidFill>
                <a:latin typeface="Meiryo UI"/>
                <a:cs typeface="Meiryo UI"/>
              </a:rPr>
              <a:t>	</a:t>
            </a:r>
            <a:r>
              <a:rPr sz="1026" b="1" spc="-9" dirty="0">
                <a:solidFill>
                  <a:srgbClr val="215967"/>
                </a:solidFill>
                <a:latin typeface="Meiryo UI"/>
                <a:cs typeface="Meiryo UI"/>
              </a:rPr>
              <a:t>B</a:t>
            </a:r>
            <a:r>
              <a:rPr sz="1026" b="1" spc="-43" dirty="0">
                <a:solidFill>
                  <a:srgbClr val="215967"/>
                </a:solidFill>
                <a:latin typeface="Meiryo UI"/>
                <a:cs typeface="Meiryo UI"/>
              </a:rPr>
              <a:t>町 </a:t>
            </a:r>
            <a:r>
              <a:rPr sz="1026" b="1" dirty="0">
                <a:solidFill>
                  <a:srgbClr val="215967"/>
                </a:solidFill>
                <a:latin typeface="Meiryo UI"/>
                <a:cs typeface="Meiryo UI"/>
              </a:rPr>
              <a:t>C</a:t>
            </a:r>
            <a:r>
              <a:rPr sz="1026" b="1" spc="-43" dirty="0">
                <a:solidFill>
                  <a:srgbClr val="215967"/>
                </a:solidFill>
                <a:latin typeface="Meiryo UI"/>
                <a:cs typeface="Meiryo UI"/>
              </a:rPr>
              <a:t>村</a:t>
            </a:r>
            <a:endParaRPr sz="1026">
              <a:latin typeface="Meiryo UI"/>
              <a:cs typeface="Meiryo UI"/>
            </a:endParaRPr>
          </a:p>
          <a:p>
            <a:pPr marL="74389" marR="120000" indent="-74389" algn="r">
              <a:spcBef>
                <a:spcPts val="560"/>
              </a:spcBef>
              <a:buFont typeface="Arial"/>
              <a:buChar char="•"/>
              <a:tabLst>
                <a:tab pos="74389" algn="l"/>
              </a:tabLst>
            </a:pPr>
            <a:r>
              <a:rPr sz="855" b="1" spc="-17" dirty="0">
                <a:latin typeface="Meiryo UI"/>
                <a:cs typeface="Meiryo UI"/>
              </a:rPr>
              <a:t>自治体間連携</a:t>
            </a:r>
            <a:endParaRPr sz="855">
              <a:latin typeface="Meiryo UI"/>
              <a:cs typeface="Meiryo UI"/>
            </a:endParaRPr>
          </a:p>
          <a:p>
            <a:pPr marR="123801" algn="r"/>
            <a:r>
              <a:rPr sz="855" b="1" spc="-9" dirty="0">
                <a:latin typeface="Meiryo UI"/>
                <a:cs typeface="Meiryo UI"/>
              </a:rPr>
              <a:t>（広域連携</a:t>
            </a:r>
            <a:r>
              <a:rPr sz="855" b="1" spc="-43" dirty="0">
                <a:latin typeface="Meiryo UI"/>
                <a:cs typeface="Meiryo UI"/>
              </a:rPr>
              <a:t>）</a:t>
            </a:r>
            <a:endParaRPr sz="855">
              <a:latin typeface="Meiryo UI"/>
              <a:cs typeface="Meiryo UI"/>
            </a:endParaRPr>
          </a:p>
        </p:txBody>
      </p:sp>
      <p:grpSp>
        <p:nvGrpSpPr>
          <p:cNvPr id="42" name="object 42"/>
          <p:cNvGrpSpPr/>
          <p:nvPr/>
        </p:nvGrpSpPr>
        <p:grpSpPr>
          <a:xfrm>
            <a:off x="4121261" y="2913211"/>
            <a:ext cx="1008881" cy="994763"/>
            <a:chOff x="4819586" y="3178238"/>
            <a:chExt cx="1179830" cy="1163320"/>
          </a:xfrm>
        </p:grpSpPr>
        <p:sp>
          <p:nvSpPr>
            <p:cNvPr id="43" name="object 43"/>
            <p:cNvSpPr/>
            <p:nvPr/>
          </p:nvSpPr>
          <p:spPr>
            <a:xfrm>
              <a:off x="4832603" y="3191256"/>
              <a:ext cx="1153795" cy="1137285"/>
            </a:xfrm>
            <a:custGeom>
              <a:avLst/>
              <a:gdLst/>
              <a:ahLst/>
              <a:cxnLst/>
              <a:rect l="l" t="t" r="r" b="b"/>
              <a:pathLst>
                <a:path w="1153795" h="1137285">
                  <a:moveTo>
                    <a:pt x="576072" y="0"/>
                  </a:moveTo>
                  <a:lnTo>
                    <a:pt x="528776" y="1884"/>
                  </a:lnTo>
                  <a:lnTo>
                    <a:pt x="482542" y="7440"/>
                  </a:lnTo>
                  <a:lnTo>
                    <a:pt x="437518" y="16520"/>
                  </a:lnTo>
                  <a:lnTo>
                    <a:pt x="393850" y="28980"/>
                  </a:lnTo>
                  <a:lnTo>
                    <a:pt x="351686" y="44672"/>
                  </a:lnTo>
                  <a:lnTo>
                    <a:pt x="311174" y="63450"/>
                  </a:lnTo>
                  <a:lnTo>
                    <a:pt x="272462" y="85167"/>
                  </a:lnTo>
                  <a:lnTo>
                    <a:pt x="235695" y="109679"/>
                  </a:lnTo>
                  <a:lnTo>
                    <a:pt x="201023" y="136837"/>
                  </a:lnTo>
                  <a:lnTo>
                    <a:pt x="168592" y="166497"/>
                  </a:lnTo>
                  <a:lnTo>
                    <a:pt x="138550" y="198510"/>
                  </a:lnTo>
                  <a:lnTo>
                    <a:pt x="111044" y="232733"/>
                  </a:lnTo>
                  <a:lnTo>
                    <a:pt x="86222" y="269017"/>
                  </a:lnTo>
                  <a:lnTo>
                    <a:pt x="64232" y="307217"/>
                  </a:lnTo>
                  <a:lnTo>
                    <a:pt x="45219" y="347186"/>
                  </a:lnTo>
                  <a:lnTo>
                    <a:pt x="29333" y="388778"/>
                  </a:lnTo>
                  <a:lnTo>
                    <a:pt x="16721" y="431847"/>
                  </a:lnTo>
                  <a:lnTo>
                    <a:pt x="7530" y="476246"/>
                  </a:lnTo>
                  <a:lnTo>
                    <a:pt x="1907" y="521830"/>
                  </a:lnTo>
                  <a:lnTo>
                    <a:pt x="0" y="568451"/>
                  </a:lnTo>
                  <a:lnTo>
                    <a:pt x="1907" y="615073"/>
                  </a:lnTo>
                  <a:lnTo>
                    <a:pt x="7530" y="660657"/>
                  </a:lnTo>
                  <a:lnTo>
                    <a:pt x="16721" y="705056"/>
                  </a:lnTo>
                  <a:lnTo>
                    <a:pt x="29333" y="748125"/>
                  </a:lnTo>
                  <a:lnTo>
                    <a:pt x="45219" y="789717"/>
                  </a:lnTo>
                  <a:lnTo>
                    <a:pt x="64232" y="829686"/>
                  </a:lnTo>
                  <a:lnTo>
                    <a:pt x="86222" y="867886"/>
                  </a:lnTo>
                  <a:lnTo>
                    <a:pt x="111044" y="904170"/>
                  </a:lnTo>
                  <a:lnTo>
                    <a:pt x="138550" y="938393"/>
                  </a:lnTo>
                  <a:lnTo>
                    <a:pt x="168592" y="970406"/>
                  </a:lnTo>
                  <a:lnTo>
                    <a:pt x="201023" y="1000066"/>
                  </a:lnTo>
                  <a:lnTo>
                    <a:pt x="235695" y="1027224"/>
                  </a:lnTo>
                  <a:lnTo>
                    <a:pt x="272462" y="1051736"/>
                  </a:lnTo>
                  <a:lnTo>
                    <a:pt x="311174" y="1073453"/>
                  </a:lnTo>
                  <a:lnTo>
                    <a:pt x="351686" y="1092231"/>
                  </a:lnTo>
                  <a:lnTo>
                    <a:pt x="393850" y="1107923"/>
                  </a:lnTo>
                  <a:lnTo>
                    <a:pt x="437518" y="1120383"/>
                  </a:lnTo>
                  <a:lnTo>
                    <a:pt x="482542" y="1129463"/>
                  </a:lnTo>
                  <a:lnTo>
                    <a:pt x="528776" y="1135019"/>
                  </a:lnTo>
                  <a:lnTo>
                    <a:pt x="576072" y="1136903"/>
                  </a:lnTo>
                  <a:lnTo>
                    <a:pt x="623584" y="1135019"/>
                  </a:lnTo>
                  <a:lnTo>
                    <a:pt x="670014" y="1129463"/>
                  </a:lnTo>
                  <a:lnTo>
                    <a:pt x="715213" y="1120383"/>
                  </a:lnTo>
                  <a:lnTo>
                    <a:pt x="759037" y="1107923"/>
                  </a:lnTo>
                  <a:lnTo>
                    <a:pt x="801338" y="1092231"/>
                  </a:lnTo>
                  <a:lnTo>
                    <a:pt x="841970" y="1073453"/>
                  </a:lnTo>
                  <a:lnTo>
                    <a:pt x="880787" y="1051736"/>
                  </a:lnTo>
                  <a:lnTo>
                    <a:pt x="917643" y="1027224"/>
                  </a:lnTo>
                  <a:lnTo>
                    <a:pt x="952391" y="1000066"/>
                  </a:lnTo>
                  <a:lnTo>
                    <a:pt x="984885" y="970406"/>
                  </a:lnTo>
                  <a:lnTo>
                    <a:pt x="1014978" y="938393"/>
                  </a:lnTo>
                  <a:lnTo>
                    <a:pt x="1042525" y="904170"/>
                  </a:lnTo>
                  <a:lnTo>
                    <a:pt x="1067379" y="867886"/>
                  </a:lnTo>
                  <a:lnTo>
                    <a:pt x="1089394" y="829686"/>
                  </a:lnTo>
                  <a:lnTo>
                    <a:pt x="1108424" y="789717"/>
                  </a:lnTo>
                  <a:lnTo>
                    <a:pt x="1124321" y="748125"/>
                  </a:lnTo>
                  <a:lnTo>
                    <a:pt x="1136941" y="705056"/>
                  </a:lnTo>
                  <a:lnTo>
                    <a:pt x="1146136" y="660657"/>
                  </a:lnTo>
                  <a:lnTo>
                    <a:pt x="1151760" y="615073"/>
                  </a:lnTo>
                  <a:lnTo>
                    <a:pt x="1153668" y="568451"/>
                  </a:lnTo>
                  <a:lnTo>
                    <a:pt x="1151760" y="521830"/>
                  </a:lnTo>
                  <a:lnTo>
                    <a:pt x="1146136" y="476246"/>
                  </a:lnTo>
                  <a:lnTo>
                    <a:pt x="1136941" y="431847"/>
                  </a:lnTo>
                  <a:lnTo>
                    <a:pt x="1124321" y="388778"/>
                  </a:lnTo>
                  <a:lnTo>
                    <a:pt x="1108424" y="347186"/>
                  </a:lnTo>
                  <a:lnTo>
                    <a:pt x="1089394" y="307217"/>
                  </a:lnTo>
                  <a:lnTo>
                    <a:pt x="1067379" y="269017"/>
                  </a:lnTo>
                  <a:lnTo>
                    <a:pt x="1042525" y="232733"/>
                  </a:lnTo>
                  <a:lnTo>
                    <a:pt x="1014978" y="198510"/>
                  </a:lnTo>
                  <a:lnTo>
                    <a:pt x="984885" y="166496"/>
                  </a:lnTo>
                  <a:lnTo>
                    <a:pt x="952391" y="136837"/>
                  </a:lnTo>
                  <a:lnTo>
                    <a:pt x="917643" y="109679"/>
                  </a:lnTo>
                  <a:lnTo>
                    <a:pt x="880787" y="85167"/>
                  </a:lnTo>
                  <a:lnTo>
                    <a:pt x="841970" y="63450"/>
                  </a:lnTo>
                  <a:lnTo>
                    <a:pt x="801338" y="44672"/>
                  </a:lnTo>
                  <a:lnTo>
                    <a:pt x="759037" y="28980"/>
                  </a:lnTo>
                  <a:lnTo>
                    <a:pt x="715213" y="16520"/>
                  </a:lnTo>
                  <a:lnTo>
                    <a:pt x="670014" y="7440"/>
                  </a:lnTo>
                  <a:lnTo>
                    <a:pt x="623584" y="1884"/>
                  </a:lnTo>
                  <a:lnTo>
                    <a:pt x="576072" y="0"/>
                  </a:lnTo>
                  <a:close/>
                </a:path>
              </a:pathLst>
            </a:custGeom>
            <a:solidFill>
              <a:srgbClr val="DBEDF4"/>
            </a:solidFill>
          </p:spPr>
          <p:txBody>
            <a:bodyPr wrap="square" lIns="0" tIns="0" rIns="0" bIns="0" rtlCol="0"/>
            <a:lstStyle/>
            <a:p>
              <a:endParaRPr sz="1749"/>
            </a:p>
          </p:txBody>
        </p:sp>
        <p:sp>
          <p:nvSpPr>
            <p:cNvPr id="44" name="object 44"/>
            <p:cNvSpPr/>
            <p:nvPr/>
          </p:nvSpPr>
          <p:spPr>
            <a:xfrm>
              <a:off x="4832603" y="3191256"/>
              <a:ext cx="1153795" cy="1137285"/>
            </a:xfrm>
            <a:custGeom>
              <a:avLst/>
              <a:gdLst/>
              <a:ahLst/>
              <a:cxnLst/>
              <a:rect l="l" t="t" r="r" b="b"/>
              <a:pathLst>
                <a:path w="1153795" h="1137285">
                  <a:moveTo>
                    <a:pt x="0" y="568451"/>
                  </a:moveTo>
                  <a:lnTo>
                    <a:pt x="1907" y="521830"/>
                  </a:lnTo>
                  <a:lnTo>
                    <a:pt x="7530" y="476246"/>
                  </a:lnTo>
                  <a:lnTo>
                    <a:pt x="16721" y="431847"/>
                  </a:lnTo>
                  <a:lnTo>
                    <a:pt x="29333" y="388778"/>
                  </a:lnTo>
                  <a:lnTo>
                    <a:pt x="45219" y="347186"/>
                  </a:lnTo>
                  <a:lnTo>
                    <a:pt x="64232" y="307217"/>
                  </a:lnTo>
                  <a:lnTo>
                    <a:pt x="86222" y="269017"/>
                  </a:lnTo>
                  <a:lnTo>
                    <a:pt x="111044" y="232733"/>
                  </a:lnTo>
                  <a:lnTo>
                    <a:pt x="138550" y="198510"/>
                  </a:lnTo>
                  <a:lnTo>
                    <a:pt x="168592" y="166497"/>
                  </a:lnTo>
                  <a:lnTo>
                    <a:pt x="201023" y="136837"/>
                  </a:lnTo>
                  <a:lnTo>
                    <a:pt x="235695" y="109679"/>
                  </a:lnTo>
                  <a:lnTo>
                    <a:pt x="272462" y="85167"/>
                  </a:lnTo>
                  <a:lnTo>
                    <a:pt x="311174" y="63450"/>
                  </a:lnTo>
                  <a:lnTo>
                    <a:pt x="351686" y="44672"/>
                  </a:lnTo>
                  <a:lnTo>
                    <a:pt x="393850" y="28980"/>
                  </a:lnTo>
                  <a:lnTo>
                    <a:pt x="437518" y="16520"/>
                  </a:lnTo>
                  <a:lnTo>
                    <a:pt x="482542" y="7440"/>
                  </a:lnTo>
                  <a:lnTo>
                    <a:pt x="528776" y="1884"/>
                  </a:lnTo>
                  <a:lnTo>
                    <a:pt x="576072" y="0"/>
                  </a:lnTo>
                  <a:lnTo>
                    <a:pt x="623584" y="1884"/>
                  </a:lnTo>
                  <a:lnTo>
                    <a:pt x="670014" y="7440"/>
                  </a:lnTo>
                  <a:lnTo>
                    <a:pt x="715213" y="16520"/>
                  </a:lnTo>
                  <a:lnTo>
                    <a:pt x="759037" y="28980"/>
                  </a:lnTo>
                  <a:lnTo>
                    <a:pt x="801338" y="44672"/>
                  </a:lnTo>
                  <a:lnTo>
                    <a:pt x="841970" y="63450"/>
                  </a:lnTo>
                  <a:lnTo>
                    <a:pt x="880787" y="85167"/>
                  </a:lnTo>
                  <a:lnTo>
                    <a:pt x="917643" y="109679"/>
                  </a:lnTo>
                  <a:lnTo>
                    <a:pt x="952391" y="136837"/>
                  </a:lnTo>
                  <a:lnTo>
                    <a:pt x="984885" y="166496"/>
                  </a:lnTo>
                  <a:lnTo>
                    <a:pt x="1014978" y="198510"/>
                  </a:lnTo>
                  <a:lnTo>
                    <a:pt x="1042525" y="232733"/>
                  </a:lnTo>
                  <a:lnTo>
                    <a:pt x="1067379" y="269017"/>
                  </a:lnTo>
                  <a:lnTo>
                    <a:pt x="1089394" y="307217"/>
                  </a:lnTo>
                  <a:lnTo>
                    <a:pt x="1108424" y="347186"/>
                  </a:lnTo>
                  <a:lnTo>
                    <a:pt x="1124321" y="388778"/>
                  </a:lnTo>
                  <a:lnTo>
                    <a:pt x="1136941" y="431847"/>
                  </a:lnTo>
                  <a:lnTo>
                    <a:pt x="1146136" y="476246"/>
                  </a:lnTo>
                  <a:lnTo>
                    <a:pt x="1151760" y="521830"/>
                  </a:lnTo>
                  <a:lnTo>
                    <a:pt x="1153668" y="568451"/>
                  </a:lnTo>
                  <a:lnTo>
                    <a:pt x="1151760" y="615073"/>
                  </a:lnTo>
                  <a:lnTo>
                    <a:pt x="1146136" y="660657"/>
                  </a:lnTo>
                  <a:lnTo>
                    <a:pt x="1136941" y="705056"/>
                  </a:lnTo>
                  <a:lnTo>
                    <a:pt x="1124321" y="748125"/>
                  </a:lnTo>
                  <a:lnTo>
                    <a:pt x="1108424" y="789717"/>
                  </a:lnTo>
                  <a:lnTo>
                    <a:pt x="1089394" y="829686"/>
                  </a:lnTo>
                  <a:lnTo>
                    <a:pt x="1067379" y="867886"/>
                  </a:lnTo>
                  <a:lnTo>
                    <a:pt x="1042525" y="904170"/>
                  </a:lnTo>
                  <a:lnTo>
                    <a:pt x="1014978" y="938393"/>
                  </a:lnTo>
                  <a:lnTo>
                    <a:pt x="984885" y="970406"/>
                  </a:lnTo>
                  <a:lnTo>
                    <a:pt x="952391" y="1000066"/>
                  </a:lnTo>
                  <a:lnTo>
                    <a:pt x="917643" y="1027224"/>
                  </a:lnTo>
                  <a:lnTo>
                    <a:pt x="880787" y="1051736"/>
                  </a:lnTo>
                  <a:lnTo>
                    <a:pt x="841970" y="1073453"/>
                  </a:lnTo>
                  <a:lnTo>
                    <a:pt x="801338" y="1092231"/>
                  </a:lnTo>
                  <a:lnTo>
                    <a:pt x="759037" y="1107923"/>
                  </a:lnTo>
                  <a:lnTo>
                    <a:pt x="715213" y="1120383"/>
                  </a:lnTo>
                  <a:lnTo>
                    <a:pt x="670014" y="1129463"/>
                  </a:lnTo>
                  <a:lnTo>
                    <a:pt x="623584" y="1135019"/>
                  </a:lnTo>
                  <a:lnTo>
                    <a:pt x="576072" y="1136903"/>
                  </a:lnTo>
                  <a:lnTo>
                    <a:pt x="528776" y="1135019"/>
                  </a:lnTo>
                  <a:lnTo>
                    <a:pt x="482542" y="1129463"/>
                  </a:lnTo>
                  <a:lnTo>
                    <a:pt x="437518" y="1120383"/>
                  </a:lnTo>
                  <a:lnTo>
                    <a:pt x="393850" y="1107923"/>
                  </a:lnTo>
                  <a:lnTo>
                    <a:pt x="351686" y="1092231"/>
                  </a:lnTo>
                  <a:lnTo>
                    <a:pt x="311174" y="1073453"/>
                  </a:lnTo>
                  <a:lnTo>
                    <a:pt x="272462" y="1051736"/>
                  </a:lnTo>
                  <a:lnTo>
                    <a:pt x="235695" y="1027224"/>
                  </a:lnTo>
                  <a:lnTo>
                    <a:pt x="201023" y="1000066"/>
                  </a:lnTo>
                  <a:lnTo>
                    <a:pt x="168592" y="970406"/>
                  </a:lnTo>
                  <a:lnTo>
                    <a:pt x="138550" y="938393"/>
                  </a:lnTo>
                  <a:lnTo>
                    <a:pt x="111044" y="904170"/>
                  </a:lnTo>
                  <a:lnTo>
                    <a:pt x="86222" y="867886"/>
                  </a:lnTo>
                  <a:lnTo>
                    <a:pt x="64232" y="829686"/>
                  </a:lnTo>
                  <a:lnTo>
                    <a:pt x="45219" y="789717"/>
                  </a:lnTo>
                  <a:lnTo>
                    <a:pt x="29333" y="748125"/>
                  </a:lnTo>
                  <a:lnTo>
                    <a:pt x="16721" y="705056"/>
                  </a:lnTo>
                  <a:lnTo>
                    <a:pt x="7530" y="660657"/>
                  </a:lnTo>
                  <a:lnTo>
                    <a:pt x="1907" y="615073"/>
                  </a:lnTo>
                  <a:lnTo>
                    <a:pt x="0" y="568451"/>
                  </a:lnTo>
                </a:path>
              </a:pathLst>
            </a:custGeom>
            <a:ln w="25908">
              <a:solidFill>
                <a:srgbClr val="215967"/>
              </a:solidFill>
            </a:ln>
          </p:spPr>
          <p:txBody>
            <a:bodyPr wrap="square" lIns="0" tIns="0" rIns="0" bIns="0" rtlCol="0"/>
            <a:lstStyle/>
            <a:p>
              <a:endParaRPr sz="1749"/>
            </a:p>
          </p:txBody>
        </p:sp>
      </p:grpSp>
      <p:sp>
        <p:nvSpPr>
          <p:cNvPr id="45" name="object 45"/>
          <p:cNvSpPr txBox="1"/>
          <p:nvPr/>
        </p:nvSpPr>
        <p:spPr>
          <a:xfrm>
            <a:off x="4244466" y="3055529"/>
            <a:ext cx="773222" cy="379949"/>
          </a:xfrm>
          <a:prstGeom prst="rect">
            <a:avLst/>
          </a:prstGeom>
        </p:spPr>
        <p:txBody>
          <a:bodyPr vert="horz" wrap="square" lIns="0" tIns="11403" rIns="0" bIns="0" rtlCol="0">
            <a:spAutoFit/>
          </a:bodyPr>
          <a:lstStyle/>
          <a:p>
            <a:pPr marR="5430" algn="ctr">
              <a:spcBef>
                <a:spcPts val="90"/>
              </a:spcBef>
            </a:pPr>
            <a:r>
              <a:rPr sz="1197" b="1" spc="-26" dirty="0">
                <a:latin typeface="Meiryo UI"/>
                <a:cs typeface="Meiryo UI"/>
              </a:rPr>
              <a:t>担い手</a:t>
            </a:r>
            <a:endParaRPr sz="1197">
              <a:latin typeface="Meiryo UI"/>
              <a:cs typeface="Meiryo UI"/>
            </a:endParaRPr>
          </a:p>
          <a:p>
            <a:pPr marR="4344" algn="ctr"/>
            <a:r>
              <a:rPr sz="1197" b="1" dirty="0">
                <a:latin typeface="Meiryo UI"/>
                <a:cs typeface="Meiryo UI"/>
              </a:rPr>
              <a:t>（技術者</a:t>
            </a:r>
            <a:r>
              <a:rPr sz="1197" b="1" spc="-43" dirty="0">
                <a:latin typeface="Meiryo UI"/>
                <a:cs typeface="Meiryo UI"/>
              </a:rPr>
              <a:t>）</a:t>
            </a:r>
            <a:endParaRPr sz="1197">
              <a:latin typeface="Meiryo UI"/>
              <a:cs typeface="Meiryo UI"/>
            </a:endParaRPr>
          </a:p>
        </p:txBody>
      </p:sp>
      <p:sp>
        <p:nvSpPr>
          <p:cNvPr id="46" name="object 46"/>
          <p:cNvSpPr txBox="1"/>
          <p:nvPr/>
        </p:nvSpPr>
        <p:spPr>
          <a:xfrm>
            <a:off x="5365205" y="3029466"/>
            <a:ext cx="897567" cy="600579"/>
          </a:xfrm>
          <a:prstGeom prst="rect">
            <a:avLst/>
          </a:prstGeom>
        </p:spPr>
        <p:txBody>
          <a:bodyPr vert="horz" wrap="square" lIns="0" tIns="10317" rIns="0" bIns="0" rtlCol="0">
            <a:spAutoFit/>
          </a:bodyPr>
          <a:lstStyle/>
          <a:p>
            <a:pPr marL="327965">
              <a:spcBef>
                <a:spcPts val="81"/>
              </a:spcBef>
            </a:pPr>
            <a:r>
              <a:rPr sz="1368" b="1" spc="-30" dirty="0">
                <a:solidFill>
                  <a:srgbClr val="FFFFFF"/>
                </a:solidFill>
                <a:latin typeface="Meiryo UI"/>
                <a:cs typeface="Meiryo UI"/>
              </a:rPr>
              <a:t>事業者</a:t>
            </a:r>
            <a:endParaRPr sz="1368">
              <a:latin typeface="Meiryo UI"/>
              <a:cs typeface="Meiryo UI"/>
            </a:endParaRPr>
          </a:p>
          <a:p>
            <a:pPr marL="327965">
              <a:spcBef>
                <a:spcPts val="4"/>
              </a:spcBef>
              <a:tabLst>
                <a:tab pos="886156" algn="l"/>
              </a:tabLst>
            </a:pPr>
            <a:r>
              <a:rPr sz="1197" u="heavy" dirty="0">
                <a:uFill>
                  <a:solidFill>
                    <a:srgbClr val="FFFFFF"/>
                  </a:solidFill>
                </a:uFill>
                <a:latin typeface="Times New Roman"/>
                <a:cs typeface="Times New Roman"/>
              </a:rPr>
              <a:t>	</a:t>
            </a:r>
            <a:endParaRPr sz="1197">
              <a:latin typeface="Times New Roman"/>
              <a:cs typeface="Times New Roman"/>
            </a:endParaRPr>
          </a:p>
          <a:p>
            <a:pPr>
              <a:spcBef>
                <a:spcPts val="633"/>
              </a:spcBef>
            </a:pPr>
            <a:r>
              <a:rPr sz="770" spc="-13" dirty="0">
                <a:solidFill>
                  <a:srgbClr val="FFFFFF"/>
                </a:solidFill>
                <a:latin typeface="Meiryo UI"/>
                <a:cs typeface="Meiryo UI"/>
              </a:rPr>
              <a:t>建設会社</a:t>
            </a:r>
            <a:endParaRPr sz="770">
              <a:latin typeface="Meiryo UI"/>
              <a:cs typeface="Meiryo UI"/>
            </a:endParaRPr>
          </a:p>
        </p:txBody>
      </p:sp>
      <p:grpSp>
        <p:nvGrpSpPr>
          <p:cNvPr id="47" name="object 47"/>
          <p:cNvGrpSpPr/>
          <p:nvPr/>
        </p:nvGrpSpPr>
        <p:grpSpPr>
          <a:xfrm>
            <a:off x="1419166" y="1661558"/>
            <a:ext cx="6556639" cy="3362537"/>
            <a:chOff x="1659635" y="1714500"/>
            <a:chExt cx="7667625" cy="3932300"/>
          </a:xfrm>
        </p:grpSpPr>
        <p:pic>
          <p:nvPicPr>
            <p:cNvPr id="48" name="object 48"/>
            <p:cNvPicPr/>
            <p:nvPr/>
          </p:nvPicPr>
          <p:blipFill>
            <a:blip r:embed="rId10" cstate="print"/>
            <a:stretch>
              <a:fillRect/>
            </a:stretch>
          </p:blipFill>
          <p:spPr>
            <a:xfrm>
              <a:off x="2586608" y="2603484"/>
              <a:ext cx="5785104" cy="379475"/>
            </a:xfrm>
            <a:prstGeom prst="rect">
              <a:avLst/>
            </a:prstGeom>
          </p:spPr>
        </p:pic>
        <p:sp>
          <p:nvSpPr>
            <p:cNvPr id="49" name="object 49"/>
            <p:cNvSpPr/>
            <p:nvPr/>
          </p:nvSpPr>
          <p:spPr>
            <a:xfrm>
              <a:off x="3738371" y="1754123"/>
              <a:ext cx="3203575" cy="455930"/>
            </a:xfrm>
            <a:custGeom>
              <a:avLst/>
              <a:gdLst/>
              <a:ahLst/>
              <a:cxnLst/>
              <a:rect l="l" t="t" r="r" b="b"/>
              <a:pathLst>
                <a:path w="3203575" h="455930">
                  <a:moveTo>
                    <a:pt x="3110483" y="0"/>
                  </a:moveTo>
                  <a:lnTo>
                    <a:pt x="94487" y="0"/>
                  </a:lnTo>
                  <a:lnTo>
                    <a:pt x="57864" y="7238"/>
                  </a:lnTo>
                  <a:lnTo>
                    <a:pt x="27812" y="27050"/>
                  </a:lnTo>
                  <a:lnTo>
                    <a:pt x="7477" y="56578"/>
                  </a:lnTo>
                  <a:lnTo>
                    <a:pt x="0" y="92963"/>
                  </a:lnTo>
                  <a:lnTo>
                    <a:pt x="0" y="361188"/>
                  </a:lnTo>
                  <a:lnTo>
                    <a:pt x="7477" y="397811"/>
                  </a:lnTo>
                  <a:lnTo>
                    <a:pt x="27812" y="427863"/>
                  </a:lnTo>
                  <a:lnTo>
                    <a:pt x="57864" y="448198"/>
                  </a:lnTo>
                  <a:lnTo>
                    <a:pt x="94487" y="455675"/>
                  </a:lnTo>
                  <a:lnTo>
                    <a:pt x="3110483" y="455675"/>
                  </a:lnTo>
                  <a:lnTo>
                    <a:pt x="3146869" y="448198"/>
                  </a:lnTo>
                  <a:lnTo>
                    <a:pt x="3176396" y="427863"/>
                  </a:lnTo>
                  <a:lnTo>
                    <a:pt x="3196208" y="397811"/>
                  </a:lnTo>
                  <a:lnTo>
                    <a:pt x="3203448" y="361188"/>
                  </a:lnTo>
                  <a:lnTo>
                    <a:pt x="3203448" y="92963"/>
                  </a:lnTo>
                  <a:lnTo>
                    <a:pt x="3196209" y="56578"/>
                  </a:lnTo>
                  <a:lnTo>
                    <a:pt x="3176397" y="27050"/>
                  </a:lnTo>
                  <a:lnTo>
                    <a:pt x="3146869" y="7238"/>
                  </a:lnTo>
                  <a:lnTo>
                    <a:pt x="3110483" y="0"/>
                  </a:lnTo>
                  <a:close/>
                </a:path>
              </a:pathLst>
            </a:custGeom>
            <a:solidFill>
              <a:srgbClr val="31859C"/>
            </a:solidFill>
          </p:spPr>
          <p:txBody>
            <a:bodyPr wrap="square" lIns="0" tIns="0" rIns="0" bIns="0" rtlCol="0"/>
            <a:lstStyle/>
            <a:p>
              <a:endParaRPr sz="1749"/>
            </a:p>
          </p:txBody>
        </p:sp>
        <p:pic>
          <p:nvPicPr>
            <p:cNvPr id="50" name="object 50"/>
            <p:cNvPicPr/>
            <p:nvPr/>
          </p:nvPicPr>
          <p:blipFill>
            <a:blip r:embed="rId11" cstate="print"/>
            <a:stretch>
              <a:fillRect/>
            </a:stretch>
          </p:blipFill>
          <p:spPr>
            <a:xfrm>
              <a:off x="5679947" y="1714500"/>
              <a:ext cx="477012" cy="519684"/>
            </a:xfrm>
            <a:prstGeom prst="rect">
              <a:avLst/>
            </a:prstGeom>
          </p:spPr>
        </p:pic>
        <p:sp>
          <p:nvSpPr>
            <p:cNvPr id="51" name="object 51"/>
            <p:cNvSpPr/>
            <p:nvPr/>
          </p:nvSpPr>
          <p:spPr>
            <a:xfrm>
              <a:off x="5103876" y="2240279"/>
              <a:ext cx="413384" cy="832485"/>
            </a:xfrm>
            <a:custGeom>
              <a:avLst/>
              <a:gdLst/>
              <a:ahLst/>
              <a:cxnLst/>
              <a:rect l="l" t="t" r="r" b="b"/>
              <a:pathLst>
                <a:path w="413385" h="832485">
                  <a:moveTo>
                    <a:pt x="405384" y="105156"/>
                  </a:moveTo>
                  <a:lnTo>
                    <a:pt x="303276" y="105156"/>
                  </a:lnTo>
                  <a:lnTo>
                    <a:pt x="303276" y="0"/>
                  </a:lnTo>
                  <a:lnTo>
                    <a:pt x="100584" y="0"/>
                  </a:lnTo>
                  <a:lnTo>
                    <a:pt x="100584" y="105156"/>
                  </a:lnTo>
                  <a:lnTo>
                    <a:pt x="0" y="105156"/>
                  </a:lnTo>
                  <a:lnTo>
                    <a:pt x="202692" y="208788"/>
                  </a:lnTo>
                  <a:lnTo>
                    <a:pt x="405384" y="105156"/>
                  </a:lnTo>
                  <a:close/>
                </a:path>
                <a:path w="413385" h="832485">
                  <a:moveTo>
                    <a:pt x="413004" y="725424"/>
                  </a:moveTo>
                  <a:lnTo>
                    <a:pt x="210312" y="617220"/>
                  </a:lnTo>
                  <a:lnTo>
                    <a:pt x="7620" y="725424"/>
                  </a:lnTo>
                  <a:lnTo>
                    <a:pt x="108204" y="725424"/>
                  </a:lnTo>
                  <a:lnTo>
                    <a:pt x="108204" y="832104"/>
                  </a:lnTo>
                  <a:lnTo>
                    <a:pt x="310896" y="832104"/>
                  </a:lnTo>
                  <a:lnTo>
                    <a:pt x="310896" y="725424"/>
                  </a:lnTo>
                  <a:lnTo>
                    <a:pt x="413004" y="725424"/>
                  </a:lnTo>
                  <a:close/>
                </a:path>
              </a:pathLst>
            </a:custGeom>
            <a:solidFill>
              <a:srgbClr val="FF9900"/>
            </a:solidFill>
          </p:spPr>
          <p:txBody>
            <a:bodyPr wrap="square" lIns="0" tIns="0" rIns="0" bIns="0" rtlCol="0"/>
            <a:lstStyle/>
            <a:p>
              <a:endParaRPr sz="1749"/>
            </a:p>
          </p:txBody>
        </p:sp>
        <p:sp>
          <p:nvSpPr>
            <p:cNvPr id="52" name="object 52"/>
            <p:cNvSpPr/>
            <p:nvPr/>
          </p:nvSpPr>
          <p:spPr>
            <a:xfrm>
              <a:off x="1659635" y="3101339"/>
              <a:ext cx="7667625" cy="707390"/>
            </a:xfrm>
            <a:custGeom>
              <a:avLst/>
              <a:gdLst/>
              <a:ahLst/>
              <a:cxnLst/>
              <a:rect l="l" t="t" r="r" b="b"/>
              <a:pathLst>
                <a:path w="7667625" h="707389">
                  <a:moveTo>
                    <a:pt x="1307592" y="673608"/>
                  </a:moveTo>
                  <a:lnTo>
                    <a:pt x="1249387" y="606552"/>
                  </a:lnTo>
                  <a:lnTo>
                    <a:pt x="1007364" y="327660"/>
                  </a:lnTo>
                  <a:lnTo>
                    <a:pt x="955078" y="454050"/>
                  </a:lnTo>
                  <a:lnTo>
                    <a:pt x="51816" y="80772"/>
                  </a:lnTo>
                  <a:lnTo>
                    <a:pt x="0" y="207264"/>
                  </a:lnTo>
                  <a:lnTo>
                    <a:pt x="902830" y="580364"/>
                  </a:lnTo>
                  <a:lnTo>
                    <a:pt x="850392" y="707136"/>
                  </a:lnTo>
                  <a:lnTo>
                    <a:pt x="1307592" y="673608"/>
                  </a:lnTo>
                  <a:close/>
                </a:path>
                <a:path w="7667625" h="707389">
                  <a:moveTo>
                    <a:pt x="7667244" y="124968"/>
                  </a:moveTo>
                  <a:lnTo>
                    <a:pt x="7613904" y="0"/>
                  </a:lnTo>
                  <a:lnTo>
                    <a:pt x="6626441" y="421360"/>
                  </a:lnTo>
                  <a:lnTo>
                    <a:pt x="6573012" y="295656"/>
                  </a:lnTo>
                  <a:lnTo>
                    <a:pt x="6275832" y="644652"/>
                  </a:lnTo>
                  <a:lnTo>
                    <a:pt x="6733032" y="672084"/>
                  </a:lnTo>
                  <a:lnTo>
                    <a:pt x="6690919" y="573024"/>
                  </a:lnTo>
                  <a:lnTo>
                    <a:pt x="6679603" y="546404"/>
                  </a:lnTo>
                  <a:lnTo>
                    <a:pt x="7667244" y="124968"/>
                  </a:lnTo>
                  <a:close/>
                </a:path>
              </a:pathLst>
            </a:custGeom>
            <a:solidFill>
              <a:srgbClr val="8064A1"/>
            </a:solidFill>
          </p:spPr>
          <p:txBody>
            <a:bodyPr wrap="square" lIns="0" tIns="0" rIns="0" bIns="0" rtlCol="0"/>
            <a:lstStyle/>
            <a:p>
              <a:endParaRPr sz="1749"/>
            </a:p>
          </p:txBody>
        </p:sp>
        <p:sp>
          <p:nvSpPr>
            <p:cNvPr id="53" name="object 53"/>
            <p:cNvSpPr/>
            <p:nvPr/>
          </p:nvSpPr>
          <p:spPr>
            <a:xfrm>
              <a:off x="2958083" y="3124200"/>
              <a:ext cx="4958080" cy="1525905"/>
            </a:xfrm>
            <a:custGeom>
              <a:avLst/>
              <a:gdLst/>
              <a:ahLst/>
              <a:cxnLst/>
              <a:rect l="l" t="t" r="r" b="b"/>
              <a:pathLst>
                <a:path w="4958080" h="1525904">
                  <a:moveTo>
                    <a:pt x="0" y="0"/>
                  </a:moveTo>
                  <a:lnTo>
                    <a:pt x="4957572" y="0"/>
                  </a:lnTo>
                  <a:lnTo>
                    <a:pt x="4957572" y="1525524"/>
                  </a:lnTo>
                  <a:lnTo>
                    <a:pt x="0" y="1525524"/>
                  </a:lnTo>
                  <a:lnTo>
                    <a:pt x="0" y="0"/>
                  </a:lnTo>
                  <a:close/>
                </a:path>
              </a:pathLst>
            </a:custGeom>
            <a:ln w="28956">
              <a:solidFill>
                <a:srgbClr val="FF7C80"/>
              </a:solidFill>
            </a:ln>
          </p:spPr>
          <p:txBody>
            <a:bodyPr wrap="square" lIns="0" tIns="0" rIns="0" bIns="0" rtlCol="0"/>
            <a:lstStyle/>
            <a:p>
              <a:endParaRPr sz="1749"/>
            </a:p>
          </p:txBody>
        </p:sp>
        <p:pic>
          <p:nvPicPr>
            <p:cNvPr id="54" name="object 54"/>
            <p:cNvPicPr/>
            <p:nvPr/>
          </p:nvPicPr>
          <p:blipFill>
            <a:blip r:embed="rId12" cstate="print"/>
            <a:stretch>
              <a:fillRect/>
            </a:stretch>
          </p:blipFill>
          <p:spPr>
            <a:xfrm>
              <a:off x="8048244" y="4722876"/>
              <a:ext cx="181355" cy="202691"/>
            </a:xfrm>
            <a:prstGeom prst="rect">
              <a:avLst/>
            </a:prstGeom>
          </p:spPr>
        </p:pic>
        <p:sp>
          <p:nvSpPr>
            <p:cNvPr id="55" name="object 55"/>
            <p:cNvSpPr/>
            <p:nvPr/>
          </p:nvSpPr>
          <p:spPr>
            <a:xfrm>
              <a:off x="7888224" y="4463795"/>
              <a:ext cx="1369060" cy="1183005"/>
            </a:xfrm>
            <a:custGeom>
              <a:avLst/>
              <a:gdLst/>
              <a:ahLst/>
              <a:cxnLst/>
              <a:rect l="l" t="t" r="r" b="b"/>
              <a:pathLst>
                <a:path w="1369059" h="1183004">
                  <a:moveTo>
                    <a:pt x="548640" y="1065276"/>
                  </a:moveTo>
                  <a:lnTo>
                    <a:pt x="501396" y="1094232"/>
                  </a:lnTo>
                  <a:lnTo>
                    <a:pt x="76200" y="425196"/>
                  </a:lnTo>
                  <a:lnTo>
                    <a:pt x="123444" y="394716"/>
                  </a:lnTo>
                  <a:lnTo>
                    <a:pt x="12192" y="355092"/>
                  </a:lnTo>
                  <a:lnTo>
                    <a:pt x="0" y="473964"/>
                  </a:lnTo>
                  <a:lnTo>
                    <a:pt x="47244" y="443484"/>
                  </a:lnTo>
                  <a:lnTo>
                    <a:pt x="472440" y="1114044"/>
                  </a:lnTo>
                  <a:lnTo>
                    <a:pt x="425196" y="1143000"/>
                  </a:lnTo>
                  <a:lnTo>
                    <a:pt x="536448" y="1182624"/>
                  </a:lnTo>
                  <a:lnTo>
                    <a:pt x="548640" y="1065276"/>
                  </a:lnTo>
                  <a:close/>
                </a:path>
                <a:path w="1369059" h="1183004">
                  <a:moveTo>
                    <a:pt x="1368552" y="371856"/>
                  </a:moveTo>
                  <a:lnTo>
                    <a:pt x="1304544" y="272796"/>
                  </a:lnTo>
                  <a:lnTo>
                    <a:pt x="1287780" y="326136"/>
                  </a:lnTo>
                  <a:lnTo>
                    <a:pt x="481584" y="53340"/>
                  </a:lnTo>
                  <a:lnTo>
                    <a:pt x="498348" y="0"/>
                  </a:lnTo>
                  <a:lnTo>
                    <a:pt x="388620" y="39624"/>
                  </a:lnTo>
                  <a:lnTo>
                    <a:pt x="452628" y="138684"/>
                  </a:lnTo>
                  <a:lnTo>
                    <a:pt x="469392" y="86868"/>
                  </a:lnTo>
                  <a:lnTo>
                    <a:pt x="1275588" y="358140"/>
                  </a:lnTo>
                  <a:lnTo>
                    <a:pt x="1258824" y="411480"/>
                  </a:lnTo>
                  <a:lnTo>
                    <a:pt x="1368552" y="371856"/>
                  </a:lnTo>
                  <a:close/>
                </a:path>
              </a:pathLst>
            </a:custGeom>
            <a:solidFill>
              <a:srgbClr val="215967"/>
            </a:solidFill>
          </p:spPr>
          <p:txBody>
            <a:bodyPr wrap="square" lIns="0" tIns="0" rIns="0" bIns="0" rtlCol="0"/>
            <a:lstStyle/>
            <a:p>
              <a:endParaRPr sz="1749"/>
            </a:p>
          </p:txBody>
        </p:sp>
        <p:sp>
          <p:nvSpPr>
            <p:cNvPr id="56" name="object 56"/>
            <p:cNvSpPr/>
            <p:nvPr/>
          </p:nvSpPr>
          <p:spPr>
            <a:xfrm>
              <a:off x="3820667" y="4251960"/>
              <a:ext cx="1304925" cy="1163320"/>
            </a:xfrm>
            <a:custGeom>
              <a:avLst/>
              <a:gdLst/>
              <a:ahLst/>
              <a:cxnLst/>
              <a:rect l="l" t="t" r="r" b="b"/>
              <a:pathLst>
                <a:path w="1304925" h="1163320">
                  <a:moveTo>
                    <a:pt x="1135380" y="0"/>
                  </a:moveTo>
                  <a:lnTo>
                    <a:pt x="1191768" y="67056"/>
                  </a:lnTo>
                  <a:lnTo>
                    <a:pt x="57912" y="1031748"/>
                  </a:lnTo>
                  <a:lnTo>
                    <a:pt x="0" y="964692"/>
                  </a:lnTo>
                  <a:lnTo>
                    <a:pt x="22860" y="1117092"/>
                  </a:lnTo>
                  <a:lnTo>
                    <a:pt x="169164" y="1162812"/>
                  </a:lnTo>
                  <a:lnTo>
                    <a:pt x="112776" y="1097280"/>
                  </a:lnTo>
                  <a:lnTo>
                    <a:pt x="1248156" y="131063"/>
                  </a:lnTo>
                  <a:lnTo>
                    <a:pt x="1304544" y="198119"/>
                  </a:lnTo>
                  <a:lnTo>
                    <a:pt x="1281684" y="45720"/>
                  </a:lnTo>
                  <a:lnTo>
                    <a:pt x="1135380" y="0"/>
                  </a:lnTo>
                  <a:close/>
                </a:path>
              </a:pathLst>
            </a:custGeom>
            <a:solidFill>
              <a:srgbClr val="7E7E7E"/>
            </a:solidFill>
          </p:spPr>
          <p:txBody>
            <a:bodyPr wrap="square" lIns="0" tIns="0" rIns="0" bIns="0" rtlCol="0"/>
            <a:lstStyle/>
            <a:p>
              <a:endParaRPr sz="1749"/>
            </a:p>
          </p:txBody>
        </p:sp>
        <p:pic>
          <p:nvPicPr>
            <p:cNvPr id="57" name="object 57"/>
            <p:cNvPicPr/>
            <p:nvPr/>
          </p:nvPicPr>
          <p:blipFill>
            <a:blip r:embed="rId13" cstate="print"/>
            <a:stretch>
              <a:fillRect/>
            </a:stretch>
          </p:blipFill>
          <p:spPr>
            <a:xfrm>
              <a:off x="4149851" y="4815839"/>
              <a:ext cx="423672" cy="169163"/>
            </a:xfrm>
            <a:prstGeom prst="rect">
              <a:avLst/>
            </a:prstGeom>
          </p:spPr>
        </p:pic>
      </p:grpSp>
      <p:sp>
        <p:nvSpPr>
          <p:cNvPr id="58" name="object 58"/>
          <p:cNvSpPr txBox="1"/>
          <p:nvPr/>
        </p:nvSpPr>
        <p:spPr>
          <a:xfrm>
            <a:off x="3641092" y="4320920"/>
            <a:ext cx="185704" cy="116251"/>
          </a:xfrm>
          <a:prstGeom prst="rect">
            <a:avLst/>
          </a:prstGeom>
        </p:spPr>
        <p:txBody>
          <a:bodyPr vert="horz" wrap="square" lIns="0" tIns="10860" rIns="0" bIns="0" rtlCol="0">
            <a:spAutoFit/>
          </a:bodyPr>
          <a:lstStyle/>
          <a:p>
            <a:pPr>
              <a:spcBef>
                <a:spcPts val="86"/>
              </a:spcBef>
            </a:pPr>
            <a:r>
              <a:rPr sz="684" spc="-21" dirty="0">
                <a:solidFill>
                  <a:srgbClr val="77933B"/>
                </a:solidFill>
                <a:latin typeface="Meiryo UI"/>
                <a:cs typeface="Meiryo UI"/>
              </a:rPr>
              <a:t>連携</a:t>
            </a:r>
            <a:endParaRPr sz="684">
              <a:latin typeface="Meiryo UI"/>
              <a:cs typeface="Meiryo UI"/>
            </a:endParaRPr>
          </a:p>
        </p:txBody>
      </p:sp>
      <p:sp>
        <p:nvSpPr>
          <p:cNvPr id="59" name="object 59"/>
          <p:cNvSpPr txBox="1"/>
          <p:nvPr/>
        </p:nvSpPr>
        <p:spPr>
          <a:xfrm>
            <a:off x="4318747" y="3894779"/>
            <a:ext cx="699375" cy="273567"/>
          </a:xfrm>
          <a:prstGeom prst="rect">
            <a:avLst/>
          </a:prstGeom>
        </p:spPr>
        <p:txBody>
          <a:bodyPr vert="horz" wrap="square" lIns="0" tIns="10317" rIns="0" bIns="0" rtlCol="0">
            <a:spAutoFit/>
          </a:bodyPr>
          <a:lstStyle/>
          <a:p>
            <a:pPr marL="71131" marR="4344" indent="-71674">
              <a:spcBef>
                <a:spcPts val="81"/>
              </a:spcBef>
              <a:buFont typeface="Arial"/>
              <a:buChar char="•"/>
              <a:tabLst>
                <a:tab pos="71131" algn="l"/>
                <a:tab pos="73846" algn="l"/>
              </a:tabLst>
            </a:pPr>
            <a:r>
              <a:rPr sz="855" dirty="0">
                <a:latin typeface="Meiryo UI"/>
                <a:cs typeface="Meiryo UI"/>
              </a:rPr>
              <a:t>	</a:t>
            </a:r>
            <a:r>
              <a:rPr sz="855" b="1" spc="-17" dirty="0">
                <a:latin typeface="Meiryo UI"/>
                <a:cs typeface="Meiryo UI"/>
              </a:rPr>
              <a:t>技術的体制、人材育成</a:t>
            </a:r>
            <a:endParaRPr sz="855">
              <a:latin typeface="Meiryo UI"/>
              <a:cs typeface="Meiryo UI"/>
            </a:endParaRPr>
          </a:p>
        </p:txBody>
      </p:sp>
      <p:sp>
        <p:nvSpPr>
          <p:cNvPr id="60" name="object 60"/>
          <p:cNvSpPr txBox="1"/>
          <p:nvPr/>
        </p:nvSpPr>
        <p:spPr>
          <a:xfrm>
            <a:off x="3876969" y="1455425"/>
            <a:ext cx="1935008" cy="1368351"/>
          </a:xfrm>
          <a:prstGeom prst="rect">
            <a:avLst/>
          </a:prstGeom>
        </p:spPr>
        <p:txBody>
          <a:bodyPr vert="horz" wrap="square" lIns="0" tIns="84164" rIns="0" bIns="0" rtlCol="0">
            <a:spAutoFit/>
          </a:bodyPr>
          <a:lstStyle/>
          <a:p>
            <a:pPr marL="74389" indent="-74389">
              <a:spcBef>
                <a:spcPts val="663"/>
              </a:spcBef>
              <a:buFont typeface="Arial"/>
              <a:buChar char="•"/>
              <a:tabLst>
                <a:tab pos="74389" algn="l"/>
              </a:tabLst>
            </a:pPr>
            <a:r>
              <a:rPr sz="898" b="1" spc="-13" dirty="0">
                <a:latin typeface="Meiryo UI"/>
                <a:cs typeface="Meiryo UI"/>
              </a:rPr>
              <a:t>国民参加、パートナーシップ</a:t>
            </a:r>
            <a:endParaRPr sz="898" dirty="0">
              <a:latin typeface="Meiryo UI"/>
              <a:cs typeface="Meiryo UI"/>
            </a:endParaRPr>
          </a:p>
          <a:p>
            <a:pPr marL="57014">
              <a:spcBef>
                <a:spcPts val="864"/>
              </a:spcBef>
            </a:pPr>
            <a:r>
              <a:rPr sz="1368" b="1" spc="-30" dirty="0">
                <a:solidFill>
                  <a:srgbClr val="FFFFFF"/>
                </a:solidFill>
                <a:latin typeface="Meiryo UI"/>
                <a:cs typeface="Meiryo UI"/>
              </a:rPr>
              <a:t>地域住民</a:t>
            </a:r>
            <a:endParaRPr sz="1368" dirty="0">
              <a:latin typeface="Meiryo UI"/>
              <a:cs typeface="Meiryo UI"/>
            </a:endParaRPr>
          </a:p>
          <a:p>
            <a:pPr marL="851949">
              <a:spcBef>
                <a:spcPts val="1018"/>
              </a:spcBef>
            </a:pPr>
            <a:r>
              <a:rPr sz="855" b="1" spc="-26" dirty="0">
                <a:solidFill>
                  <a:srgbClr val="FF9900"/>
                </a:solidFill>
                <a:latin typeface="Meiryo UI"/>
                <a:cs typeface="Meiryo UI"/>
              </a:rPr>
              <a:t>利用・要望・協働</a:t>
            </a:r>
            <a:endParaRPr sz="855" dirty="0">
              <a:latin typeface="Meiryo UI"/>
              <a:cs typeface="Meiryo UI"/>
            </a:endParaRPr>
          </a:p>
          <a:p>
            <a:pPr marL="33665">
              <a:spcBef>
                <a:spcPts val="949"/>
              </a:spcBef>
            </a:pPr>
            <a:r>
              <a:rPr sz="1197" b="1" spc="-9" dirty="0">
                <a:solidFill>
                  <a:srgbClr val="FFFFFF"/>
                </a:solidFill>
                <a:latin typeface="Meiryo UI"/>
                <a:cs typeface="Meiryo UI"/>
              </a:rPr>
              <a:t>インフラ群</a:t>
            </a:r>
            <a:r>
              <a:rPr sz="898" b="1" dirty="0">
                <a:solidFill>
                  <a:srgbClr val="FFFFFF"/>
                </a:solidFill>
                <a:latin typeface="Meiryo UI"/>
                <a:cs typeface="Meiryo UI"/>
              </a:rPr>
              <a:t>（</a:t>
            </a:r>
            <a:r>
              <a:rPr sz="898" b="1" spc="-9" dirty="0">
                <a:solidFill>
                  <a:srgbClr val="FFFFFF"/>
                </a:solidFill>
                <a:latin typeface="Meiryo UI"/>
                <a:cs typeface="Meiryo UI"/>
              </a:rPr>
              <a:t>複数・多分野</a:t>
            </a:r>
            <a:r>
              <a:rPr sz="898" b="1" spc="-43" dirty="0">
                <a:solidFill>
                  <a:srgbClr val="FFFFFF"/>
                </a:solidFill>
                <a:latin typeface="Meiryo UI"/>
                <a:cs typeface="Meiryo UI"/>
              </a:rPr>
              <a:t>）</a:t>
            </a:r>
            <a:endParaRPr sz="898" dirty="0">
              <a:latin typeface="Meiryo UI"/>
              <a:cs typeface="Meiryo UI"/>
            </a:endParaRPr>
          </a:p>
          <a:p>
            <a:pPr marL="884528">
              <a:spcBef>
                <a:spcPts val="988"/>
              </a:spcBef>
            </a:pPr>
            <a:r>
              <a:rPr sz="855" b="1" spc="-21" dirty="0">
                <a:solidFill>
                  <a:srgbClr val="FF9900"/>
                </a:solidFill>
                <a:latin typeface="Meiryo UI"/>
                <a:cs typeface="Meiryo UI"/>
              </a:rPr>
              <a:t>所有・管理運営</a:t>
            </a:r>
            <a:endParaRPr sz="855" dirty="0">
              <a:latin typeface="Meiryo UI"/>
              <a:cs typeface="Meiryo UI"/>
            </a:endParaRPr>
          </a:p>
        </p:txBody>
      </p:sp>
      <p:sp>
        <p:nvSpPr>
          <p:cNvPr id="61" name="object 61"/>
          <p:cNvSpPr txBox="1"/>
          <p:nvPr/>
        </p:nvSpPr>
        <p:spPr>
          <a:xfrm>
            <a:off x="8616212" y="6110194"/>
            <a:ext cx="129775" cy="220925"/>
          </a:xfrm>
          <a:prstGeom prst="rect">
            <a:avLst/>
          </a:prstGeom>
        </p:spPr>
        <p:txBody>
          <a:bodyPr vert="horz" wrap="square" lIns="0" tIns="10317" rIns="0" bIns="0" rtlCol="0">
            <a:spAutoFit/>
          </a:bodyPr>
          <a:lstStyle/>
          <a:p>
            <a:pPr marL="10860">
              <a:spcBef>
                <a:spcPts val="81"/>
              </a:spcBef>
            </a:pPr>
            <a:r>
              <a:rPr sz="1368" spc="-43" dirty="0">
                <a:latin typeface="Meiryo UI"/>
                <a:cs typeface="Meiryo UI"/>
              </a:rPr>
              <a:t>5</a:t>
            </a:r>
            <a:endParaRPr sz="1368">
              <a:latin typeface="Meiryo UI"/>
              <a:cs typeface="Meiryo UI"/>
            </a:endParaRPr>
          </a:p>
        </p:txBody>
      </p:sp>
      <p:grpSp>
        <p:nvGrpSpPr>
          <p:cNvPr id="62" name="object 62"/>
          <p:cNvGrpSpPr/>
          <p:nvPr/>
        </p:nvGrpSpPr>
        <p:grpSpPr>
          <a:xfrm>
            <a:off x="4277046" y="3456040"/>
            <a:ext cx="1954774" cy="312764"/>
            <a:chOff x="5001767" y="3813047"/>
            <a:chExt cx="2286000" cy="365760"/>
          </a:xfrm>
        </p:grpSpPr>
        <p:sp>
          <p:nvSpPr>
            <p:cNvPr id="63" name="object 63"/>
            <p:cNvSpPr/>
            <p:nvPr/>
          </p:nvSpPr>
          <p:spPr>
            <a:xfrm>
              <a:off x="6623303" y="3831335"/>
              <a:ext cx="655320" cy="207645"/>
            </a:xfrm>
            <a:custGeom>
              <a:avLst/>
              <a:gdLst/>
              <a:ahLst/>
              <a:cxnLst/>
              <a:rect l="l" t="t" r="r" b="b"/>
              <a:pathLst>
                <a:path w="655320" h="207645">
                  <a:moveTo>
                    <a:pt x="0" y="0"/>
                  </a:moveTo>
                  <a:lnTo>
                    <a:pt x="288036" y="199644"/>
                  </a:lnTo>
                </a:path>
                <a:path w="655320" h="207645">
                  <a:moveTo>
                    <a:pt x="403860" y="207263"/>
                  </a:moveTo>
                  <a:lnTo>
                    <a:pt x="655320" y="6096"/>
                  </a:lnTo>
                </a:path>
              </a:pathLst>
            </a:custGeom>
            <a:ln w="18288">
              <a:solidFill>
                <a:srgbClr val="FFFFFF"/>
              </a:solidFill>
            </a:ln>
          </p:spPr>
          <p:txBody>
            <a:bodyPr wrap="square" lIns="0" tIns="0" rIns="0" bIns="0" rtlCol="0"/>
            <a:lstStyle/>
            <a:p>
              <a:endParaRPr sz="1749"/>
            </a:p>
          </p:txBody>
        </p:sp>
        <p:pic>
          <p:nvPicPr>
            <p:cNvPr id="64" name="object 64"/>
            <p:cNvPicPr/>
            <p:nvPr/>
          </p:nvPicPr>
          <p:blipFill>
            <a:blip r:embed="rId14" cstate="print"/>
            <a:stretch>
              <a:fillRect/>
            </a:stretch>
          </p:blipFill>
          <p:spPr>
            <a:xfrm>
              <a:off x="5001767" y="3813047"/>
              <a:ext cx="815339" cy="365760"/>
            </a:xfrm>
            <a:prstGeom prst="rect">
              <a:avLst/>
            </a:prstGeom>
          </p:spPr>
        </p:pic>
      </p:gr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454205" y="495210"/>
            <a:ext cx="1339672" cy="277577"/>
          </a:xfrm>
          <a:prstGeom prst="rect">
            <a:avLst/>
          </a:prstGeom>
        </p:spPr>
      </p:pic>
      <p:grpSp>
        <p:nvGrpSpPr>
          <p:cNvPr id="3" name="object 3"/>
          <p:cNvGrpSpPr/>
          <p:nvPr/>
        </p:nvGrpSpPr>
        <p:grpSpPr>
          <a:xfrm>
            <a:off x="833384" y="4105677"/>
            <a:ext cx="6268310" cy="1897760"/>
            <a:chOff x="974597" y="4572761"/>
            <a:chExt cx="7330440" cy="2219325"/>
          </a:xfrm>
        </p:grpSpPr>
        <p:sp>
          <p:nvSpPr>
            <p:cNvPr id="4" name="object 4"/>
            <p:cNvSpPr/>
            <p:nvPr/>
          </p:nvSpPr>
          <p:spPr>
            <a:xfrm>
              <a:off x="993647" y="4591811"/>
              <a:ext cx="5680075" cy="2181225"/>
            </a:xfrm>
            <a:custGeom>
              <a:avLst/>
              <a:gdLst/>
              <a:ahLst/>
              <a:cxnLst/>
              <a:rect l="l" t="t" r="r" b="b"/>
              <a:pathLst>
                <a:path w="5680075" h="2181225">
                  <a:moveTo>
                    <a:pt x="5513832" y="0"/>
                  </a:moveTo>
                  <a:lnTo>
                    <a:pt x="166115" y="0"/>
                  </a:lnTo>
                  <a:lnTo>
                    <a:pt x="122061" y="5954"/>
                  </a:lnTo>
                  <a:lnTo>
                    <a:pt x="82408" y="22747"/>
                  </a:lnTo>
                  <a:lnTo>
                    <a:pt x="48768" y="48767"/>
                  </a:lnTo>
                  <a:lnTo>
                    <a:pt x="22747" y="82408"/>
                  </a:lnTo>
                  <a:lnTo>
                    <a:pt x="5954" y="122061"/>
                  </a:lnTo>
                  <a:lnTo>
                    <a:pt x="0" y="166116"/>
                  </a:lnTo>
                  <a:lnTo>
                    <a:pt x="0" y="2014733"/>
                  </a:lnTo>
                  <a:lnTo>
                    <a:pt x="5954" y="2058787"/>
                  </a:lnTo>
                  <a:lnTo>
                    <a:pt x="22747" y="2098440"/>
                  </a:lnTo>
                  <a:lnTo>
                    <a:pt x="48768" y="2132081"/>
                  </a:lnTo>
                  <a:lnTo>
                    <a:pt x="82408" y="2158101"/>
                  </a:lnTo>
                  <a:lnTo>
                    <a:pt x="122061" y="2174894"/>
                  </a:lnTo>
                  <a:lnTo>
                    <a:pt x="166115" y="2180849"/>
                  </a:lnTo>
                  <a:lnTo>
                    <a:pt x="5513832" y="2180849"/>
                  </a:lnTo>
                  <a:lnTo>
                    <a:pt x="5557886" y="2174894"/>
                  </a:lnTo>
                  <a:lnTo>
                    <a:pt x="5597539" y="2158101"/>
                  </a:lnTo>
                  <a:lnTo>
                    <a:pt x="5631180" y="2132081"/>
                  </a:lnTo>
                  <a:lnTo>
                    <a:pt x="5657200" y="2098440"/>
                  </a:lnTo>
                  <a:lnTo>
                    <a:pt x="5673993" y="2058787"/>
                  </a:lnTo>
                  <a:lnTo>
                    <a:pt x="5679948" y="2014733"/>
                  </a:lnTo>
                  <a:lnTo>
                    <a:pt x="5679948" y="166116"/>
                  </a:lnTo>
                  <a:lnTo>
                    <a:pt x="5673993" y="122061"/>
                  </a:lnTo>
                  <a:lnTo>
                    <a:pt x="5657200" y="82408"/>
                  </a:lnTo>
                  <a:lnTo>
                    <a:pt x="5631180" y="48768"/>
                  </a:lnTo>
                  <a:lnTo>
                    <a:pt x="5597539" y="22747"/>
                  </a:lnTo>
                  <a:lnTo>
                    <a:pt x="5557886" y="5954"/>
                  </a:lnTo>
                  <a:lnTo>
                    <a:pt x="5513832" y="0"/>
                  </a:lnTo>
                  <a:close/>
                </a:path>
              </a:pathLst>
            </a:custGeom>
            <a:solidFill>
              <a:srgbClr val="DBE6F2"/>
            </a:solidFill>
          </p:spPr>
          <p:txBody>
            <a:bodyPr wrap="square" lIns="0" tIns="0" rIns="0" bIns="0" rtlCol="0"/>
            <a:lstStyle/>
            <a:p>
              <a:endParaRPr sz="1749"/>
            </a:p>
          </p:txBody>
        </p:sp>
        <p:sp>
          <p:nvSpPr>
            <p:cNvPr id="5" name="object 5"/>
            <p:cNvSpPr/>
            <p:nvPr/>
          </p:nvSpPr>
          <p:spPr>
            <a:xfrm>
              <a:off x="993647" y="4591811"/>
              <a:ext cx="5680075" cy="2181225"/>
            </a:xfrm>
            <a:custGeom>
              <a:avLst/>
              <a:gdLst/>
              <a:ahLst/>
              <a:cxnLst/>
              <a:rect l="l" t="t" r="r" b="b"/>
              <a:pathLst>
                <a:path w="5680075" h="2181225">
                  <a:moveTo>
                    <a:pt x="0" y="166116"/>
                  </a:moveTo>
                  <a:lnTo>
                    <a:pt x="5954" y="122061"/>
                  </a:lnTo>
                  <a:lnTo>
                    <a:pt x="22747" y="82408"/>
                  </a:lnTo>
                  <a:lnTo>
                    <a:pt x="48768" y="48767"/>
                  </a:lnTo>
                  <a:lnTo>
                    <a:pt x="82408" y="22747"/>
                  </a:lnTo>
                  <a:lnTo>
                    <a:pt x="122061" y="5954"/>
                  </a:lnTo>
                  <a:lnTo>
                    <a:pt x="166115" y="0"/>
                  </a:lnTo>
                  <a:lnTo>
                    <a:pt x="5513832" y="0"/>
                  </a:lnTo>
                  <a:lnTo>
                    <a:pt x="5557886" y="5954"/>
                  </a:lnTo>
                  <a:lnTo>
                    <a:pt x="5597539" y="22747"/>
                  </a:lnTo>
                  <a:lnTo>
                    <a:pt x="5631180" y="48768"/>
                  </a:lnTo>
                  <a:lnTo>
                    <a:pt x="5657200" y="82408"/>
                  </a:lnTo>
                  <a:lnTo>
                    <a:pt x="5673993" y="122061"/>
                  </a:lnTo>
                  <a:lnTo>
                    <a:pt x="5679948" y="166116"/>
                  </a:lnTo>
                  <a:lnTo>
                    <a:pt x="5679948" y="2014733"/>
                  </a:lnTo>
                  <a:lnTo>
                    <a:pt x="5673993" y="2058787"/>
                  </a:lnTo>
                  <a:lnTo>
                    <a:pt x="5657200" y="2098440"/>
                  </a:lnTo>
                  <a:lnTo>
                    <a:pt x="5631180" y="2132081"/>
                  </a:lnTo>
                  <a:lnTo>
                    <a:pt x="5597539" y="2158101"/>
                  </a:lnTo>
                  <a:lnTo>
                    <a:pt x="5557886" y="2174894"/>
                  </a:lnTo>
                  <a:lnTo>
                    <a:pt x="5513832" y="2180849"/>
                  </a:lnTo>
                  <a:lnTo>
                    <a:pt x="166115" y="2180849"/>
                  </a:lnTo>
                  <a:lnTo>
                    <a:pt x="122061" y="2174894"/>
                  </a:lnTo>
                  <a:lnTo>
                    <a:pt x="82408" y="2158101"/>
                  </a:lnTo>
                  <a:lnTo>
                    <a:pt x="48768" y="2132081"/>
                  </a:lnTo>
                  <a:lnTo>
                    <a:pt x="22747" y="2098440"/>
                  </a:lnTo>
                  <a:lnTo>
                    <a:pt x="5954" y="2058787"/>
                  </a:lnTo>
                  <a:lnTo>
                    <a:pt x="0" y="2014733"/>
                  </a:lnTo>
                  <a:lnTo>
                    <a:pt x="0" y="166116"/>
                  </a:lnTo>
                  <a:close/>
                </a:path>
              </a:pathLst>
            </a:custGeom>
            <a:ln w="38100">
              <a:solidFill>
                <a:srgbClr val="0070BF"/>
              </a:solidFill>
            </a:ln>
          </p:spPr>
          <p:txBody>
            <a:bodyPr wrap="square" lIns="0" tIns="0" rIns="0" bIns="0" rtlCol="0"/>
            <a:lstStyle/>
            <a:p>
              <a:endParaRPr sz="1749"/>
            </a:p>
          </p:txBody>
        </p:sp>
        <p:sp>
          <p:nvSpPr>
            <p:cNvPr id="6" name="object 6"/>
            <p:cNvSpPr/>
            <p:nvPr/>
          </p:nvSpPr>
          <p:spPr>
            <a:xfrm>
              <a:off x="6777227" y="4591811"/>
              <a:ext cx="1508760" cy="2181225"/>
            </a:xfrm>
            <a:custGeom>
              <a:avLst/>
              <a:gdLst/>
              <a:ahLst/>
              <a:cxnLst/>
              <a:rect l="l" t="t" r="r" b="b"/>
              <a:pathLst>
                <a:path w="1508759" h="2181225">
                  <a:moveTo>
                    <a:pt x="1368552" y="0"/>
                  </a:moveTo>
                  <a:lnTo>
                    <a:pt x="140207" y="0"/>
                  </a:lnTo>
                  <a:lnTo>
                    <a:pt x="95780" y="7120"/>
                  </a:lnTo>
                  <a:lnTo>
                    <a:pt x="57278" y="26968"/>
                  </a:lnTo>
                  <a:lnTo>
                    <a:pt x="26968" y="57278"/>
                  </a:lnTo>
                  <a:lnTo>
                    <a:pt x="7120" y="95780"/>
                  </a:lnTo>
                  <a:lnTo>
                    <a:pt x="0" y="140208"/>
                  </a:lnTo>
                  <a:lnTo>
                    <a:pt x="0" y="2040641"/>
                  </a:lnTo>
                  <a:lnTo>
                    <a:pt x="7120" y="2085068"/>
                  </a:lnTo>
                  <a:lnTo>
                    <a:pt x="26968" y="2123571"/>
                  </a:lnTo>
                  <a:lnTo>
                    <a:pt x="57278" y="2153880"/>
                  </a:lnTo>
                  <a:lnTo>
                    <a:pt x="95780" y="2173728"/>
                  </a:lnTo>
                  <a:lnTo>
                    <a:pt x="140207" y="2180849"/>
                  </a:lnTo>
                  <a:lnTo>
                    <a:pt x="1368552" y="2180849"/>
                  </a:lnTo>
                  <a:lnTo>
                    <a:pt x="1412394" y="2173728"/>
                  </a:lnTo>
                  <a:lnTo>
                    <a:pt x="1450823" y="2153880"/>
                  </a:lnTo>
                  <a:lnTo>
                    <a:pt x="1481352" y="2123571"/>
                  </a:lnTo>
                  <a:lnTo>
                    <a:pt x="1501493" y="2085068"/>
                  </a:lnTo>
                  <a:lnTo>
                    <a:pt x="1508760" y="2040641"/>
                  </a:lnTo>
                  <a:lnTo>
                    <a:pt x="1508760" y="140208"/>
                  </a:lnTo>
                  <a:lnTo>
                    <a:pt x="1501493" y="95780"/>
                  </a:lnTo>
                  <a:lnTo>
                    <a:pt x="1481352" y="57278"/>
                  </a:lnTo>
                  <a:lnTo>
                    <a:pt x="1450823" y="26968"/>
                  </a:lnTo>
                  <a:lnTo>
                    <a:pt x="1412394" y="7120"/>
                  </a:lnTo>
                  <a:lnTo>
                    <a:pt x="1368552" y="0"/>
                  </a:lnTo>
                  <a:close/>
                </a:path>
              </a:pathLst>
            </a:custGeom>
            <a:solidFill>
              <a:srgbClr val="DBE6F2"/>
            </a:solidFill>
          </p:spPr>
          <p:txBody>
            <a:bodyPr wrap="square" lIns="0" tIns="0" rIns="0" bIns="0" rtlCol="0"/>
            <a:lstStyle/>
            <a:p>
              <a:endParaRPr sz="1749"/>
            </a:p>
          </p:txBody>
        </p:sp>
        <p:sp>
          <p:nvSpPr>
            <p:cNvPr id="7" name="object 7"/>
            <p:cNvSpPr/>
            <p:nvPr/>
          </p:nvSpPr>
          <p:spPr>
            <a:xfrm>
              <a:off x="6777227" y="4591811"/>
              <a:ext cx="1508760" cy="2181225"/>
            </a:xfrm>
            <a:custGeom>
              <a:avLst/>
              <a:gdLst/>
              <a:ahLst/>
              <a:cxnLst/>
              <a:rect l="l" t="t" r="r" b="b"/>
              <a:pathLst>
                <a:path w="1508759" h="2181225">
                  <a:moveTo>
                    <a:pt x="0" y="140208"/>
                  </a:moveTo>
                  <a:lnTo>
                    <a:pt x="7120" y="95780"/>
                  </a:lnTo>
                  <a:lnTo>
                    <a:pt x="26968" y="57278"/>
                  </a:lnTo>
                  <a:lnTo>
                    <a:pt x="57278" y="26968"/>
                  </a:lnTo>
                  <a:lnTo>
                    <a:pt x="95780" y="7120"/>
                  </a:lnTo>
                  <a:lnTo>
                    <a:pt x="140207" y="0"/>
                  </a:lnTo>
                  <a:lnTo>
                    <a:pt x="1368552" y="0"/>
                  </a:lnTo>
                  <a:lnTo>
                    <a:pt x="1412394" y="7120"/>
                  </a:lnTo>
                  <a:lnTo>
                    <a:pt x="1450823" y="26968"/>
                  </a:lnTo>
                  <a:lnTo>
                    <a:pt x="1481352" y="57278"/>
                  </a:lnTo>
                  <a:lnTo>
                    <a:pt x="1501493" y="95780"/>
                  </a:lnTo>
                  <a:lnTo>
                    <a:pt x="1508760" y="140208"/>
                  </a:lnTo>
                  <a:lnTo>
                    <a:pt x="1508760" y="2040641"/>
                  </a:lnTo>
                  <a:lnTo>
                    <a:pt x="1501493" y="2085068"/>
                  </a:lnTo>
                  <a:lnTo>
                    <a:pt x="1481352" y="2123571"/>
                  </a:lnTo>
                  <a:lnTo>
                    <a:pt x="1450823" y="2153880"/>
                  </a:lnTo>
                  <a:lnTo>
                    <a:pt x="1412394" y="2173728"/>
                  </a:lnTo>
                  <a:lnTo>
                    <a:pt x="1368552" y="2180849"/>
                  </a:lnTo>
                  <a:lnTo>
                    <a:pt x="140207" y="2180849"/>
                  </a:lnTo>
                  <a:lnTo>
                    <a:pt x="95780" y="2173728"/>
                  </a:lnTo>
                  <a:lnTo>
                    <a:pt x="57278" y="2153880"/>
                  </a:lnTo>
                  <a:lnTo>
                    <a:pt x="26968" y="2123571"/>
                  </a:lnTo>
                  <a:lnTo>
                    <a:pt x="7120" y="2085068"/>
                  </a:lnTo>
                  <a:lnTo>
                    <a:pt x="0" y="2040641"/>
                  </a:lnTo>
                  <a:lnTo>
                    <a:pt x="0" y="140208"/>
                  </a:lnTo>
                  <a:close/>
                </a:path>
              </a:pathLst>
            </a:custGeom>
            <a:ln w="38100">
              <a:solidFill>
                <a:srgbClr val="0070BF"/>
              </a:solidFill>
            </a:ln>
          </p:spPr>
          <p:txBody>
            <a:bodyPr wrap="square" lIns="0" tIns="0" rIns="0" bIns="0" rtlCol="0"/>
            <a:lstStyle/>
            <a:p>
              <a:endParaRPr sz="1749"/>
            </a:p>
          </p:txBody>
        </p:sp>
      </p:grpSp>
      <p:sp>
        <p:nvSpPr>
          <p:cNvPr id="8" name="object 8"/>
          <p:cNvSpPr txBox="1">
            <a:spLocks noGrp="1"/>
          </p:cNvSpPr>
          <p:nvPr>
            <p:ph type="title"/>
          </p:nvPr>
        </p:nvSpPr>
        <p:spPr>
          <a:xfrm flipH="1">
            <a:off x="217849" y="619668"/>
            <a:ext cx="6934236" cy="238476"/>
          </a:xfrm>
          <a:prstGeom prst="rect">
            <a:avLst/>
          </a:prstGeom>
        </p:spPr>
        <p:txBody>
          <a:bodyPr vert="horz" wrap="square" lIns="0" tIns="10860" rIns="0" bIns="0" rtlCol="0">
            <a:spAutoFit/>
          </a:bodyPr>
          <a:lstStyle/>
          <a:p>
            <a:pPr>
              <a:lnSpc>
                <a:spcPct val="100000"/>
              </a:lnSpc>
              <a:spcBef>
                <a:spcPts val="86"/>
              </a:spcBef>
            </a:pPr>
            <a:r>
              <a:rPr spc="-9" dirty="0"/>
              <a:t>群マネの具体的方策</a:t>
            </a:r>
            <a:r>
              <a:rPr dirty="0"/>
              <a:t>（案</a:t>
            </a:r>
            <a:r>
              <a:rPr spc="-43" dirty="0"/>
              <a:t>）</a:t>
            </a:r>
          </a:p>
        </p:txBody>
      </p:sp>
      <p:sp>
        <p:nvSpPr>
          <p:cNvPr id="9" name="object 9"/>
          <p:cNvSpPr/>
          <p:nvPr/>
        </p:nvSpPr>
        <p:spPr>
          <a:xfrm>
            <a:off x="371408" y="4069845"/>
            <a:ext cx="377922" cy="1959118"/>
          </a:xfrm>
          <a:custGeom>
            <a:avLst/>
            <a:gdLst/>
            <a:ahLst/>
            <a:cxnLst/>
            <a:rect l="l" t="t" r="r" b="b"/>
            <a:pathLst>
              <a:path w="441959" h="2291079">
                <a:moveTo>
                  <a:pt x="441959" y="0"/>
                </a:moveTo>
                <a:lnTo>
                  <a:pt x="0" y="0"/>
                </a:lnTo>
                <a:lnTo>
                  <a:pt x="0" y="2290572"/>
                </a:lnTo>
                <a:lnTo>
                  <a:pt x="441959" y="2290572"/>
                </a:lnTo>
                <a:lnTo>
                  <a:pt x="441959" y="0"/>
                </a:lnTo>
                <a:close/>
              </a:path>
            </a:pathLst>
          </a:custGeom>
          <a:solidFill>
            <a:srgbClr val="31859C"/>
          </a:solidFill>
        </p:spPr>
        <p:txBody>
          <a:bodyPr wrap="square" lIns="0" tIns="0" rIns="0" bIns="0" rtlCol="0"/>
          <a:lstStyle/>
          <a:p>
            <a:endParaRPr sz="1749"/>
          </a:p>
        </p:txBody>
      </p:sp>
      <p:sp>
        <p:nvSpPr>
          <p:cNvPr id="10" name="object 10"/>
          <p:cNvSpPr txBox="1"/>
          <p:nvPr/>
        </p:nvSpPr>
        <p:spPr>
          <a:xfrm>
            <a:off x="470861" y="4126206"/>
            <a:ext cx="221023" cy="1846176"/>
          </a:xfrm>
          <a:prstGeom prst="rect">
            <a:avLst/>
          </a:prstGeom>
        </p:spPr>
        <p:txBody>
          <a:bodyPr vert="eaVert" wrap="square" lIns="0" tIns="0" rIns="0" bIns="0" rtlCol="0">
            <a:spAutoFit/>
          </a:bodyPr>
          <a:lstStyle/>
          <a:p>
            <a:pPr marL="10860">
              <a:lnSpc>
                <a:spcPct val="60000"/>
              </a:lnSpc>
            </a:pPr>
            <a:r>
              <a:rPr sz="2052" b="1" dirty="0">
                <a:solidFill>
                  <a:srgbClr val="FFFFFF"/>
                </a:solidFill>
                <a:latin typeface="Meiryo UI"/>
                <a:cs typeface="Meiryo UI"/>
              </a:rPr>
              <a:t>具体的な方策等</a:t>
            </a:r>
            <a:endParaRPr sz="2052">
              <a:latin typeface="Meiryo UI"/>
              <a:cs typeface="Meiryo UI"/>
            </a:endParaRPr>
          </a:p>
        </p:txBody>
      </p:sp>
      <p:sp>
        <p:nvSpPr>
          <p:cNvPr id="11" name="object 11"/>
          <p:cNvSpPr txBox="1"/>
          <p:nvPr/>
        </p:nvSpPr>
        <p:spPr>
          <a:xfrm>
            <a:off x="5951202" y="4470785"/>
            <a:ext cx="975758" cy="1168171"/>
          </a:xfrm>
          <a:prstGeom prst="rect">
            <a:avLst/>
          </a:prstGeom>
        </p:spPr>
        <p:txBody>
          <a:bodyPr vert="horz" wrap="square" lIns="0" tIns="10317" rIns="0" bIns="0" rtlCol="0">
            <a:spAutoFit/>
          </a:bodyPr>
          <a:lstStyle/>
          <a:p>
            <a:pPr marL="10860" marR="4344" indent="249775">
              <a:spcBef>
                <a:spcPts val="81"/>
              </a:spcBef>
            </a:pPr>
            <a:r>
              <a:rPr sz="1881" b="1" spc="-17" dirty="0">
                <a:latin typeface="Meiryo UI"/>
                <a:cs typeface="Meiryo UI"/>
              </a:rPr>
              <a:t>JV</a:t>
            </a:r>
            <a:r>
              <a:rPr sz="1881" b="1" spc="-43" dirty="0">
                <a:latin typeface="Meiryo UI"/>
                <a:cs typeface="Meiryo UI"/>
              </a:rPr>
              <a:t>、 </a:t>
            </a:r>
            <a:r>
              <a:rPr sz="1881" b="1" spc="-30" dirty="0">
                <a:latin typeface="Meiryo UI"/>
                <a:cs typeface="Meiryo UI"/>
              </a:rPr>
              <a:t>事業協同</a:t>
            </a:r>
            <a:endParaRPr sz="1881">
              <a:latin typeface="Meiryo UI"/>
              <a:cs typeface="Meiryo UI"/>
            </a:endParaRPr>
          </a:p>
          <a:p>
            <a:pPr marL="369232" marR="242716" indent="-120000"/>
            <a:r>
              <a:rPr sz="1881" b="1" spc="-34" dirty="0">
                <a:latin typeface="Meiryo UI"/>
                <a:cs typeface="Meiryo UI"/>
              </a:rPr>
              <a:t>組合</a:t>
            </a:r>
            <a:r>
              <a:rPr sz="1881" b="1" spc="-43" dirty="0">
                <a:latin typeface="Meiryo UI"/>
                <a:cs typeface="Meiryo UI"/>
              </a:rPr>
              <a:t>等</a:t>
            </a:r>
            <a:endParaRPr sz="1881">
              <a:latin typeface="Meiryo UI"/>
              <a:cs typeface="Meiryo UI"/>
            </a:endParaRPr>
          </a:p>
        </p:txBody>
      </p:sp>
      <p:grpSp>
        <p:nvGrpSpPr>
          <p:cNvPr id="12" name="object 12"/>
          <p:cNvGrpSpPr/>
          <p:nvPr/>
        </p:nvGrpSpPr>
        <p:grpSpPr>
          <a:xfrm>
            <a:off x="2840829" y="5449801"/>
            <a:ext cx="1386804" cy="468060"/>
            <a:chOff x="3322192" y="6144640"/>
            <a:chExt cx="1621790" cy="547370"/>
          </a:xfrm>
        </p:grpSpPr>
        <p:sp>
          <p:nvSpPr>
            <p:cNvPr id="13" name="object 13"/>
            <p:cNvSpPr/>
            <p:nvPr/>
          </p:nvSpPr>
          <p:spPr>
            <a:xfrm>
              <a:off x="3325367" y="6147815"/>
              <a:ext cx="1615440" cy="541020"/>
            </a:xfrm>
            <a:custGeom>
              <a:avLst/>
              <a:gdLst/>
              <a:ahLst/>
              <a:cxnLst/>
              <a:rect l="l" t="t" r="r" b="b"/>
              <a:pathLst>
                <a:path w="1615439" h="541020">
                  <a:moveTo>
                    <a:pt x="1525524" y="0"/>
                  </a:moveTo>
                  <a:lnTo>
                    <a:pt x="89916" y="0"/>
                  </a:lnTo>
                  <a:lnTo>
                    <a:pt x="54649" y="7191"/>
                  </a:lnTo>
                  <a:lnTo>
                    <a:pt x="26098" y="26670"/>
                  </a:lnTo>
                  <a:lnTo>
                    <a:pt x="6977" y="55292"/>
                  </a:lnTo>
                  <a:lnTo>
                    <a:pt x="0" y="89916"/>
                  </a:lnTo>
                  <a:lnTo>
                    <a:pt x="0" y="451109"/>
                  </a:lnTo>
                  <a:lnTo>
                    <a:pt x="6977" y="485732"/>
                  </a:lnTo>
                  <a:lnTo>
                    <a:pt x="26098" y="514355"/>
                  </a:lnTo>
                  <a:lnTo>
                    <a:pt x="54649" y="533833"/>
                  </a:lnTo>
                  <a:lnTo>
                    <a:pt x="89916" y="541025"/>
                  </a:lnTo>
                  <a:lnTo>
                    <a:pt x="1525524" y="541025"/>
                  </a:lnTo>
                  <a:lnTo>
                    <a:pt x="1560790" y="533833"/>
                  </a:lnTo>
                  <a:lnTo>
                    <a:pt x="1589341" y="514355"/>
                  </a:lnTo>
                  <a:lnTo>
                    <a:pt x="1608462" y="485732"/>
                  </a:lnTo>
                  <a:lnTo>
                    <a:pt x="1615440" y="451109"/>
                  </a:lnTo>
                  <a:lnTo>
                    <a:pt x="1615440" y="89916"/>
                  </a:lnTo>
                  <a:lnTo>
                    <a:pt x="1608462" y="55292"/>
                  </a:lnTo>
                  <a:lnTo>
                    <a:pt x="1589341" y="26670"/>
                  </a:lnTo>
                  <a:lnTo>
                    <a:pt x="1560790" y="7191"/>
                  </a:lnTo>
                  <a:lnTo>
                    <a:pt x="1525524" y="0"/>
                  </a:lnTo>
                  <a:close/>
                </a:path>
              </a:pathLst>
            </a:custGeom>
            <a:solidFill>
              <a:srgbClr val="FFFFFF"/>
            </a:solidFill>
          </p:spPr>
          <p:txBody>
            <a:bodyPr wrap="square" lIns="0" tIns="0" rIns="0" bIns="0" rtlCol="0"/>
            <a:lstStyle/>
            <a:p>
              <a:endParaRPr sz="1749"/>
            </a:p>
          </p:txBody>
        </p:sp>
        <p:sp>
          <p:nvSpPr>
            <p:cNvPr id="14" name="object 14"/>
            <p:cNvSpPr/>
            <p:nvPr/>
          </p:nvSpPr>
          <p:spPr>
            <a:xfrm>
              <a:off x="3325367" y="6147815"/>
              <a:ext cx="1615440" cy="541020"/>
            </a:xfrm>
            <a:custGeom>
              <a:avLst/>
              <a:gdLst/>
              <a:ahLst/>
              <a:cxnLst/>
              <a:rect l="l" t="t" r="r" b="b"/>
              <a:pathLst>
                <a:path w="1615439" h="541020">
                  <a:moveTo>
                    <a:pt x="0" y="89916"/>
                  </a:moveTo>
                  <a:lnTo>
                    <a:pt x="6977" y="55292"/>
                  </a:lnTo>
                  <a:lnTo>
                    <a:pt x="26098" y="26670"/>
                  </a:lnTo>
                  <a:lnTo>
                    <a:pt x="54649" y="7191"/>
                  </a:lnTo>
                  <a:lnTo>
                    <a:pt x="89916" y="0"/>
                  </a:lnTo>
                  <a:lnTo>
                    <a:pt x="1525524" y="0"/>
                  </a:lnTo>
                  <a:lnTo>
                    <a:pt x="1560790" y="7191"/>
                  </a:lnTo>
                  <a:lnTo>
                    <a:pt x="1589341" y="26670"/>
                  </a:lnTo>
                  <a:lnTo>
                    <a:pt x="1608462" y="55292"/>
                  </a:lnTo>
                  <a:lnTo>
                    <a:pt x="1615440" y="89916"/>
                  </a:lnTo>
                  <a:lnTo>
                    <a:pt x="1615440" y="451109"/>
                  </a:lnTo>
                  <a:lnTo>
                    <a:pt x="1608462" y="485732"/>
                  </a:lnTo>
                  <a:lnTo>
                    <a:pt x="1589341" y="514355"/>
                  </a:lnTo>
                  <a:lnTo>
                    <a:pt x="1560790" y="533833"/>
                  </a:lnTo>
                  <a:lnTo>
                    <a:pt x="1525524" y="541025"/>
                  </a:lnTo>
                  <a:lnTo>
                    <a:pt x="89916" y="541025"/>
                  </a:lnTo>
                  <a:lnTo>
                    <a:pt x="54649" y="533833"/>
                  </a:lnTo>
                  <a:lnTo>
                    <a:pt x="26098" y="514355"/>
                  </a:lnTo>
                  <a:lnTo>
                    <a:pt x="6977" y="485732"/>
                  </a:lnTo>
                  <a:lnTo>
                    <a:pt x="0" y="451109"/>
                  </a:lnTo>
                  <a:lnTo>
                    <a:pt x="0" y="89916"/>
                  </a:lnTo>
                  <a:close/>
                </a:path>
              </a:pathLst>
            </a:custGeom>
            <a:ln w="6096">
              <a:solidFill>
                <a:srgbClr val="595959"/>
              </a:solidFill>
            </a:ln>
          </p:spPr>
          <p:txBody>
            <a:bodyPr wrap="square" lIns="0" tIns="0" rIns="0" bIns="0" rtlCol="0"/>
            <a:lstStyle/>
            <a:p>
              <a:endParaRPr sz="1749"/>
            </a:p>
          </p:txBody>
        </p:sp>
      </p:grpSp>
      <p:sp>
        <p:nvSpPr>
          <p:cNvPr id="15" name="object 15"/>
          <p:cNvSpPr txBox="1"/>
          <p:nvPr/>
        </p:nvSpPr>
        <p:spPr>
          <a:xfrm>
            <a:off x="2822588" y="5437752"/>
            <a:ext cx="1296991" cy="447505"/>
          </a:xfrm>
          <a:prstGeom prst="rect">
            <a:avLst/>
          </a:prstGeom>
        </p:spPr>
        <p:txBody>
          <a:bodyPr vert="horz" wrap="square" lIns="0" tIns="60272" rIns="0" bIns="0" rtlCol="0">
            <a:spAutoFit/>
          </a:bodyPr>
          <a:lstStyle/>
          <a:p>
            <a:pPr marL="291042" marR="4344" indent="-280182">
              <a:lnSpc>
                <a:spcPct val="78900"/>
              </a:lnSpc>
              <a:spcBef>
                <a:spcPts val="475"/>
              </a:spcBef>
            </a:pPr>
            <a:r>
              <a:rPr sz="1539" spc="-17" dirty="0">
                <a:latin typeface="Meiryo UI"/>
                <a:cs typeface="Meiryo UI"/>
              </a:rPr>
              <a:t>業務プロセスの複合化</a:t>
            </a:r>
            <a:endParaRPr sz="1539" dirty="0">
              <a:latin typeface="Meiryo UI"/>
              <a:cs typeface="Meiryo UI"/>
            </a:endParaRPr>
          </a:p>
        </p:txBody>
      </p:sp>
      <p:grpSp>
        <p:nvGrpSpPr>
          <p:cNvPr id="16" name="object 16"/>
          <p:cNvGrpSpPr/>
          <p:nvPr/>
        </p:nvGrpSpPr>
        <p:grpSpPr>
          <a:xfrm>
            <a:off x="3553671" y="4729142"/>
            <a:ext cx="1386804" cy="468060"/>
            <a:chOff x="4155821" y="5301869"/>
            <a:chExt cx="1621790" cy="547370"/>
          </a:xfrm>
        </p:grpSpPr>
        <p:sp>
          <p:nvSpPr>
            <p:cNvPr id="17" name="object 17"/>
            <p:cNvSpPr/>
            <p:nvPr/>
          </p:nvSpPr>
          <p:spPr>
            <a:xfrm>
              <a:off x="4158996" y="5305044"/>
              <a:ext cx="1615440" cy="541020"/>
            </a:xfrm>
            <a:custGeom>
              <a:avLst/>
              <a:gdLst/>
              <a:ahLst/>
              <a:cxnLst/>
              <a:rect l="l" t="t" r="r" b="b"/>
              <a:pathLst>
                <a:path w="1615439" h="541020">
                  <a:moveTo>
                    <a:pt x="1525524" y="0"/>
                  </a:moveTo>
                  <a:lnTo>
                    <a:pt x="89915" y="0"/>
                  </a:lnTo>
                  <a:lnTo>
                    <a:pt x="55292" y="7191"/>
                  </a:lnTo>
                  <a:lnTo>
                    <a:pt x="26670" y="26670"/>
                  </a:lnTo>
                  <a:lnTo>
                    <a:pt x="7191" y="55292"/>
                  </a:lnTo>
                  <a:lnTo>
                    <a:pt x="0" y="89916"/>
                  </a:lnTo>
                  <a:lnTo>
                    <a:pt x="0" y="451104"/>
                  </a:lnTo>
                  <a:lnTo>
                    <a:pt x="7191" y="485727"/>
                  </a:lnTo>
                  <a:lnTo>
                    <a:pt x="26670" y="514350"/>
                  </a:lnTo>
                  <a:lnTo>
                    <a:pt x="55292" y="533828"/>
                  </a:lnTo>
                  <a:lnTo>
                    <a:pt x="89915" y="541020"/>
                  </a:lnTo>
                  <a:lnTo>
                    <a:pt x="1525524" y="541020"/>
                  </a:lnTo>
                  <a:lnTo>
                    <a:pt x="1560790" y="533828"/>
                  </a:lnTo>
                  <a:lnTo>
                    <a:pt x="1589341" y="514350"/>
                  </a:lnTo>
                  <a:lnTo>
                    <a:pt x="1608462" y="485727"/>
                  </a:lnTo>
                  <a:lnTo>
                    <a:pt x="1615439" y="451104"/>
                  </a:lnTo>
                  <a:lnTo>
                    <a:pt x="1615439" y="89916"/>
                  </a:lnTo>
                  <a:lnTo>
                    <a:pt x="1608462" y="55292"/>
                  </a:lnTo>
                  <a:lnTo>
                    <a:pt x="1589341" y="26670"/>
                  </a:lnTo>
                  <a:lnTo>
                    <a:pt x="1560790" y="7191"/>
                  </a:lnTo>
                  <a:lnTo>
                    <a:pt x="1525524" y="0"/>
                  </a:lnTo>
                  <a:close/>
                </a:path>
              </a:pathLst>
            </a:custGeom>
            <a:solidFill>
              <a:srgbClr val="FFFFFF"/>
            </a:solidFill>
          </p:spPr>
          <p:txBody>
            <a:bodyPr wrap="square" lIns="0" tIns="0" rIns="0" bIns="0" rtlCol="0"/>
            <a:lstStyle/>
            <a:p>
              <a:endParaRPr sz="1749"/>
            </a:p>
          </p:txBody>
        </p:sp>
        <p:sp>
          <p:nvSpPr>
            <p:cNvPr id="18" name="object 18"/>
            <p:cNvSpPr/>
            <p:nvPr/>
          </p:nvSpPr>
          <p:spPr>
            <a:xfrm>
              <a:off x="4158996" y="5305044"/>
              <a:ext cx="1615440" cy="541020"/>
            </a:xfrm>
            <a:custGeom>
              <a:avLst/>
              <a:gdLst/>
              <a:ahLst/>
              <a:cxnLst/>
              <a:rect l="l" t="t" r="r" b="b"/>
              <a:pathLst>
                <a:path w="1615439" h="541020">
                  <a:moveTo>
                    <a:pt x="0" y="89916"/>
                  </a:moveTo>
                  <a:lnTo>
                    <a:pt x="7191" y="55292"/>
                  </a:lnTo>
                  <a:lnTo>
                    <a:pt x="26670" y="26670"/>
                  </a:lnTo>
                  <a:lnTo>
                    <a:pt x="55292" y="7191"/>
                  </a:lnTo>
                  <a:lnTo>
                    <a:pt x="89915" y="0"/>
                  </a:lnTo>
                  <a:lnTo>
                    <a:pt x="1525524" y="0"/>
                  </a:lnTo>
                  <a:lnTo>
                    <a:pt x="1560790" y="7191"/>
                  </a:lnTo>
                  <a:lnTo>
                    <a:pt x="1589341" y="26670"/>
                  </a:lnTo>
                  <a:lnTo>
                    <a:pt x="1608462" y="55292"/>
                  </a:lnTo>
                  <a:lnTo>
                    <a:pt x="1615439" y="89916"/>
                  </a:lnTo>
                  <a:lnTo>
                    <a:pt x="1615439" y="451104"/>
                  </a:lnTo>
                  <a:lnTo>
                    <a:pt x="1608462" y="485727"/>
                  </a:lnTo>
                  <a:lnTo>
                    <a:pt x="1589341" y="514350"/>
                  </a:lnTo>
                  <a:lnTo>
                    <a:pt x="1560790" y="533828"/>
                  </a:lnTo>
                  <a:lnTo>
                    <a:pt x="1525524" y="541020"/>
                  </a:lnTo>
                  <a:lnTo>
                    <a:pt x="89915" y="541020"/>
                  </a:lnTo>
                  <a:lnTo>
                    <a:pt x="55292" y="533828"/>
                  </a:lnTo>
                  <a:lnTo>
                    <a:pt x="26670" y="514350"/>
                  </a:lnTo>
                  <a:lnTo>
                    <a:pt x="7191" y="485727"/>
                  </a:lnTo>
                  <a:lnTo>
                    <a:pt x="0" y="451104"/>
                  </a:lnTo>
                  <a:lnTo>
                    <a:pt x="0" y="89916"/>
                  </a:lnTo>
                  <a:close/>
                </a:path>
              </a:pathLst>
            </a:custGeom>
            <a:ln w="6096">
              <a:solidFill>
                <a:srgbClr val="595959"/>
              </a:solidFill>
            </a:ln>
          </p:spPr>
          <p:txBody>
            <a:bodyPr wrap="square" lIns="0" tIns="0" rIns="0" bIns="0" rtlCol="0"/>
            <a:lstStyle/>
            <a:p>
              <a:endParaRPr sz="1749"/>
            </a:p>
          </p:txBody>
        </p:sp>
      </p:grpSp>
      <p:sp>
        <p:nvSpPr>
          <p:cNvPr id="19" name="object 19"/>
          <p:cNvSpPr txBox="1"/>
          <p:nvPr/>
        </p:nvSpPr>
        <p:spPr>
          <a:xfrm>
            <a:off x="3684967" y="4717087"/>
            <a:ext cx="1252793" cy="447505"/>
          </a:xfrm>
          <a:prstGeom prst="rect">
            <a:avLst/>
          </a:prstGeom>
        </p:spPr>
        <p:txBody>
          <a:bodyPr vert="horz" wrap="square" lIns="0" tIns="60272" rIns="0" bIns="0" rtlCol="0">
            <a:spAutoFit/>
          </a:bodyPr>
          <a:lstStyle/>
          <a:p>
            <a:pPr marL="269865" marR="4344" indent="-259549">
              <a:lnSpc>
                <a:spcPct val="78900"/>
              </a:lnSpc>
              <a:spcBef>
                <a:spcPts val="475"/>
              </a:spcBef>
            </a:pPr>
            <a:r>
              <a:rPr sz="1539" spc="-17" dirty="0">
                <a:latin typeface="Meiryo UI"/>
                <a:cs typeface="Meiryo UI"/>
              </a:rPr>
              <a:t>インフラ分野の複合化</a:t>
            </a:r>
            <a:endParaRPr sz="1539" dirty="0">
              <a:latin typeface="Meiryo UI"/>
              <a:cs typeface="Meiryo UI"/>
            </a:endParaRPr>
          </a:p>
        </p:txBody>
      </p:sp>
      <p:grpSp>
        <p:nvGrpSpPr>
          <p:cNvPr id="20" name="object 20"/>
          <p:cNvGrpSpPr/>
          <p:nvPr/>
        </p:nvGrpSpPr>
        <p:grpSpPr>
          <a:xfrm>
            <a:off x="4259995" y="5457620"/>
            <a:ext cx="1386804" cy="466974"/>
            <a:chOff x="4981828" y="6153784"/>
            <a:chExt cx="1621790" cy="546100"/>
          </a:xfrm>
        </p:grpSpPr>
        <p:sp>
          <p:nvSpPr>
            <p:cNvPr id="21" name="object 21"/>
            <p:cNvSpPr/>
            <p:nvPr/>
          </p:nvSpPr>
          <p:spPr>
            <a:xfrm>
              <a:off x="4985003" y="6156959"/>
              <a:ext cx="1615440" cy="539750"/>
            </a:xfrm>
            <a:custGeom>
              <a:avLst/>
              <a:gdLst/>
              <a:ahLst/>
              <a:cxnLst/>
              <a:rect l="l" t="t" r="r" b="b"/>
              <a:pathLst>
                <a:path w="1615440" h="539750">
                  <a:moveTo>
                    <a:pt x="1525524" y="0"/>
                  </a:moveTo>
                  <a:lnTo>
                    <a:pt x="89916" y="0"/>
                  </a:lnTo>
                  <a:lnTo>
                    <a:pt x="55292" y="6977"/>
                  </a:lnTo>
                  <a:lnTo>
                    <a:pt x="26670" y="26098"/>
                  </a:lnTo>
                  <a:lnTo>
                    <a:pt x="7191" y="54649"/>
                  </a:lnTo>
                  <a:lnTo>
                    <a:pt x="0" y="89915"/>
                  </a:lnTo>
                  <a:lnTo>
                    <a:pt x="0" y="449585"/>
                  </a:lnTo>
                  <a:lnTo>
                    <a:pt x="7191" y="484851"/>
                  </a:lnTo>
                  <a:lnTo>
                    <a:pt x="26670" y="513402"/>
                  </a:lnTo>
                  <a:lnTo>
                    <a:pt x="55292" y="532524"/>
                  </a:lnTo>
                  <a:lnTo>
                    <a:pt x="89916" y="539501"/>
                  </a:lnTo>
                  <a:lnTo>
                    <a:pt x="1525524" y="539501"/>
                  </a:lnTo>
                  <a:lnTo>
                    <a:pt x="1560790" y="532524"/>
                  </a:lnTo>
                  <a:lnTo>
                    <a:pt x="1589341" y="513402"/>
                  </a:lnTo>
                  <a:lnTo>
                    <a:pt x="1608462" y="484851"/>
                  </a:lnTo>
                  <a:lnTo>
                    <a:pt x="1615440" y="449585"/>
                  </a:lnTo>
                  <a:lnTo>
                    <a:pt x="1615440" y="89915"/>
                  </a:lnTo>
                  <a:lnTo>
                    <a:pt x="1608462" y="54649"/>
                  </a:lnTo>
                  <a:lnTo>
                    <a:pt x="1589341" y="26098"/>
                  </a:lnTo>
                  <a:lnTo>
                    <a:pt x="1560790" y="6977"/>
                  </a:lnTo>
                  <a:lnTo>
                    <a:pt x="1525524" y="0"/>
                  </a:lnTo>
                  <a:close/>
                </a:path>
              </a:pathLst>
            </a:custGeom>
            <a:solidFill>
              <a:srgbClr val="FFFFFF"/>
            </a:solidFill>
          </p:spPr>
          <p:txBody>
            <a:bodyPr wrap="square" lIns="0" tIns="0" rIns="0" bIns="0" rtlCol="0"/>
            <a:lstStyle/>
            <a:p>
              <a:endParaRPr sz="1749"/>
            </a:p>
          </p:txBody>
        </p:sp>
        <p:sp>
          <p:nvSpPr>
            <p:cNvPr id="22" name="object 22"/>
            <p:cNvSpPr/>
            <p:nvPr/>
          </p:nvSpPr>
          <p:spPr>
            <a:xfrm>
              <a:off x="4985003" y="6156959"/>
              <a:ext cx="1615440" cy="539750"/>
            </a:xfrm>
            <a:custGeom>
              <a:avLst/>
              <a:gdLst/>
              <a:ahLst/>
              <a:cxnLst/>
              <a:rect l="l" t="t" r="r" b="b"/>
              <a:pathLst>
                <a:path w="1615440" h="539750">
                  <a:moveTo>
                    <a:pt x="0" y="89915"/>
                  </a:moveTo>
                  <a:lnTo>
                    <a:pt x="7191" y="54649"/>
                  </a:lnTo>
                  <a:lnTo>
                    <a:pt x="26670" y="26098"/>
                  </a:lnTo>
                  <a:lnTo>
                    <a:pt x="55292" y="6977"/>
                  </a:lnTo>
                  <a:lnTo>
                    <a:pt x="89916" y="0"/>
                  </a:lnTo>
                  <a:lnTo>
                    <a:pt x="1525524" y="0"/>
                  </a:lnTo>
                  <a:lnTo>
                    <a:pt x="1560790" y="6977"/>
                  </a:lnTo>
                  <a:lnTo>
                    <a:pt x="1589341" y="26098"/>
                  </a:lnTo>
                  <a:lnTo>
                    <a:pt x="1608462" y="54649"/>
                  </a:lnTo>
                  <a:lnTo>
                    <a:pt x="1615440" y="89915"/>
                  </a:lnTo>
                  <a:lnTo>
                    <a:pt x="1615440" y="449585"/>
                  </a:lnTo>
                  <a:lnTo>
                    <a:pt x="1608462" y="484851"/>
                  </a:lnTo>
                  <a:lnTo>
                    <a:pt x="1589341" y="513402"/>
                  </a:lnTo>
                  <a:lnTo>
                    <a:pt x="1560790" y="532524"/>
                  </a:lnTo>
                  <a:lnTo>
                    <a:pt x="1525524" y="539501"/>
                  </a:lnTo>
                  <a:lnTo>
                    <a:pt x="89916" y="539501"/>
                  </a:lnTo>
                  <a:lnTo>
                    <a:pt x="55292" y="532524"/>
                  </a:lnTo>
                  <a:lnTo>
                    <a:pt x="26670" y="513402"/>
                  </a:lnTo>
                  <a:lnTo>
                    <a:pt x="7191" y="484851"/>
                  </a:lnTo>
                  <a:lnTo>
                    <a:pt x="0" y="449585"/>
                  </a:lnTo>
                  <a:lnTo>
                    <a:pt x="0" y="89915"/>
                  </a:lnTo>
                  <a:close/>
                </a:path>
              </a:pathLst>
            </a:custGeom>
            <a:ln w="6096">
              <a:solidFill>
                <a:srgbClr val="595959"/>
              </a:solidFill>
            </a:ln>
          </p:spPr>
          <p:txBody>
            <a:bodyPr wrap="square" lIns="0" tIns="0" rIns="0" bIns="0" rtlCol="0"/>
            <a:lstStyle/>
            <a:p>
              <a:endParaRPr sz="1749"/>
            </a:p>
          </p:txBody>
        </p:sp>
      </p:grpSp>
      <p:sp>
        <p:nvSpPr>
          <p:cNvPr id="23" name="object 23"/>
          <p:cNvSpPr txBox="1"/>
          <p:nvPr/>
        </p:nvSpPr>
        <p:spPr>
          <a:xfrm>
            <a:off x="4473393" y="5445571"/>
            <a:ext cx="1106510" cy="447505"/>
          </a:xfrm>
          <a:prstGeom prst="rect">
            <a:avLst/>
          </a:prstGeom>
        </p:spPr>
        <p:txBody>
          <a:bodyPr vert="horz" wrap="square" lIns="0" tIns="60272" rIns="0" bIns="0" rtlCol="0">
            <a:spAutoFit/>
          </a:bodyPr>
          <a:lstStyle/>
          <a:p>
            <a:pPr marL="90136" marR="4344" indent="-79819">
              <a:lnSpc>
                <a:spcPct val="78900"/>
              </a:lnSpc>
              <a:spcBef>
                <a:spcPts val="475"/>
              </a:spcBef>
            </a:pPr>
            <a:r>
              <a:rPr sz="1539" spc="-9" dirty="0">
                <a:latin typeface="Meiryo UI"/>
                <a:cs typeface="Meiryo UI"/>
              </a:rPr>
              <a:t>契約期間の</a:t>
            </a:r>
            <a:r>
              <a:rPr sz="1539" spc="-13" dirty="0">
                <a:latin typeface="Meiryo UI"/>
                <a:cs typeface="Meiryo UI"/>
              </a:rPr>
              <a:t>複数年化</a:t>
            </a:r>
            <a:endParaRPr sz="1539" dirty="0">
              <a:latin typeface="Meiryo UI"/>
              <a:cs typeface="Meiryo UI"/>
            </a:endParaRPr>
          </a:p>
        </p:txBody>
      </p:sp>
      <p:grpSp>
        <p:nvGrpSpPr>
          <p:cNvPr id="24" name="object 24"/>
          <p:cNvGrpSpPr/>
          <p:nvPr/>
        </p:nvGrpSpPr>
        <p:grpSpPr>
          <a:xfrm>
            <a:off x="341264" y="1909815"/>
            <a:ext cx="8325167" cy="328511"/>
            <a:chOff x="425195" y="2071116"/>
            <a:chExt cx="9735820" cy="384175"/>
          </a:xfrm>
        </p:grpSpPr>
        <p:sp>
          <p:nvSpPr>
            <p:cNvPr id="25" name="object 25"/>
            <p:cNvSpPr/>
            <p:nvPr/>
          </p:nvSpPr>
          <p:spPr>
            <a:xfrm>
              <a:off x="434339" y="2080260"/>
              <a:ext cx="9717405" cy="365760"/>
            </a:xfrm>
            <a:custGeom>
              <a:avLst/>
              <a:gdLst/>
              <a:ahLst/>
              <a:cxnLst/>
              <a:rect l="l" t="t" r="r" b="b"/>
              <a:pathLst>
                <a:path w="9717405" h="365760">
                  <a:moveTo>
                    <a:pt x="9656064" y="0"/>
                  </a:moveTo>
                  <a:lnTo>
                    <a:pt x="60959" y="0"/>
                  </a:lnTo>
                  <a:lnTo>
                    <a:pt x="37290" y="4810"/>
                  </a:lnTo>
                  <a:lnTo>
                    <a:pt x="17906" y="17907"/>
                  </a:lnTo>
                  <a:lnTo>
                    <a:pt x="4810" y="37290"/>
                  </a:lnTo>
                  <a:lnTo>
                    <a:pt x="0" y="60960"/>
                  </a:lnTo>
                  <a:lnTo>
                    <a:pt x="0" y="304800"/>
                  </a:lnTo>
                  <a:lnTo>
                    <a:pt x="4810" y="328469"/>
                  </a:lnTo>
                  <a:lnTo>
                    <a:pt x="17906" y="347852"/>
                  </a:lnTo>
                  <a:lnTo>
                    <a:pt x="37290" y="360949"/>
                  </a:lnTo>
                  <a:lnTo>
                    <a:pt x="60959" y="365760"/>
                  </a:lnTo>
                  <a:lnTo>
                    <a:pt x="9656064" y="365760"/>
                  </a:lnTo>
                  <a:lnTo>
                    <a:pt x="9679733" y="360949"/>
                  </a:lnTo>
                  <a:lnTo>
                    <a:pt x="9699117" y="347852"/>
                  </a:lnTo>
                  <a:lnTo>
                    <a:pt x="9712213" y="328469"/>
                  </a:lnTo>
                  <a:lnTo>
                    <a:pt x="9717024" y="304800"/>
                  </a:lnTo>
                  <a:lnTo>
                    <a:pt x="9717024" y="60960"/>
                  </a:lnTo>
                  <a:lnTo>
                    <a:pt x="9712213" y="37290"/>
                  </a:lnTo>
                  <a:lnTo>
                    <a:pt x="9699116" y="17907"/>
                  </a:lnTo>
                  <a:lnTo>
                    <a:pt x="9679733" y="4810"/>
                  </a:lnTo>
                  <a:lnTo>
                    <a:pt x="9656064" y="0"/>
                  </a:lnTo>
                  <a:close/>
                </a:path>
              </a:pathLst>
            </a:custGeom>
            <a:solidFill>
              <a:srgbClr val="EBF0DD"/>
            </a:solidFill>
          </p:spPr>
          <p:txBody>
            <a:bodyPr wrap="square" lIns="0" tIns="0" rIns="0" bIns="0" rtlCol="0"/>
            <a:lstStyle/>
            <a:p>
              <a:endParaRPr sz="1749"/>
            </a:p>
          </p:txBody>
        </p:sp>
        <p:sp>
          <p:nvSpPr>
            <p:cNvPr id="26" name="object 26"/>
            <p:cNvSpPr/>
            <p:nvPr/>
          </p:nvSpPr>
          <p:spPr>
            <a:xfrm>
              <a:off x="434339" y="2080260"/>
              <a:ext cx="9717405" cy="365760"/>
            </a:xfrm>
            <a:custGeom>
              <a:avLst/>
              <a:gdLst/>
              <a:ahLst/>
              <a:cxnLst/>
              <a:rect l="l" t="t" r="r" b="b"/>
              <a:pathLst>
                <a:path w="9717405" h="365760">
                  <a:moveTo>
                    <a:pt x="0" y="60960"/>
                  </a:moveTo>
                  <a:lnTo>
                    <a:pt x="4810" y="37290"/>
                  </a:lnTo>
                  <a:lnTo>
                    <a:pt x="17906" y="17907"/>
                  </a:lnTo>
                  <a:lnTo>
                    <a:pt x="37290" y="4810"/>
                  </a:lnTo>
                  <a:lnTo>
                    <a:pt x="60959" y="0"/>
                  </a:lnTo>
                  <a:lnTo>
                    <a:pt x="9656064" y="0"/>
                  </a:lnTo>
                  <a:lnTo>
                    <a:pt x="9679733" y="4810"/>
                  </a:lnTo>
                  <a:lnTo>
                    <a:pt x="9699116" y="17907"/>
                  </a:lnTo>
                  <a:lnTo>
                    <a:pt x="9712213" y="37290"/>
                  </a:lnTo>
                  <a:lnTo>
                    <a:pt x="9717024" y="60960"/>
                  </a:lnTo>
                  <a:lnTo>
                    <a:pt x="9717024" y="304800"/>
                  </a:lnTo>
                  <a:lnTo>
                    <a:pt x="9712213" y="328469"/>
                  </a:lnTo>
                  <a:lnTo>
                    <a:pt x="9699117" y="347852"/>
                  </a:lnTo>
                  <a:lnTo>
                    <a:pt x="9679733" y="360949"/>
                  </a:lnTo>
                  <a:lnTo>
                    <a:pt x="9656064" y="365760"/>
                  </a:lnTo>
                  <a:lnTo>
                    <a:pt x="60959" y="365760"/>
                  </a:lnTo>
                  <a:lnTo>
                    <a:pt x="37290" y="360949"/>
                  </a:lnTo>
                  <a:lnTo>
                    <a:pt x="17906" y="347852"/>
                  </a:lnTo>
                  <a:lnTo>
                    <a:pt x="4810" y="328469"/>
                  </a:lnTo>
                  <a:lnTo>
                    <a:pt x="0" y="304800"/>
                  </a:lnTo>
                  <a:lnTo>
                    <a:pt x="0" y="60960"/>
                  </a:lnTo>
                  <a:close/>
                </a:path>
              </a:pathLst>
            </a:custGeom>
            <a:ln w="18288">
              <a:solidFill>
                <a:srgbClr val="006600"/>
              </a:solidFill>
            </a:ln>
          </p:spPr>
          <p:txBody>
            <a:bodyPr wrap="square" lIns="0" tIns="0" rIns="0" bIns="0" rtlCol="0"/>
            <a:lstStyle/>
            <a:p>
              <a:endParaRPr sz="1749"/>
            </a:p>
          </p:txBody>
        </p:sp>
      </p:grpSp>
      <p:sp>
        <p:nvSpPr>
          <p:cNvPr id="27" name="object 27"/>
          <p:cNvSpPr txBox="1"/>
          <p:nvPr/>
        </p:nvSpPr>
        <p:spPr>
          <a:xfrm>
            <a:off x="2403939" y="1963461"/>
            <a:ext cx="4245661" cy="642549"/>
          </a:xfrm>
          <a:prstGeom prst="rect">
            <a:avLst/>
          </a:prstGeom>
        </p:spPr>
        <p:txBody>
          <a:bodyPr vert="horz" wrap="square" lIns="0" tIns="10860" rIns="0" bIns="0" rtlCol="0">
            <a:spAutoFit/>
          </a:bodyPr>
          <a:lstStyle/>
          <a:p>
            <a:pPr marL="10860">
              <a:spcBef>
                <a:spcPts val="86"/>
              </a:spcBef>
            </a:pPr>
            <a:r>
              <a:rPr sz="2052" b="1" spc="-17" dirty="0">
                <a:solidFill>
                  <a:srgbClr val="006600"/>
                </a:solidFill>
                <a:latin typeface="Meiryo UI"/>
                <a:cs typeface="Meiryo UI"/>
              </a:rPr>
              <a:t>自治体・事業者間の役割分担の考え方</a:t>
            </a:r>
            <a:endParaRPr sz="2052">
              <a:latin typeface="Meiryo UI"/>
              <a:cs typeface="Meiryo UI"/>
            </a:endParaRPr>
          </a:p>
        </p:txBody>
      </p:sp>
      <p:grpSp>
        <p:nvGrpSpPr>
          <p:cNvPr id="28" name="object 28"/>
          <p:cNvGrpSpPr/>
          <p:nvPr/>
        </p:nvGrpSpPr>
        <p:grpSpPr>
          <a:xfrm>
            <a:off x="5778964" y="2838983"/>
            <a:ext cx="1322731" cy="852499"/>
            <a:chOff x="6758178" y="3091433"/>
            <a:chExt cx="1546860" cy="996950"/>
          </a:xfrm>
        </p:grpSpPr>
        <p:sp>
          <p:nvSpPr>
            <p:cNvPr id="29" name="object 29"/>
            <p:cNvSpPr/>
            <p:nvPr/>
          </p:nvSpPr>
          <p:spPr>
            <a:xfrm>
              <a:off x="6777228" y="3110483"/>
              <a:ext cx="1508760" cy="958850"/>
            </a:xfrm>
            <a:custGeom>
              <a:avLst/>
              <a:gdLst/>
              <a:ahLst/>
              <a:cxnLst/>
              <a:rect l="l" t="t" r="r" b="b"/>
              <a:pathLst>
                <a:path w="1508759" h="958850">
                  <a:moveTo>
                    <a:pt x="1348740" y="0"/>
                  </a:moveTo>
                  <a:lnTo>
                    <a:pt x="158496" y="0"/>
                  </a:lnTo>
                  <a:lnTo>
                    <a:pt x="108655" y="8156"/>
                  </a:lnTo>
                  <a:lnTo>
                    <a:pt x="65178" y="30870"/>
                  </a:lnTo>
                  <a:lnTo>
                    <a:pt x="30772" y="65507"/>
                  </a:lnTo>
                  <a:lnTo>
                    <a:pt x="8144" y="109435"/>
                  </a:lnTo>
                  <a:lnTo>
                    <a:pt x="0" y="160020"/>
                  </a:lnTo>
                  <a:lnTo>
                    <a:pt x="0" y="798576"/>
                  </a:lnTo>
                  <a:lnTo>
                    <a:pt x="8144" y="849160"/>
                  </a:lnTo>
                  <a:lnTo>
                    <a:pt x="30772" y="893088"/>
                  </a:lnTo>
                  <a:lnTo>
                    <a:pt x="65178" y="927725"/>
                  </a:lnTo>
                  <a:lnTo>
                    <a:pt x="108655" y="950439"/>
                  </a:lnTo>
                  <a:lnTo>
                    <a:pt x="158496" y="958596"/>
                  </a:lnTo>
                  <a:lnTo>
                    <a:pt x="1348740" y="958596"/>
                  </a:lnTo>
                  <a:lnTo>
                    <a:pt x="1399324" y="950439"/>
                  </a:lnTo>
                  <a:lnTo>
                    <a:pt x="1443252" y="927725"/>
                  </a:lnTo>
                  <a:lnTo>
                    <a:pt x="1477889" y="893088"/>
                  </a:lnTo>
                  <a:lnTo>
                    <a:pt x="1500603" y="849160"/>
                  </a:lnTo>
                  <a:lnTo>
                    <a:pt x="1508760" y="798576"/>
                  </a:lnTo>
                  <a:lnTo>
                    <a:pt x="1508760" y="160020"/>
                  </a:lnTo>
                  <a:lnTo>
                    <a:pt x="1500603" y="109435"/>
                  </a:lnTo>
                  <a:lnTo>
                    <a:pt x="1477889" y="65507"/>
                  </a:lnTo>
                  <a:lnTo>
                    <a:pt x="1443252" y="30870"/>
                  </a:lnTo>
                  <a:lnTo>
                    <a:pt x="1399324" y="8156"/>
                  </a:lnTo>
                  <a:lnTo>
                    <a:pt x="1348740" y="0"/>
                  </a:lnTo>
                  <a:close/>
                </a:path>
              </a:pathLst>
            </a:custGeom>
            <a:solidFill>
              <a:srgbClr val="FDE9DA"/>
            </a:solidFill>
          </p:spPr>
          <p:txBody>
            <a:bodyPr wrap="square" lIns="0" tIns="0" rIns="0" bIns="0" rtlCol="0"/>
            <a:lstStyle/>
            <a:p>
              <a:endParaRPr sz="1749"/>
            </a:p>
          </p:txBody>
        </p:sp>
        <p:sp>
          <p:nvSpPr>
            <p:cNvPr id="30" name="object 30"/>
            <p:cNvSpPr/>
            <p:nvPr/>
          </p:nvSpPr>
          <p:spPr>
            <a:xfrm>
              <a:off x="6777228" y="3110483"/>
              <a:ext cx="1508760" cy="958850"/>
            </a:xfrm>
            <a:custGeom>
              <a:avLst/>
              <a:gdLst/>
              <a:ahLst/>
              <a:cxnLst/>
              <a:rect l="l" t="t" r="r" b="b"/>
              <a:pathLst>
                <a:path w="1508759" h="958850">
                  <a:moveTo>
                    <a:pt x="0" y="160020"/>
                  </a:moveTo>
                  <a:lnTo>
                    <a:pt x="8144" y="109435"/>
                  </a:lnTo>
                  <a:lnTo>
                    <a:pt x="30772" y="65507"/>
                  </a:lnTo>
                  <a:lnTo>
                    <a:pt x="65178" y="30870"/>
                  </a:lnTo>
                  <a:lnTo>
                    <a:pt x="108655" y="8156"/>
                  </a:lnTo>
                  <a:lnTo>
                    <a:pt x="158496" y="0"/>
                  </a:lnTo>
                  <a:lnTo>
                    <a:pt x="1348740" y="0"/>
                  </a:lnTo>
                  <a:lnTo>
                    <a:pt x="1399324" y="8156"/>
                  </a:lnTo>
                  <a:lnTo>
                    <a:pt x="1443252" y="30870"/>
                  </a:lnTo>
                  <a:lnTo>
                    <a:pt x="1477889" y="65507"/>
                  </a:lnTo>
                  <a:lnTo>
                    <a:pt x="1500603" y="109435"/>
                  </a:lnTo>
                  <a:lnTo>
                    <a:pt x="1508760" y="160020"/>
                  </a:lnTo>
                  <a:lnTo>
                    <a:pt x="1508760" y="798576"/>
                  </a:lnTo>
                  <a:lnTo>
                    <a:pt x="1500603" y="849160"/>
                  </a:lnTo>
                  <a:lnTo>
                    <a:pt x="1477889" y="893088"/>
                  </a:lnTo>
                  <a:lnTo>
                    <a:pt x="1443252" y="927725"/>
                  </a:lnTo>
                  <a:lnTo>
                    <a:pt x="1399324" y="950439"/>
                  </a:lnTo>
                  <a:lnTo>
                    <a:pt x="1348740" y="958596"/>
                  </a:lnTo>
                  <a:lnTo>
                    <a:pt x="158496" y="958596"/>
                  </a:lnTo>
                  <a:lnTo>
                    <a:pt x="108655" y="950439"/>
                  </a:lnTo>
                  <a:lnTo>
                    <a:pt x="65178" y="927725"/>
                  </a:lnTo>
                  <a:lnTo>
                    <a:pt x="30772" y="893088"/>
                  </a:lnTo>
                  <a:lnTo>
                    <a:pt x="8144" y="849160"/>
                  </a:lnTo>
                  <a:lnTo>
                    <a:pt x="0" y="798576"/>
                  </a:lnTo>
                  <a:lnTo>
                    <a:pt x="0" y="160020"/>
                  </a:lnTo>
                  <a:close/>
                </a:path>
              </a:pathLst>
            </a:custGeom>
            <a:ln w="38100">
              <a:solidFill>
                <a:srgbClr val="E46B0A"/>
              </a:solidFill>
            </a:ln>
          </p:spPr>
          <p:txBody>
            <a:bodyPr wrap="square" lIns="0" tIns="0" rIns="0" bIns="0" rtlCol="0"/>
            <a:lstStyle/>
            <a:p>
              <a:endParaRPr sz="1749"/>
            </a:p>
          </p:txBody>
        </p:sp>
      </p:grpSp>
      <p:sp>
        <p:nvSpPr>
          <p:cNvPr id="31" name="object 31"/>
          <p:cNvSpPr txBox="1"/>
          <p:nvPr/>
        </p:nvSpPr>
        <p:spPr>
          <a:xfrm>
            <a:off x="5869862" y="2981248"/>
            <a:ext cx="1215542" cy="574675"/>
          </a:xfrm>
          <a:prstGeom prst="rect">
            <a:avLst/>
          </a:prstGeom>
        </p:spPr>
        <p:txBody>
          <a:bodyPr vert="horz" wrap="square" lIns="0" tIns="10317" rIns="0" bIns="0" rtlCol="0">
            <a:spAutoFit/>
          </a:bodyPr>
          <a:lstStyle/>
          <a:p>
            <a:pPr marL="10860">
              <a:lnSpc>
                <a:spcPts val="2257"/>
              </a:lnSpc>
              <a:spcBef>
                <a:spcPts val="81"/>
              </a:spcBef>
            </a:pPr>
            <a:r>
              <a:rPr sz="1881" b="1" spc="-30" dirty="0">
                <a:solidFill>
                  <a:srgbClr val="E46B0A"/>
                </a:solidFill>
                <a:latin typeface="Meiryo UI"/>
                <a:cs typeface="Meiryo UI"/>
              </a:rPr>
              <a:t>「事業者」</a:t>
            </a:r>
            <a:endParaRPr sz="1881" dirty="0">
              <a:latin typeface="Meiryo UI"/>
              <a:cs typeface="Meiryo UI"/>
            </a:endParaRPr>
          </a:p>
          <a:p>
            <a:pPr marL="117286">
              <a:lnSpc>
                <a:spcPts val="2052"/>
              </a:lnSpc>
            </a:pPr>
            <a:r>
              <a:rPr sz="1710" spc="-26" dirty="0">
                <a:latin typeface="Meiryo UI"/>
                <a:cs typeface="Meiryo UI"/>
              </a:rPr>
              <a:t>を束ねる</a:t>
            </a:r>
            <a:endParaRPr sz="1710" dirty="0">
              <a:latin typeface="Meiryo UI"/>
              <a:cs typeface="Meiryo UI"/>
            </a:endParaRPr>
          </a:p>
        </p:txBody>
      </p:sp>
      <p:grpSp>
        <p:nvGrpSpPr>
          <p:cNvPr id="32" name="object 32"/>
          <p:cNvGrpSpPr/>
          <p:nvPr/>
        </p:nvGrpSpPr>
        <p:grpSpPr>
          <a:xfrm>
            <a:off x="849024" y="2838983"/>
            <a:ext cx="4888565" cy="852499"/>
            <a:chOff x="992886" y="3091433"/>
            <a:chExt cx="5716905" cy="996950"/>
          </a:xfrm>
        </p:grpSpPr>
        <p:sp>
          <p:nvSpPr>
            <p:cNvPr id="33" name="object 33"/>
            <p:cNvSpPr/>
            <p:nvPr/>
          </p:nvSpPr>
          <p:spPr>
            <a:xfrm>
              <a:off x="1011936" y="3110483"/>
              <a:ext cx="5678805" cy="958850"/>
            </a:xfrm>
            <a:custGeom>
              <a:avLst/>
              <a:gdLst/>
              <a:ahLst/>
              <a:cxnLst/>
              <a:rect l="l" t="t" r="r" b="b"/>
              <a:pathLst>
                <a:path w="5678805" h="958850">
                  <a:moveTo>
                    <a:pt x="5518404" y="0"/>
                  </a:moveTo>
                  <a:lnTo>
                    <a:pt x="158495" y="0"/>
                  </a:lnTo>
                  <a:lnTo>
                    <a:pt x="108655" y="8156"/>
                  </a:lnTo>
                  <a:lnTo>
                    <a:pt x="65178" y="30870"/>
                  </a:lnTo>
                  <a:lnTo>
                    <a:pt x="30772" y="65507"/>
                  </a:lnTo>
                  <a:lnTo>
                    <a:pt x="8144" y="109435"/>
                  </a:lnTo>
                  <a:lnTo>
                    <a:pt x="0" y="160020"/>
                  </a:lnTo>
                  <a:lnTo>
                    <a:pt x="0" y="798576"/>
                  </a:lnTo>
                  <a:lnTo>
                    <a:pt x="8144" y="849160"/>
                  </a:lnTo>
                  <a:lnTo>
                    <a:pt x="30772" y="893088"/>
                  </a:lnTo>
                  <a:lnTo>
                    <a:pt x="65178" y="927725"/>
                  </a:lnTo>
                  <a:lnTo>
                    <a:pt x="108655" y="950439"/>
                  </a:lnTo>
                  <a:lnTo>
                    <a:pt x="158495" y="958596"/>
                  </a:lnTo>
                  <a:lnTo>
                    <a:pt x="5518404" y="958596"/>
                  </a:lnTo>
                  <a:lnTo>
                    <a:pt x="5568988" y="950439"/>
                  </a:lnTo>
                  <a:lnTo>
                    <a:pt x="5612916" y="927725"/>
                  </a:lnTo>
                  <a:lnTo>
                    <a:pt x="5647553" y="893088"/>
                  </a:lnTo>
                  <a:lnTo>
                    <a:pt x="5670267" y="849160"/>
                  </a:lnTo>
                  <a:lnTo>
                    <a:pt x="5678423" y="798576"/>
                  </a:lnTo>
                  <a:lnTo>
                    <a:pt x="5678423" y="160020"/>
                  </a:lnTo>
                  <a:lnTo>
                    <a:pt x="5670267" y="109435"/>
                  </a:lnTo>
                  <a:lnTo>
                    <a:pt x="5647553" y="65507"/>
                  </a:lnTo>
                  <a:lnTo>
                    <a:pt x="5612916" y="30870"/>
                  </a:lnTo>
                  <a:lnTo>
                    <a:pt x="5568988" y="8156"/>
                  </a:lnTo>
                  <a:lnTo>
                    <a:pt x="5518404" y="0"/>
                  </a:lnTo>
                  <a:close/>
                </a:path>
              </a:pathLst>
            </a:custGeom>
            <a:solidFill>
              <a:srgbClr val="FDE9DA"/>
            </a:solidFill>
          </p:spPr>
          <p:txBody>
            <a:bodyPr wrap="square" lIns="0" tIns="0" rIns="0" bIns="0" rtlCol="0"/>
            <a:lstStyle/>
            <a:p>
              <a:endParaRPr sz="1749"/>
            </a:p>
          </p:txBody>
        </p:sp>
        <p:sp>
          <p:nvSpPr>
            <p:cNvPr id="34" name="object 34"/>
            <p:cNvSpPr/>
            <p:nvPr/>
          </p:nvSpPr>
          <p:spPr>
            <a:xfrm>
              <a:off x="1011936" y="3110483"/>
              <a:ext cx="5678805" cy="958850"/>
            </a:xfrm>
            <a:custGeom>
              <a:avLst/>
              <a:gdLst/>
              <a:ahLst/>
              <a:cxnLst/>
              <a:rect l="l" t="t" r="r" b="b"/>
              <a:pathLst>
                <a:path w="5678805" h="958850">
                  <a:moveTo>
                    <a:pt x="0" y="160020"/>
                  </a:moveTo>
                  <a:lnTo>
                    <a:pt x="8144" y="109435"/>
                  </a:lnTo>
                  <a:lnTo>
                    <a:pt x="30772" y="65507"/>
                  </a:lnTo>
                  <a:lnTo>
                    <a:pt x="65178" y="30870"/>
                  </a:lnTo>
                  <a:lnTo>
                    <a:pt x="108655" y="8156"/>
                  </a:lnTo>
                  <a:lnTo>
                    <a:pt x="158495" y="0"/>
                  </a:lnTo>
                  <a:lnTo>
                    <a:pt x="5518404" y="0"/>
                  </a:lnTo>
                  <a:lnTo>
                    <a:pt x="5568988" y="8156"/>
                  </a:lnTo>
                  <a:lnTo>
                    <a:pt x="5612916" y="30870"/>
                  </a:lnTo>
                  <a:lnTo>
                    <a:pt x="5647553" y="65507"/>
                  </a:lnTo>
                  <a:lnTo>
                    <a:pt x="5670267" y="109435"/>
                  </a:lnTo>
                  <a:lnTo>
                    <a:pt x="5678423" y="160020"/>
                  </a:lnTo>
                  <a:lnTo>
                    <a:pt x="5678423" y="798576"/>
                  </a:lnTo>
                  <a:lnTo>
                    <a:pt x="5670267" y="849160"/>
                  </a:lnTo>
                  <a:lnTo>
                    <a:pt x="5647553" y="893088"/>
                  </a:lnTo>
                  <a:lnTo>
                    <a:pt x="5612916" y="927725"/>
                  </a:lnTo>
                  <a:lnTo>
                    <a:pt x="5568988" y="950439"/>
                  </a:lnTo>
                  <a:lnTo>
                    <a:pt x="5518404" y="958596"/>
                  </a:lnTo>
                  <a:lnTo>
                    <a:pt x="158495" y="958596"/>
                  </a:lnTo>
                  <a:lnTo>
                    <a:pt x="108655" y="950439"/>
                  </a:lnTo>
                  <a:lnTo>
                    <a:pt x="65178" y="927725"/>
                  </a:lnTo>
                  <a:lnTo>
                    <a:pt x="30772" y="893088"/>
                  </a:lnTo>
                  <a:lnTo>
                    <a:pt x="8144" y="849160"/>
                  </a:lnTo>
                  <a:lnTo>
                    <a:pt x="0" y="798576"/>
                  </a:lnTo>
                  <a:lnTo>
                    <a:pt x="0" y="160020"/>
                  </a:lnTo>
                  <a:close/>
                </a:path>
              </a:pathLst>
            </a:custGeom>
            <a:ln w="38100">
              <a:solidFill>
                <a:srgbClr val="E46B0A"/>
              </a:solidFill>
            </a:ln>
          </p:spPr>
          <p:txBody>
            <a:bodyPr wrap="square" lIns="0" tIns="0" rIns="0" bIns="0" rtlCol="0"/>
            <a:lstStyle/>
            <a:p>
              <a:endParaRPr sz="1749"/>
            </a:p>
          </p:txBody>
        </p:sp>
      </p:grpSp>
      <p:sp>
        <p:nvSpPr>
          <p:cNvPr id="35" name="object 35"/>
          <p:cNvSpPr txBox="1"/>
          <p:nvPr/>
        </p:nvSpPr>
        <p:spPr>
          <a:xfrm>
            <a:off x="1562138" y="3011144"/>
            <a:ext cx="2837465" cy="574675"/>
          </a:xfrm>
          <a:prstGeom prst="rect">
            <a:avLst/>
          </a:prstGeom>
        </p:spPr>
        <p:txBody>
          <a:bodyPr vert="horz" wrap="square" lIns="0" tIns="10317" rIns="0" bIns="0" rtlCol="0">
            <a:spAutoFit/>
          </a:bodyPr>
          <a:lstStyle/>
          <a:p>
            <a:pPr algn="ctr">
              <a:lnSpc>
                <a:spcPts val="2257"/>
              </a:lnSpc>
              <a:spcBef>
                <a:spcPts val="81"/>
              </a:spcBef>
            </a:pPr>
            <a:r>
              <a:rPr sz="1881" b="1" spc="-26" dirty="0">
                <a:solidFill>
                  <a:srgbClr val="E46B0A"/>
                </a:solidFill>
                <a:latin typeface="Meiryo UI"/>
                <a:cs typeface="Meiryo UI"/>
              </a:rPr>
              <a:t>「自治体</a:t>
            </a:r>
            <a:r>
              <a:rPr sz="1368" b="1" spc="-21" dirty="0">
                <a:solidFill>
                  <a:srgbClr val="E46B0A"/>
                </a:solidFill>
                <a:latin typeface="Meiryo UI"/>
                <a:cs typeface="Meiryo UI"/>
              </a:rPr>
              <a:t>(発注者・業務)</a:t>
            </a:r>
            <a:r>
              <a:rPr sz="1710" b="1" spc="-43" dirty="0">
                <a:solidFill>
                  <a:srgbClr val="E46B0A"/>
                </a:solidFill>
                <a:latin typeface="Meiryo UI"/>
                <a:cs typeface="Meiryo UI"/>
              </a:rPr>
              <a:t>」</a:t>
            </a:r>
            <a:endParaRPr sz="1710" dirty="0">
              <a:latin typeface="Meiryo UI"/>
              <a:cs typeface="Meiryo UI"/>
            </a:endParaRPr>
          </a:p>
          <a:p>
            <a:pPr algn="ctr">
              <a:lnSpc>
                <a:spcPts val="2052"/>
              </a:lnSpc>
            </a:pPr>
            <a:r>
              <a:rPr sz="1710" spc="-26" dirty="0">
                <a:latin typeface="Meiryo UI"/>
                <a:cs typeface="Meiryo UI"/>
              </a:rPr>
              <a:t>を束ねる</a:t>
            </a:r>
            <a:endParaRPr sz="1710" dirty="0">
              <a:latin typeface="Meiryo UI"/>
              <a:cs typeface="Meiryo UI"/>
            </a:endParaRPr>
          </a:p>
        </p:txBody>
      </p:sp>
      <p:grpSp>
        <p:nvGrpSpPr>
          <p:cNvPr id="36" name="object 36"/>
          <p:cNvGrpSpPr/>
          <p:nvPr/>
        </p:nvGrpSpPr>
        <p:grpSpPr>
          <a:xfrm>
            <a:off x="783213" y="2684556"/>
            <a:ext cx="7913578" cy="1191326"/>
            <a:chOff x="915924" y="2910839"/>
            <a:chExt cx="9254490" cy="1393190"/>
          </a:xfrm>
        </p:grpSpPr>
        <p:sp>
          <p:nvSpPr>
            <p:cNvPr id="37" name="object 37"/>
            <p:cNvSpPr/>
            <p:nvPr/>
          </p:nvSpPr>
          <p:spPr>
            <a:xfrm>
              <a:off x="915924" y="2910839"/>
              <a:ext cx="8404860" cy="1393190"/>
            </a:xfrm>
            <a:custGeom>
              <a:avLst/>
              <a:gdLst/>
              <a:ahLst/>
              <a:cxnLst/>
              <a:rect l="l" t="t" r="r" b="b"/>
              <a:pathLst>
                <a:path w="8404860" h="1393189">
                  <a:moveTo>
                    <a:pt x="28956" y="1354836"/>
                  </a:moveTo>
                  <a:lnTo>
                    <a:pt x="18287" y="1354836"/>
                  </a:lnTo>
                  <a:lnTo>
                    <a:pt x="18287" y="1392936"/>
                  </a:lnTo>
                  <a:lnTo>
                    <a:pt x="28956" y="1392936"/>
                  </a:lnTo>
                  <a:lnTo>
                    <a:pt x="28956" y="1354836"/>
                  </a:lnTo>
                  <a:close/>
                </a:path>
                <a:path w="8404860" h="1393189">
                  <a:moveTo>
                    <a:pt x="38100" y="1335024"/>
                  </a:moveTo>
                  <a:lnTo>
                    <a:pt x="0" y="1335024"/>
                  </a:lnTo>
                  <a:lnTo>
                    <a:pt x="0" y="1373124"/>
                  </a:lnTo>
                  <a:lnTo>
                    <a:pt x="18287" y="1373124"/>
                  </a:lnTo>
                  <a:lnTo>
                    <a:pt x="18287" y="1354836"/>
                  </a:lnTo>
                  <a:lnTo>
                    <a:pt x="38100" y="1354836"/>
                  </a:lnTo>
                  <a:lnTo>
                    <a:pt x="38100" y="1335024"/>
                  </a:lnTo>
                  <a:close/>
                </a:path>
                <a:path w="8404860" h="1393189">
                  <a:moveTo>
                    <a:pt x="38100" y="1354836"/>
                  </a:moveTo>
                  <a:lnTo>
                    <a:pt x="28956" y="1354836"/>
                  </a:lnTo>
                  <a:lnTo>
                    <a:pt x="28956" y="1373124"/>
                  </a:lnTo>
                  <a:lnTo>
                    <a:pt x="38100" y="1373124"/>
                  </a:lnTo>
                  <a:lnTo>
                    <a:pt x="38100" y="1354836"/>
                  </a:lnTo>
                  <a:close/>
                </a:path>
                <a:path w="8404860" h="1393189">
                  <a:moveTo>
                    <a:pt x="38100" y="1258824"/>
                  </a:moveTo>
                  <a:lnTo>
                    <a:pt x="0" y="1258824"/>
                  </a:lnTo>
                  <a:lnTo>
                    <a:pt x="0" y="1296924"/>
                  </a:lnTo>
                  <a:lnTo>
                    <a:pt x="38100" y="1296924"/>
                  </a:lnTo>
                  <a:lnTo>
                    <a:pt x="38100" y="1258824"/>
                  </a:lnTo>
                  <a:close/>
                </a:path>
                <a:path w="8404860" h="1393189">
                  <a:moveTo>
                    <a:pt x="38100" y="1182624"/>
                  </a:moveTo>
                  <a:lnTo>
                    <a:pt x="0" y="1182624"/>
                  </a:lnTo>
                  <a:lnTo>
                    <a:pt x="0" y="1220724"/>
                  </a:lnTo>
                  <a:lnTo>
                    <a:pt x="38100" y="1220724"/>
                  </a:lnTo>
                  <a:lnTo>
                    <a:pt x="38100" y="1182624"/>
                  </a:lnTo>
                  <a:close/>
                </a:path>
                <a:path w="8404860" h="1393189">
                  <a:moveTo>
                    <a:pt x="38100" y="1106424"/>
                  </a:moveTo>
                  <a:lnTo>
                    <a:pt x="0" y="1106424"/>
                  </a:lnTo>
                  <a:lnTo>
                    <a:pt x="0" y="1144524"/>
                  </a:lnTo>
                  <a:lnTo>
                    <a:pt x="38100" y="1144524"/>
                  </a:lnTo>
                  <a:lnTo>
                    <a:pt x="38100" y="1106424"/>
                  </a:lnTo>
                  <a:close/>
                </a:path>
                <a:path w="8404860" h="1393189">
                  <a:moveTo>
                    <a:pt x="38100" y="1030224"/>
                  </a:moveTo>
                  <a:lnTo>
                    <a:pt x="0" y="1030224"/>
                  </a:lnTo>
                  <a:lnTo>
                    <a:pt x="0" y="1068324"/>
                  </a:lnTo>
                  <a:lnTo>
                    <a:pt x="38100" y="1068324"/>
                  </a:lnTo>
                  <a:lnTo>
                    <a:pt x="38100" y="1030224"/>
                  </a:lnTo>
                  <a:close/>
                </a:path>
                <a:path w="8404860" h="1393189">
                  <a:moveTo>
                    <a:pt x="38100" y="954024"/>
                  </a:moveTo>
                  <a:lnTo>
                    <a:pt x="0" y="954024"/>
                  </a:lnTo>
                  <a:lnTo>
                    <a:pt x="0" y="992124"/>
                  </a:lnTo>
                  <a:lnTo>
                    <a:pt x="38100" y="992124"/>
                  </a:lnTo>
                  <a:lnTo>
                    <a:pt x="38100" y="954024"/>
                  </a:lnTo>
                  <a:close/>
                </a:path>
                <a:path w="8404860" h="1393189">
                  <a:moveTo>
                    <a:pt x="38100" y="877824"/>
                  </a:moveTo>
                  <a:lnTo>
                    <a:pt x="0" y="877824"/>
                  </a:lnTo>
                  <a:lnTo>
                    <a:pt x="0" y="915924"/>
                  </a:lnTo>
                  <a:lnTo>
                    <a:pt x="38100" y="915924"/>
                  </a:lnTo>
                  <a:lnTo>
                    <a:pt x="38100" y="877824"/>
                  </a:lnTo>
                  <a:close/>
                </a:path>
                <a:path w="8404860" h="1393189">
                  <a:moveTo>
                    <a:pt x="38100" y="801624"/>
                  </a:moveTo>
                  <a:lnTo>
                    <a:pt x="0" y="801624"/>
                  </a:lnTo>
                  <a:lnTo>
                    <a:pt x="0" y="839724"/>
                  </a:lnTo>
                  <a:lnTo>
                    <a:pt x="38100" y="839724"/>
                  </a:lnTo>
                  <a:lnTo>
                    <a:pt x="38100" y="801624"/>
                  </a:lnTo>
                  <a:close/>
                </a:path>
                <a:path w="8404860" h="1393189">
                  <a:moveTo>
                    <a:pt x="38100" y="725424"/>
                  </a:moveTo>
                  <a:lnTo>
                    <a:pt x="0" y="725424"/>
                  </a:lnTo>
                  <a:lnTo>
                    <a:pt x="0" y="763524"/>
                  </a:lnTo>
                  <a:lnTo>
                    <a:pt x="38100" y="763524"/>
                  </a:lnTo>
                  <a:lnTo>
                    <a:pt x="38100" y="725424"/>
                  </a:lnTo>
                  <a:close/>
                </a:path>
                <a:path w="8404860" h="1393189">
                  <a:moveTo>
                    <a:pt x="38100" y="649224"/>
                  </a:moveTo>
                  <a:lnTo>
                    <a:pt x="0" y="649224"/>
                  </a:lnTo>
                  <a:lnTo>
                    <a:pt x="0" y="687324"/>
                  </a:lnTo>
                  <a:lnTo>
                    <a:pt x="38100" y="687324"/>
                  </a:lnTo>
                  <a:lnTo>
                    <a:pt x="38100" y="649224"/>
                  </a:lnTo>
                  <a:close/>
                </a:path>
                <a:path w="8404860" h="1393189">
                  <a:moveTo>
                    <a:pt x="38100" y="573024"/>
                  </a:moveTo>
                  <a:lnTo>
                    <a:pt x="0" y="573024"/>
                  </a:lnTo>
                  <a:lnTo>
                    <a:pt x="0" y="611124"/>
                  </a:lnTo>
                  <a:lnTo>
                    <a:pt x="38100" y="611124"/>
                  </a:lnTo>
                  <a:lnTo>
                    <a:pt x="38100" y="573024"/>
                  </a:lnTo>
                  <a:close/>
                </a:path>
                <a:path w="8404860" h="1393189">
                  <a:moveTo>
                    <a:pt x="38100" y="496824"/>
                  </a:moveTo>
                  <a:lnTo>
                    <a:pt x="0" y="496824"/>
                  </a:lnTo>
                  <a:lnTo>
                    <a:pt x="0" y="534924"/>
                  </a:lnTo>
                  <a:lnTo>
                    <a:pt x="38100" y="534924"/>
                  </a:lnTo>
                  <a:lnTo>
                    <a:pt x="38100" y="496824"/>
                  </a:lnTo>
                  <a:close/>
                </a:path>
                <a:path w="8404860" h="1393189">
                  <a:moveTo>
                    <a:pt x="38100" y="420624"/>
                  </a:moveTo>
                  <a:lnTo>
                    <a:pt x="0" y="420624"/>
                  </a:lnTo>
                  <a:lnTo>
                    <a:pt x="0" y="458724"/>
                  </a:lnTo>
                  <a:lnTo>
                    <a:pt x="38100" y="458724"/>
                  </a:lnTo>
                  <a:lnTo>
                    <a:pt x="38100" y="420624"/>
                  </a:lnTo>
                  <a:close/>
                </a:path>
                <a:path w="8404860" h="1393189">
                  <a:moveTo>
                    <a:pt x="38100" y="344424"/>
                  </a:moveTo>
                  <a:lnTo>
                    <a:pt x="0" y="344424"/>
                  </a:lnTo>
                  <a:lnTo>
                    <a:pt x="0" y="382524"/>
                  </a:lnTo>
                  <a:lnTo>
                    <a:pt x="38100" y="382524"/>
                  </a:lnTo>
                  <a:lnTo>
                    <a:pt x="38100" y="344424"/>
                  </a:lnTo>
                  <a:close/>
                </a:path>
                <a:path w="8404860" h="1393189">
                  <a:moveTo>
                    <a:pt x="38100" y="268224"/>
                  </a:moveTo>
                  <a:lnTo>
                    <a:pt x="0" y="268224"/>
                  </a:lnTo>
                  <a:lnTo>
                    <a:pt x="0" y="306324"/>
                  </a:lnTo>
                  <a:lnTo>
                    <a:pt x="38100" y="306324"/>
                  </a:lnTo>
                  <a:lnTo>
                    <a:pt x="38100" y="268224"/>
                  </a:lnTo>
                  <a:close/>
                </a:path>
                <a:path w="8404860" h="1393189">
                  <a:moveTo>
                    <a:pt x="38100" y="192024"/>
                  </a:moveTo>
                  <a:lnTo>
                    <a:pt x="0" y="192024"/>
                  </a:lnTo>
                  <a:lnTo>
                    <a:pt x="0" y="230124"/>
                  </a:lnTo>
                  <a:lnTo>
                    <a:pt x="38100" y="230124"/>
                  </a:lnTo>
                  <a:lnTo>
                    <a:pt x="38100" y="192024"/>
                  </a:lnTo>
                  <a:close/>
                </a:path>
                <a:path w="8404860" h="1393189">
                  <a:moveTo>
                    <a:pt x="38100" y="115824"/>
                  </a:moveTo>
                  <a:lnTo>
                    <a:pt x="0" y="115824"/>
                  </a:lnTo>
                  <a:lnTo>
                    <a:pt x="0" y="153924"/>
                  </a:lnTo>
                  <a:lnTo>
                    <a:pt x="38100" y="153924"/>
                  </a:lnTo>
                  <a:lnTo>
                    <a:pt x="38100" y="115824"/>
                  </a:lnTo>
                  <a:close/>
                </a:path>
                <a:path w="8404860" h="1393189">
                  <a:moveTo>
                    <a:pt x="38100" y="39624"/>
                  </a:moveTo>
                  <a:lnTo>
                    <a:pt x="0" y="39624"/>
                  </a:lnTo>
                  <a:lnTo>
                    <a:pt x="0" y="77724"/>
                  </a:lnTo>
                  <a:lnTo>
                    <a:pt x="38100" y="77724"/>
                  </a:lnTo>
                  <a:lnTo>
                    <a:pt x="38100" y="39624"/>
                  </a:lnTo>
                  <a:close/>
                </a:path>
                <a:path w="8404860" h="1393189">
                  <a:moveTo>
                    <a:pt x="74675" y="0"/>
                  </a:moveTo>
                  <a:lnTo>
                    <a:pt x="36575" y="0"/>
                  </a:lnTo>
                  <a:lnTo>
                    <a:pt x="36575" y="38100"/>
                  </a:lnTo>
                  <a:lnTo>
                    <a:pt x="74675" y="38100"/>
                  </a:lnTo>
                  <a:lnTo>
                    <a:pt x="74675" y="0"/>
                  </a:lnTo>
                  <a:close/>
                </a:path>
                <a:path w="8404860" h="1393189">
                  <a:moveTo>
                    <a:pt x="150875" y="0"/>
                  </a:moveTo>
                  <a:lnTo>
                    <a:pt x="112775" y="0"/>
                  </a:lnTo>
                  <a:lnTo>
                    <a:pt x="112775" y="38100"/>
                  </a:lnTo>
                  <a:lnTo>
                    <a:pt x="150875" y="38100"/>
                  </a:lnTo>
                  <a:lnTo>
                    <a:pt x="150875" y="0"/>
                  </a:lnTo>
                  <a:close/>
                </a:path>
                <a:path w="8404860" h="1393189">
                  <a:moveTo>
                    <a:pt x="227075" y="0"/>
                  </a:moveTo>
                  <a:lnTo>
                    <a:pt x="188975" y="0"/>
                  </a:lnTo>
                  <a:lnTo>
                    <a:pt x="188975" y="38100"/>
                  </a:lnTo>
                  <a:lnTo>
                    <a:pt x="227075" y="38100"/>
                  </a:lnTo>
                  <a:lnTo>
                    <a:pt x="227075" y="0"/>
                  </a:lnTo>
                  <a:close/>
                </a:path>
                <a:path w="8404860" h="1393189">
                  <a:moveTo>
                    <a:pt x="303275" y="0"/>
                  </a:moveTo>
                  <a:lnTo>
                    <a:pt x="265175" y="0"/>
                  </a:lnTo>
                  <a:lnTo>
                    <a:pt x="265175" y="38100"/>
                  </a:lnTo>
                  <a:lnTo>
                    <a:pt x="303275" y="38100"/>
                  </a:lnTo>
                  <a:lnTo>
                    <a:pt x="303275" y="0"/>
                  </a:lnTo>
                  <a:close/>
                </a:path>
                <a:path w="8404860" h="1393189">
                  <a:moveTo>
                    <a:pt x="379475" y="0"/>
                  </a:moveTo>
                  <a:lnTo>
                    <a:pt x="341375" y="0"/>
                  </a:lnTo>
                  <a:lnTo>
                    <a:pt x="341375" y="38100"/>
                  </a:lnTo>
                  <a:lnTo>
                    <a:pt x="379475" y="38100"/>
                  </a:lnTo>
                  <a:lnTo>
                    <a:pt x="379475" y="0"/>
                  </a:lnTo>
                  <a:close/>
                </a:path>
                <a:path w="8404860" h="1393189">
                  <a:moveTo>
                    <a:pt x="455675" y="0"/>
                  </a:moveTo>
                  <a:lnTo>
                    <a:pt x="417575" y="0"/>
                  </a:lnTo>
                  <a:lnTo>
                    <a:pt x="417575" y="38100"/>
                  </a:lnTo>
                  <a:lnTo>
                    <a:pt x="455675" y="38100"/>
                  </a:lnTo>
                  <a:lnTo>
                    <a:pt x="455675" y="0"/>
                  </a:lnTo>
                  <a:close/>
                </a:path>
                <a:path w="8404860" h="1393189">
                  <a:moveTo>
                    <a:pt x="531876" y="0"/>
                  </a:moveTo>
                  <a:lnTo>
                    <a:pt x="493775" y="0"/>
                  </a:lnTo>
                  <a:lnTo>
                    <a:pt x="493775" y="38100"/>
                  </a:lnTo>
                  <a:lnTo>
                    <a:pt x="531876" y="38100"/>
                  </a:lnTo>
                  <a:lnTo>
                    <a:pt x="531876" y="0"/>
                  </a:lnTo>
                  <a:close/>
                </a:path>
                <a:path w="8404860" h="1393189">
                  <a:moveTo>
                    <a:pt x="608076" y="0"/>
                  </a:moveTo>
                  <a:lnTo>
                    <a:pt x="569976" y="0"/>
                  </a:lnTo>
                  <a:lnTo>
                    <a:pt x="569976" y="38100"/>
                  </a:lnTo>
                  <a:lnTo>
                    <a:pt x="608076" y="38100"/>
                  </a:lnTo>
                  <a:lnTo>
                    <a:pt x="608076" y="0"/>
                  </a:lnTo>
                  <a:close/>
                </a:path>
                <a:path w="8404860" h="1393189">
                  <a:moveTo>
                    <a:pt x="684276" y="0"/>
                  </a:moveTo>
                  <a:lnTo>
                    <a:pt x="646176" y="0"/>
                  </a:lnTo>
                  <a:lnTo>
                    <a:pt x="646176" y="38100"/>
                  </a:lnTo>
                  <a:lnTo>
                    <a:pt x="684276" y="38100"/>
                  </a:lnTo>
                  <a:lnTo>
                    <a:pt x="684276" y="0"/>
                  </a:lnTo>
                  <a:close/>
                </a:path>
                <a:path w="8404860" h="1393189">
                  <a:moveTo>
                    <a:pt x="760476" y="0"/>
                  </a:moveTo>
                  <a:lnTo>
                    <a:pt x="722376" y="0"/>
                  </a:lnTo>
                  <a:lnTo>
                    <a:pt x="722376" y="38100"/>
                  </a:lnTo>
                  <a:lnTo>
                    <a:pt x="760476" y="38100"/>
                  </a:lnTo>
                  <a:lnTo>
                    <a:pt x="760476" y="0"/>
                  </a:lnTo>
                  <a:close/>
                </a:path>
                <a:path w="8404860" h="1393189">
                  <a:moveTo>
                    <a:pt x="836676" y="0"/>
                  </a:moveTo>
                  <a:lnTo>
                    <a:pt x="798576" y="0"/>
                  </a:lnTo>
                  <a:lnTo>
                    <a:pt x="798576" y="38100"/>
                  </a:lnTo>
                  <a:lnTo>
                    <a:pt x="836676" y="38100"/>
                  </a:lnTo>
                  <a:lnTo>
                    <a:pt x="836676" y="0"/>
                  </a:lnTo>
                  <a:close/>
                </a:path>
                <a:path w="8404860" h="1393189">
                  <a:moveTo>
                    <a:pt x="912876" y="0"/>
                  </a:moveTo>
                  <a:lnTo>
                    <a:pt x="874776" y="0"/>
                  </a:lnTo>
                  <a:lnTo>
                    <a:pt x="874776" y="38100"/>
                  </a:lnTo>
                  <a:lnTo>
                    <a:pt x="912876" y="38100"/>
                  </a:lnTo>
                  <a:lnTo>
                    <a:pt x="912876" y="0"/>
                  </a:lnTo>
                  <a:close/>
                </a:path>
                <a:path w="8404860" h="1393189">
                  <a:moveTo>
                    <a:pt x="989076" y="0"/>
                  </a:moveTo>
                  <a:lnTo>
                    <a:pt x="950976" y="0"/>
                  </a:lnTo>
                  <a:lnTo>
                    <a:pt x="950976" y="38100"/>
                  </a:lnTo>
                  <a:lnTo>
                    <a:pt x="989076" y="38100"/>
                  </a:lnTo>
                  <a:lnTo>
                    <a:pt x="989076" y="0"/>
                  </a:lnTo>
                  <a:close/>
                </a:path>
                <a:path w="8404860" h="1393189">
                  <a:moveTo>
                    <a:pt x="1065276" y="0"/>
                  </a:moveTo>
                  <a:lnTo>
                    <a:pt x="1027176" y="0"/>
                  </a:lnTo>
                  <a:lnTo>
                    <a:pt x="1027176" y="38100"/>
                  </a:lnTo>
                  <a:lnTo>
                    <a:pt x="1065276" y="38100"/>
                  </a:lnTo>
                  <a:lnTo>
                    <a:pt x="1065276" y="0"/>
                  </a:lnTo>
                  <a:close/>
                </a:path>
                <a:path w="8404860" h="1393189">
                  <a:moveTo>
                    <a:pt x="1141476" y="0"/>
                  </a:moveTo>
                  <a:lnTo>
                    <a:pt x="1103376" y="0"/>
                  </a:lnTo>
                  <a:lnTo>
                    <a:pt x="1103376" y="38100"/>
                  </a:lnTo>
                  <a:lnTo>
                    <a:pt x="1141476" y="38100"/>
                  </a:lnTo>
                  <a:lnTo>
                    <a:pt x="1141476" y="0"/>
                  </a:lnTo>
                  <a:close/>
                </a:path>
                <a:path w="8404860" h="1393189">
                  <a:moveTo>
                    <a:pt x="1217676" y="0"/>
                  </a:moveTo>
                  <a:lnTo>
                    <a:pt x="1179576" y="0"/>
                  </a:lnTo>
                  <a:lnTo>
                    <a:pt x="1179576" y="38100"/>
                  </a:lnTo>
                  <a:lnTo>
                    <a:pt x="1217676" y="38100"/>
                  </a:lnTo>
                  <a:lnTo>
                    <a:pt x="1217676" y="0"/>
                  </a:lnTo>
                  <a:close/>
                </a:path>
                <a:path w="8404860" h="1393189">
                  <a:moveTo>
                    <a:pt x="1293876" y="0"/>
                  </a:moveTo>
                  <a:lnTo>
                    <a:pt x="1255776" y="0"/>
                  </a:lnTo>
                  <a:lnTo>
                    <a:pt x="1255776" y="38100"/>
                  </a:lnTo>
                  <a:lnTo>
                    <a:pt x="1293876" y="38100"/>
                  </a:lnTo>
                  <a:lnTo>
                    <a:pt x="1293876" y="0"/>
                  </a:lnTo>
                  <a:close/>
                </a:path>
                <a:path w="8404860" h="1393189">
                  <a:moveTo>
                    <a:pt x="1370076" y="0"/>
                  </a:moveTo>
                  <a:lnTo>
                    <a:pt x="1331976" y="0"/>
                  </a:lnTo>
                  <a:lnTo>
                    <a:pt x="1331976" y="38100"/>
                  </a:lnTo>
                  <a:lnTo>
                    <a:pt x="1370076" y="38100"/>
                  </a:lnTo>
                  <a:lnTo>
                    <a:pt x="1370076" y="0"/>
                  </a:lnTo>
                  <a:close/>
                </a:path>
                <a:path w="8404860" h="1393189">
                  <a:moveTo>
                    <a:pt x="1446276" y="0"/>
                  </a:moveTo>
                  <a:lnTo>
                    <a:pt x="1408176" y="0"/>
                  </a:lnTo>
                  <a:lnTo>
                    <a:pt x="1408176" y="38100"/>
                  </a:lnTo>
                  <a:lnTo>
                    <a:pt x="1446276" y="38100"/>
                  </a:lnTo>
                  <a:lnTo>
                    <a:pt x="1446276" y="0"/>
                  </a:lnTo>
                  <a:close/>
                </a:path>
                <a:path w="8404860" h="1393189">
                  <a:moveTo>
                    <a:pt x="1522476" y="0"/>
                  </a:moveTo>
                  <a:lnTo>
                    <a:pt x="1484376" y="0"/>
                  </a:lnTo>
                  <a:lnTo>
                    <a:pt x="1484376" y="38100"/>
                  </a:lnTo>
                  <a:lnTo>
                    <a:pt x="1522476" y="38100"/>
                  </a:lnTo>
                  <a:lnTo>
                    <a:pt x="1522476" y="0"/>
                  </a:lnTo>
                  <a:close/>
                </a:path>
                <a:path w="8404860" h="1393189">
                  <a:moveTo>
                    <a:pt x="1598676" y="0"/>
                  </a:moveTo>
                  <a:lnTo>
                    <a:pt x="1560576" y="0"/>
                  </a:lnTo>
                  <a:lnTo>
                    <a:pt x="1560576" y="38100"/>
                  </a:lnTo>
                  <a:lnTo>
                    <a:pt x="1598676" y="38100"/>
                  </a:lnTo>
                  <a:lnTo>
                    <a:pt x="1598676" y="0"/>
                  </a:lnTo>
                  <a:close/>
                </a:path>
                <a:path w="8404860" h="1393189">
                  <a:moveTo>
                    <a:pt x="1674876" y="0"/>
                  </a:moveTo>
                  <a:lnTo>
                    <a:pt x="1636776" y="0"/>
                  </a:lnTo>
                  <a:lnTo>
                    <a:pt x="1636776" y="38100"/>
                  </a:lnTo>
                  <a:lnTo>
                    <a:pt x="1674876" y="38100"/>
                  </a:lnTo>
                  <a:lnTo>
                    <a:pt x="1674876" y="0"/>
                  </a:lnTo>
                  <a:close/>
                </a:path>
                <a:path w="8404860" h="1393189">
                  <a:moveTo>
                    <a:pt x="1751076" y="0"/>
                  </a:moveTo>
                  <a:lnTo>
                    <a:pt x="1712976" y="0"/>
                  </a:lnTo>
                  <a:lnTo>
                    <a:pt x="1712976" y="38100"/>
                  </a:lnTo>
                  <a:lnTo>
                    <a:pt x="1751076" y="38100"/>
                  </a:lnTo>
                  <a:lnTo>
                    <a:pt x="1751076" y="0"/>
                  </a:lnTo>
                  <a:close/>
                </a:path>
                <a:path w="8404860" h="1393189">
                  <a:moveTo>
                    <a:pt x="1827276" y="0"/>
                  </a:moveTo>
                  <a:lnTo>
                    <a:pt x="1789176" y="0"/>
                  </a:lnTo>
                  <a:lnTo>
                    <a:pt x="1789176" y="38100"/>
                  </a:lnTo>
                  <a:lnTo>
                    <a:pt x="1827276" y="38100"/>
                  </a:lnTo>
                  <a:lnTo>
                    <a:pt x="1827276" y="0"/>
                  </a:lnTo>
                  <a:close/>
                </a:path>
                <a:path w="8404860" h="1393189">
                  <a:moveTo>
                    <a:pt x="1903476" y="0"/>
                  </a:moveTo>
                  <a:lnTo>
                    <a:pt x="1865376" y="0"/>
                  </a:lnTo>
                  <a:lnTo>
                    <a:pt x="1865376" y="38100"/>
                  </a:lnTo>
                  <a:lnTo>
                    <a:pt x="1903476" y="38100"/>
                  </a:lnTo>
                  <a:lnTo>
                    <a:pt x="1903476" y="0"/>
                  </a:lnTo>
                  <a:close/>
                </a:path>
                <a:path w="8404860" h="1393189">
                  <a:moveTo>
                    <a:pt x="1979676" y="0"/>
                  </a:moveTo>
                  <a:lnTo>
                    <a:pt x="1941576" y="0"/>
                  </a:lnTo>
                  <a:lnTo>
                    <a:pt x="1941576" y="38100"/>
                  </a:lnTo>
                  <a:lnTo>
                    <a:pt x="1979676" y="38100"/>
                  </a:lnTo>
                  <a:lnTo>
                    <a:pt x="1979676" y="0"/>
                  </a:lnTo>
                  <a:close/>
                </a:path>
                <a:path w="8404860" h="1393189">
                  <a:moveTo>
                    <a:pt x="2055876" y="0"/>
                  </a:moveTo>
                  <a:lnTo>
                    <a:pt x="2017776" y="0"/>
                  </a:lnTo>
                  <a:lnTo>
                    <a:pt x="2017776" y="38100"/>
                  </a:lnTo>
                  <a:lnTo>
                    <a:pt x="2055876" y="38100"/>
                  </a:lnTo>
                  <a:lnTo>
                    <a:pt x="2055876" y="0"/>
                  </a:lnTo>
                  <a:close/>
                </a:path>
                <a:path w="8404860" h="1393189">
                  <a:moveTo>
                    <a:pt x="2132076" y="0"/>
                  </a:moveTo>
                  <a:lnTo>
                    <a:pt x="2093976" y="0"/>
                  </a:lnTo>
                  <a:lnTo>
                    <a:pt x="2093976" y="38100"/>
                  </a:lnTo>
                  <a:lnTo>
                    <a:pt x="2132076" y="38100"/>
                  </a:lnTo>
                  <a:lnTo>
                    <a:pt x="2132076" y="0"/>
                  </a:lnTo>
                  <a:close/>
                </a:path>
                <a:path w="8404860" h="1393189">
                  <a:moveTo>
                    <a:pt x="2208276" y="0"/>
                  </a:moveTo>
                  <a:lnTo>
                    <a:pt x="2170176" y="0"/>
                  </a:lnTo>
                  <a:lnTo>
                    <a:pt x="2170176" y="38100"/>
                  </a:lnTo>
                  <a:lnTo>
                    <a:pt x="2208276" y="38100"/>
                  </a:lnTo>
                  <a:lnTo>
                    <a:pt x="2208276" y="0"/>
                  </a:lnTo>
                  <a:close/>
                </a:path>
                <a:path w="8404860" h="1393189">
                  <a:moveTo>
                    <a:pt x="2284476" y="0"/>
                  </a:moveTo>
                  <a:lnTo>
                    <a:pt x="2246376" y="0"/>
                  </a:lnTo>
                  <a:lnTo>
                    <a:pt x="2246376" y="38100"/>
                  </a:lnTo>
                  <a:lnTo>
                    <a:pt x="2284476" y="38100"/>
                  </a:lnTo>
                  <a:lnTo>
                    <a:pt x="2284476" y="0"/>
                  </a:lnTo>
                  <a:close/>
                </a:path>
                <a:path w="8404860" h="1393189">
                  <a:moveTo>
                    <a:pt x="2360676" y="0"/>
                  </a:moveTo>
                  <a:lnTo>
                    <a:pt x="2322576" y="0"/>
                  </a:lnTo>
                  <a:lnTo>
                    <a:pt x="2322576" y="38100"/>
                  </a:lnTo>
                  <a:lnTo>
                    <a:pt x="2360676" y="38100"/>
                  </a:lnTo>
                  <a:lnTo>
                    <a:pt x="2360676" y="0"/>
                  </a:lnTo>
                  <a:close/>
                </a:path>
                <a:path w="8404860" h="1393189">
                  <a:moveTo>
                    <a:pt x="2436876" y="0"/>
                  </a:moveTo>
                  <a:lnTo>
                    <a:pt x="2398776" y="0"/>
                  </a:lnTo>
                  <a:lnTo>
                    <a:pt x="2398776" y="38100"/>
                  </a:lnTo>
                  <a:lnTo>
                    <a:pt x="2436876" y="38100"/>
                  </a:lnTo>
                  <a:lnTo>
                    <a:pt x="2436876" y="0"/>
                  </a:lnTo>
                  <a:close/>
                </a:path>
                <a:path w="8404860" h="1393189">
                  <a:moveTo>
                    <a:pt x="2513076" y="0"/>
                  </a:moveTo>
                  <a:lnTo>
                    <a:pt x="2474976" y="0"/>
                  </a:lnTo>
                  <a:lnTo>
                    <a:pt x="2474976" y="38100"/>
                  </a:lnTo>
                  <a:lnTo>
                    <a:pt x="2513076" y="38100"/>
                  </a:lnTo>
                  <a:lnTo>
                    <a:pt x="2513076" y="0"/>
                  </a:lnTo>
                  <a:close/>
                </a:path>
                <a:path w="8404860" h="1393189">
                  <a:moveTo>
                    <a:pt x="2589276" y="0"/>
                  </a:moveTo>
                  <a:lnTo>
                    <a:pt x="2551176" y="0"/>
                  </a:lnTo>
                  <a:lnTo>
                    <a:pt x="2551176" y="38100"/>
                  </a:lnTo>
                  <a:lnTo>
                    <a:pt x="2589276" y="38100"/>
                  </a:lnTo>
                  <a:lnTo>
                    <a:pt x="2589276" y="0"/>
                  </a:lnTo>
                  <a:close/>
                </a:path>
                <a:path w="8404860" h="1393189">
                  <a:moveTo>
                    <a:pt x="2665476" y="0"/>
                  </a:moveTo>
                  <a:lnTo>
                    <a:pt x="2627376" y="0"/>
                  </a:lnTo>
                  <a:lnTo>
                    <a:pt x="2627376" y="38100"/>
                  </a:lnTo>
                  <a:lnTo>
                    <a:pt x="2665476" y="38100"/>
                  </a:lnTo>
                  <a:lnTo>
                    <a:pt x="2665476" y="0"/>
                  </a:lnTo>
                  <a:close/>
                </a:path>
                <a:path w="8404860" h="1393189">
                  <a:moveTo>
                    <a:pt x="2741676" y="0"/>
                  </a:moveTo>
                  <a:lnTo>
                    <a:pt x="2703576" y="0"/>
                  </a:lnTo>
                  <a:lnTo>
                    <a:pt x="2703576" y="38100"/>
                  </a:lnTo>
                  <a:lnTo>
                    <a:pt x="2741676" y="38100"/>
                  </a:lnTo>
                  <a:lnTo>
                    <a:pt x="2741676" y="0"/>
                  </a:lnTo>
                  <a:close/>
                </a:path>
                <a:path w="8404860" h="1393189">
                  <a:moveTo>
                    <a:pt x="2817876" y="0"/>
                  </a:moveTo>
                  <a:lnTo>
                    <a:pt x="2779776" y="0"/>
                  </a:lnTo>
                  <a:lnTo>
                    <a:pt x="2779776" y="38100"/>
                  </a:lnTo>
                  <a:lnTo>
                    <a:pt x="2817876" y="38100"/>
                  </a:lnTo>
                  <a:lnTo>
                    <a:pt x="2817876" y="0"/>
                  </a:lnTo>
                  <a:close/>
                </a:path>
                <a:path w="8404860" h="1393189">
                  <a:moveTo>
                    <a:pt x="2894076" y="0"/>
                  </a:moveTo>
                  <a:lnTo>
                    <a:pt x="2855976" y="0"/>
                  </a:lnTo>
                  <a:lnTo>
                    <a:pt x="2855976" y="38100"/>
                  </a:lnTo>
                  <a:lnTo>
                    <a:pt x="2894076" y="38100"/>
                  </a:lnTo>
                  <a:lnTo>
                    <a:pt x="2894076" y="0"/>
                  </a:lnTo>
                  <a:close/>
                </a:path>
                <a:path w="8404860" h="1393189">
                  <a:moveTo>
                    <a:pt x="2970276" y="0"/>
                  </a:moveTo>
                  <a:lnTo>
                    <a:pt x="2932176" y="0"/>
                  </a:lnTo>
                  <a:lnTo>
                    <a:pt x="2932176" y="38100"/>
                  </a:lnTo>
                  <a:lnTo>
                    <a:pt x="2970276" y="38100"/>
                  </a:lnTo>
                  <a:lnTo>
                    <a:pt x="2970276" y="0"/>
                  </a:lnTo>
                  <a:close/>
                </a:path>
                <a:path w="8404860" h="1393189">
                  <a:moveTo>
                    <a:pt x="3046476" y="0"/>
                  </a:moveTo>
                  <a:lnTo>
                    <a:pt x="3008376" y="0"/>
                  </a:lnTo>
                  <a:lnTo>
                    <a:pt x="3008376" y="38100"/>
                  </a:lnTo>
                  <a:lnTo>
                    <a:pt x="3046476" y="38100"/>
                  </a:lnTo>
                  <a:lnTo>
                    <a:pt x="3046476" y="0"/>
                  </a:lnTo>
                  <a:close/>
                </a:path>
                <a:path w="8404860" h="1393189">
                  <a:moveTo>
                    <a:pt x="3122676" y="0"/>
                  </a:moveTo>
                  <a:lnTo>
                    <a:pt x="3084576" y="0"/>
                  </a:lnTo>
                  <a:lnTo>
                    <a:pt x="3084576" y="38100"/>
                  </a:lnTo>
                  <a:lnTo>
                    <a:pt x="3122676" y="38100"/>
                  </a:lnTo>
                  <a:lnTo>
                    <a:pt x="3122676" y="0"/>
                  </a:lnTo>
                  <a:close/>
                </a:path>
                <a:path w="8404860" h="1393189">
                  <a:moveTo>
                    <a:pt x="3198876" y="0"/>
                  </a:moveTo>
                  <a:lnTo>
                    <a:pt x="3160776" y="0"/>
                  </a:lnTo>
                  <a:lnTo>
                    <a:pt x="3160776" y="38100"/>
                  </a:lnTo>
                  <a:lnTo>
                    <a:pt x="3198876" y="38100"/>
                  </a:lnTo>
                  <a:lnTo>
                    <a:pt x="3198876" y="0"/>
                  </a:lnTo>
                  <a:close/>
                </a:path>
                <a:path w="8404860" h="1393189">
                  <a:moveTo>
                    <a:pt x="3275076" y="0"/>
                  </a:moveTo>
                  <a:lnTo>
                    <a:pt x="3236976" y="0"/>
                  </a:lnTo>
                  <a:lnTo>
                    <a:pt x="3236976" y="38100"/>
                  </a:lnTo>
                  <a:lnTo>
                    <a:pt x="3275076" y="38100"/>
                  </a:lnTo>
                  <a:lnTo>
                    <a:pt x="3275076" y="0"/>
                  </a:lnTo>
                  <a:close/>
                </a:path>
                <a:path w="8404860" h="1393189">
                  <a:moveTo>
                    <a:pt x="3351276" y="0"/>
                  </a:moveTo>
                  <a:lnTo>
                    <a:pt x="3313176" y="0"/>
                  </a:lnTo>
                  <a:lnTo>
                    <a:pt x="3313176" y="38100"/>
                  </a:lnTo>
                  <a:lnTo>
                    <a:pt x="3351276" y="38100"/>
                  </a:lnTo>
                  <a:lnTo>
                    <a:pt x="3351276" y="0"/>
                  </a:lnTo>
                  <a:close/>
                </a:path>
                <a:path w="8404860" h="1393189">
                  <a:moveTo>
                    <a:pt x="3427476" y="0"/>
                  </a:moveTo>
                  <a:lnTo>
                    <a:pt x="3389376" y="0"/>
                  </a:lnTo>
                  <a:lnTo>
                    <a:pt x="3389376" y="38100"/>
                  </a:lnTo>
                  <a:lnTo>
                    <a:pt x="3427476" y="38100"/>
                  </a:lnTo>
                  <a:lnTo>
                    <a:pt x="3427476" y="0"/>
                  </a:lnTo>
                  <a:close/>
                </a:path>
                <a:path w="8404860" h="1393189">
                  <a:moveTo>
                    <a:pt x="3503676" y="0"/>
                  </a:moveTo>
                  <a:lnTo>
                    <a:pt x="3465576" y="0"/>
                  </a:lnTo>
                  <a:lnTo>
                    <a:pt x="3465576" y="38100"/>
                  </a:lnTo>
                  <a:lnTo>
                    <a:pt x="3503676" y="38100"/>
                  </a:lnTo>
                  <a:lnTo>
                    <a:pt x="3503676" y="0"/>
                  </a:lnTo>
                  <a:close/>
                </a:path>
                <a:path w="8404860" h="1393189">
                  <a:moveTo>
                    <a:pt x="3579876" y="0"/>
                  </a:moveTo>
                  <a:lnTo>
                    <a:pt x="3541776" y="0"/>
                  </a:lnTo>
                  <a:lnTo>
                    <a:pt x="3541776" y="38100"/>
                  </a:lnTo>
                  <a:lnTo>
                    <a:pt x="3579876" y="38100"/>
                  </a:lnTo>
                  <a:lnTo>
                    <a:pt x="3579876" y="0"/>
                  </a:lnTo>
                  <a:close/>
                </a:path>
                <a:path w="8404860" h="1393189">
                  <a:moveTo>
                    <a:pt x="3656076" y="0"/>
                  </a:moveTo>
                  <a:lnTo>
                    <a:pt x="3617976" y="0"/>
                  </a:lnTo>
                  <a:lnTo>
                    <a:pt x="3617976" y="38100"/>
                  </a:lnTo>
                  <a:lnTo>
                    <a:pt x="3656076" y="38100"/>
                  </a:lnTo>
                  <a:lnTo>
                    <a:pt x="3656076" y="0"/>
                  </a:lnTo>
                  <a:close/>
                </a:path>
                <a:path w="8404860" h="1393189">
                  <a:moveTo>
                    <a:pt x="3732276" y="0"/>
                  </a:moveTo>
                  <a:lnTo>
                    <a:pt x="3694176" y="0"/>
                  </a:lnTo>
                  <a:lnTo>
                    <a:pt x="3694176" y="38100"/>
                  </a:lnTo>
                  <a:lnTo>
                    <a:pt x="3732276" y="38100"/>
                  </a:lnTo>
                  <a:lnTo>
                    <a:pt x="3732276" y="0"/>
                  </a:lnTo>
                  <a:close/>
                </a:path>
                <a:path w="8404860" h="1393189">
                  <a:moveTo>
                    <a:pt x="3808476" y="0"/>
                  </a:moveTo>
                  <a:lnTo>
                    <a:pt x="3770376" y="0"/>
                  </a:lnTo>
                  <a:lnTo>
                    <a:pt x="3770376" y="38100"/>
                  </a:lnTo>
                  <a:lnTo>
                    <a:pt x="3808476" y="38100"/>
                  </a:lnTo>
                  <a:lnTo>
                    <a:pt x="3808476" y="0"/>
                  </a:lnTo>
                  <a:close/>
                </a:path>
                <a:path w="8404860" h="1393189">
                  <a:moveTo>
                    <a:pt x="3884676" y="0"/>
                  </a:moveTo>
                  <a:lnTo>
                    <a:pt x="3846576" y="0"/>
                  </a:lnTo>
                  <a:lnTo>
                    <a:pt x="3846576" y="38100"/>
                  </a:lnTo>
                  <a:lnTo>
                    <a:pt x="3884676" y="38100"/>
                  </a:lnTo>
                  <a:lnTo>
                    <a:pt x="3884676" y="0"/>
                  </a:lnTo>
                  <a:close/>
                </a:path>
                <a:path w="8404860" h="1393189">
                  <a:moveTo>
                    <a:pt x="3960876" y="0"/>
                  </a:moveTo>
                  <a:lnTo>
                    <a:pt x="3922776" y="0"/>
                  </a:lnTo>
                  <a:lnTo>
                    <a:pt x="3922776" y="38100"/>
                  </a:lnTo>
                  <a:lnTo>
                    <a:pt x="3960876" y="38100"/>
                  </a:lnTo>
                  <a:lnTo>
                    <a:pt x="3960876" y="0"/>
                  </a:lnTo>
                  <a:close/>
                </a:path>
                <a:path w="8404860" h="1393189">
                  <a:moveTo>
                    <a:pt x="4037076" y="0"/>
                  </a:moveTo>
                  <a:lnTo>
                    <a:pt x="3998976" y="0"/>
                  </a:lnTo>
                  <a:lnTo>
                    <a:pt x="3998976" y="38100"/>
                  </a:lnTo>
                  <a:lnTo>
                    <a:pt x="4037076" y="38100"/>
                  </a:lnTo>
                  <a:lnTo>
                    <a:pt x="4037076" y="0"/>
                  </a:lnTo>
                  <a:close/>
                </a:path>
                <a:path w="8404860" h="1393189">
                  <a:moveTo>
                    <a:pt x="4113276" y="0"/>
                  </a:moveTo>
                  <a:lnTo>
                    <a:pt x="4075176" y="0"/>
                  </a:lnTo>
                  <a:lnTo>
                    <a:pt x="4075176" y="38100"/>
                  </a:lnTo>
                  <a:lnTo>
                    <a:pt x="4113276" y="38100"/>
                  </a:lnTo>
                  <a:lnTo>
                    <a:pt x="4113276" y="0"/>
                  </a:lnTo>
                  <a:close/>
                </a:path>
                <a:path w="8404860" h="1393189">
                  <a:moveTo>
                    <a:pt x="4189476" y="0"/>
                  </a:moveTo>
                  <a:lnTo>
                    <a:pt x="4151376" y="0"/>
                  </a:lnTo>
                  <a:lnTo>
                    <a:pt x="4151376" y="38100"/>
                  </a:lnTo>
                  <a:lnTo>
                    <a:pt x="4189476" y="38100"/>
                  </a:lnTo>
                  <a:lnTo>
                    <a:pt x="4189476" y="0"/>
                  </a:lnTo>
                  <a:close/>
                </a:path>
                <a:path w="8404860" h="1393189">
                  <a:moveTo>
                    <a:pt x="4265676" y="0"/>
                  </a:moveTo>
                  <a:lnTo>
                    <a:pt x="4227576" y="0"/>
                  </a:lnTo>
                  <a:lnTo>
                    <a:pt x="4227576" y="38100"/>
                  </a:lnTo>
                  <a:lnTo>
                    <a:pt x="4265676" y="38100"/>
                  </a:lnTo>
                  <a:lnTo>
                    <a:pt x="4265676" y="0"/>
                  </a:lnTo>
                  <a:close/>
                </a:path>
                <a:path w="8404860" h="1393189">
                  <a:moveTo>
                    <a:pt x="4341876" y="0"/>
                  </a:moveTo>
                  <a:lnTo>
                    <a:pt x="4303776" y="0"/>
                  </a:lnTo>
                  <a:lnTo>
                    <a:pt x="4303776" y="38100"/>
                  </a:lnTo>
                  <a:lnTo>
                    <a:pt x="4341876" y="38100"/>
                  </a:lnTo>
                  <a:lnTo>
                    <a:pt x="4341876" y="0"/>
                  </a:lnTo>
                  <a:close/>
                </a:path>
                <a:path w="8404860" h="1393189">
                  <a:moveTo>
                    <a:pt x="4418076" y="0"/>
                  </a:moveTo>
                  <a:lnTo>
                    <a:pt x="4379976" y="0"/>
                  </a:lnTo>
                  <a:lnTo>
                    <a:pt x="4379976" y="38100"/>
                  </a:lnTo>
                  <a:lnTo>
                    <a:pt x="4418076" y="38100"/>
                  </a:lnTo>
                  <a:lnTo>
                    <a:pt x="4418076" y="0"/>
                  </a:lnTo>
                  <a:close/>
                </a:path>
                <a:path w="8404860" h="1393189">
                  <a:moveTo>
                    <a:pt x="4494276" y="0"/>
                  </a:moveTo>
                  <a:lnTo>
                    <a:pt x="4456176" y="0"/>
                  </a:lnTo>
                  <a:lnTo>
                    <a:pt x="4456176" y="38100"/>
                  </a:lnTo>
                  <a:lnTo>
                    <a:pt x="4494276" y="38100"/>
                  </a:lnTo>
                  <a:lnTo>
                    <a:pt x="4494276" y="0"/>
                  </a:lnTo>
                  <a:close/>
                </a:path>
                <a:path w="8404860" h="1393189">
                  <a:moveTo>
                    <a:pt x="4570476" y="0"/>
                  </a:moveTo>
                  <a:lnTo>
                    <a:pt x="4532376" y="0"/>
                  </a:lnTo>
                  <a:lnTo>
                    <a:pt x="4532376" y="38100"/>
                  </a:lnTo>
                  <a:lnTo>
                    <a:pt x="4570476" y="38100"/>
                  </a:lnTo>
                  <a:lnTo>
                    <a:pt x="4570476" y="0"/>
                  </a:lnTo>
                  <a:close/>
                </a:path>
                <a:path w="8404860" h="1393189">
                  <a:moveTo>
                    <a:pt x="4646676" y="0"/>
                  </a:moveTo>
                  <a:lnTo>
                    <a:pt x="4608576" y="0"/>
                  </a:lnTo>
                  <a:lnTo>
                    <a:pt x="4608576" y="38100"/>
                  </a:lnTo>
                  <a:lnTo>
                    <a:pt x="4646676" y="38100"/>
                  </a:lnTo>
                  <a:lnTo>
                    <a:pt x="4646676" y="0"/>
                  </a:lnTo>
                  <a:close/>
                </a:path>
                <a:path w="8404860" h="1393189">
                  <a:moveTo>
                    <a:pt x="4722876" y="0"/>
                  </a:moveTo>
                  <a:lnTo>
                    <a:pt x="4684776" y="0"/>
                  </a:lnTo>
                  <a:lnTo>
                    <a:pt x="4684776" y="38100"/>
                  </a:lnTo>
                  <a:lnTo>
                    <a:pt x="4722876" y="38100"/>
                  </a:lnTo>
                  <a:lnTo>
                    <a:pt x="4722876" y="0"/>
                  </a:lnTo>
                  <a:close/>
                </a:path>
                <a:path w="8404860" h="1393189">
                  <a:moveTo>
                    <a:pt x="4799076" y="0"/>
                  </a:moveTo>
                  <a:lnTo>
                    <a:pt x="4760976" y="0"/>
                  </a:lnTo>
                  <a:lnTo>
                    <a:pt x="4760976" y="38100"/>
                  </a:lnTo>
                  <a:lnTo>
                    <a:pt x="4799076" y="38100"/>
                  </a:lnTo>
                  <a:lnTo>
                    <a:pt x="4799076" y="0"/>
                  </a:lnTo>
                  <a:close/>
                </a:path>
                <a:path w="8404860" h="1393189">
                  <a:moveTo>
                    <a:pt x="4875276" y="0"/>
                  </a:moveTo>
                  <a:lnTo>
                    <a:pt x="4837176" y="0"/>
                  </a:lnTo>
                  <a:lnTo>
                    <a:pt x="4837176" y="38100"/>
                  </a:lnTo>
                  <a:lnTo>
                    <a:pt x="4875276" y="38100"/>
                  </a:lnTo>
                  <a:lnTo>
                    <a:pt x="4875276" y="0"/>
                  </a:lnTo>
                  <a:close/>
                </a:path>
                <a:path w="8404860" h="1393189">
                  <a:moveTo>
                    <a:pt x="4951476" y="0"/>
                  </a:moveTo>
                  <a:lnTo>
                    <a:pt x="4913376" y="0"/>
                  </a:lnTo>
                  <a:lnTo>
                    <a:pt x="4913376" y="38100"/>
                  </a:lnTo>
                  <a:lnTo>
                    <a:pt x="4951476" y="38100"/>
                  </a:lnTo>
                  <a:lnTo>
                    <a:pt x="4951476" y="0"/>
                  </a:lnTo>
                  <a:close/>
                </a:path>
                <a:path w="8404860" h="1393189">
                  <a:moveTo>
                    <a:pt x="5027676" y="0"/>
                  </a:moveTo>
                  <a:lnTo>
                    <a:pt x="4989576" y="0"/>
                  </a:lnTo>
                  <a:lnTo>
                    <a:pt x="4989576" y="38100"/>
                  </a:lnTo>
                  <a:lnTo>
                    <a:pt x="5027676" y="38100"/>
                  </a:lnTo>
                  <a:lnTo>
                    <a:pt x="5027676" y="0"/>
                  </a:lnTo>
                  <a:close/>
                </a:path>
                <a:path w="8404860" h="1393189">
                  <a:moveTo>
                    <a:pt x="5103876" y="0"/>
                  </a:moveTo>
                  <a:lnTo>
                    <a:pt x="5065776" y="0"/>
                  </a:lnTo>
                  <a:lnTo>
                    <a:pt x="5065776" y="38100"/>
                  </a:lnTo>
                  <a:lnTo>
                    <a:pt x="5103876" y="38100"/>
                  </a:lnTo>
                  <a:lnTo>
                    <a:pt x="5103876" y="0"/>
                  </a:lnTo>
                  <a:close/>
                </a:path>
                <a:path w="8404860" h="1393189">
                  <a:moveTo>
                    <a:pt x="5180076" y="0"/>
                  </a:moveTo>
                  <a:lnTo>
                    <a:pt x="5141976" y="0"/>
                  </a:lnTo>
                  <a:lnTo>
                    <a:pt x="5141976" y="38100"/>
                  </a:lnTo>
                  <a:lnTo>
                    <a:pt x="5180076" y="38100"/>
                  </a:lnTo>
                  <a:lnTo>
                    <a:pt x="5180076" y="0"/>
                  </a:lnTo>
                  <a:close/>
                </a:path>
                <a:path w="8404860" h="1393189">
                  <a:moveTo>
                    <a:pt x="5256276" y="0"/>
                  </a:moveTo>
                  <a:lnTo>
                    <a:pt x="5218176" y="0"/>
                  </a:lnTo>
                  <a:lnTo>
                    <a:pt x="5218176" y="38100"/>
                  </a:lnTo>
                  <a:lnTo>
                    <a:pt x="5256276" y="38100"/>
                  </a:lnTo>
                  <a:lnTo>
                    <a:pt x="5256276" y="0"/>
                  </a:lnTo>
                  <a:close/>
                </a:path>
                <a:path w="8404860" h="1393189">
                  <a:moveTo>
                    <a:pt x="5332476" y="0"/>
                  </a:moveTo>
                  <a:lnTo>
                    <a:pt x="5294376" y="0"/>
                  </a:lnTo>
                  <a:lnTo>
                    <a:pt x="5294376" y="38100"/>
                  </a:lnTo>
                  <a:lnTo>
                    <a:pt x="5332476" y="38100"/>
                  </a:lnTo>
                  <a:lnTo>
                    <a:pt x="5332476" y="0"/>
                  </a:lnTo>
                  <a:close/>
                </a:path>
                <a:path w="8404860" h="1393189">
                  <a:moveTo>
                    <a:pt x="5408676" y="0"/>
                  </a:moveTo>
                  <a:lnTo>
                    <a:pt x="5370576" y="0"/>
                  </a:lnTo>
                  <a:lnTo>
                    <a:pt x="5370576" y="38100"/>
                  </a:lnTo>
                  <a:lnTo>
                    <a:pt x="5408676" y="38100"/>
                  </a:lnTo>
                  <a:lnTo>
                    <a:pt x="5408676" y="0"/>
                  </a:lnTo>
                  <a:close/>
                </a:path>
                <a:path w="8404860" h="1393189">
                  <a:moveTo>
                    <a:pt x="5484876" y="0"/>
                  </a:moveTo>
                  <a:lnTo>
                    <a:pt x="5446776" y="0"/>
                  </a:lnTo>
                  <a:lnTo>
                    <a:pt x="5446776" y="38100"/>
                  </a:lnTo>
                  <a:lnTo>
                    <a:pt x="5484876" y="38100"/>
                  </a:lnTo>
                  <a:lnTo>
                    <a:pt x="5484876" y="0"/>
                  </a:lnTo>
                  <a:close/>
                </a:path>
                <a:path w="8404860" h="1393189">
                  <a:moveTo>
                    <a:pt x="5561076" y="0"/>
                  </a:moveTo>
                  <a:lnTo>
                    <a:pt x="5522976" y="0"/>
                  </a:lnTo>
                  <a:lnTo>
                    <a:pt x="5522976" y="38100"/>
                  </a:lnTo>
                  <a:lnTo>
                    <a:pt x="5561076" y="38100"/>
                  </a:lnTo>
                  <a:lnTo>
                    <a:pt x="5561076" y="0"/>
                  </a:lnTo>
                  <a:close/>
                </a:path>
                <a:path w="8404860" h="1393189">
                  <a:moveTo>
                    <a:pt x="5637276" y="0"/>
                  </a:moveTo>
                  <a:lnTo>
                    <a:pt x="5599176" y="0"/>
                  </a:lnTo>
                  <a:lnTo>
                    <a:pt x="5599176" y="38100"/>
                  </a:lnTo>
                  <a:lnTo>
                    <a:pt x="5637276" y="38100"/>
                  </a:lnTo>
                  <a:lnTo>
                    <a:pt x="5637276" y="0"/>
                  </a:lnTo>
                  <a:close/>
                </a:path>
                <a:path w="8404860" h="1393189">
                  <a:moveTo>
                    <a:pt x="5713476" y="0"/>
                  </a:moveTo>
                  <a:lnTo>
                    <a:pt x="5675376" y="0"/>
                  </a:lnTo>
                  <a:lnTo>
                    <a:pt x="5675376" y="38100"/>
                  </a:lnTo>
                  <a:lnTo>
                    <a:pt x="5713476" y="38100"/>
                  </a:lnTo>
                  <a:lnTo>
                    <a:pt x="5713476" y="0"/>
                  </a:lnTo>
                  <a:close/>
                </a:path>
                <a:path w="8404860" h="1393189">
                  <a:moveTo>
                    <a:pt x="5789676" y="0"/>
                  </a:moveTo>
                  <a:lnTo>
                    <a:pt x="5751576" y="0"/>
                  </a:lnTo>
                  <a:lnTo>
                    <a:pt x="5751576" y="38100"/>
                  </a:lnTo>
                  <a:lnTo>
                    <a:pt x="5789676" y="38100"/>
                  </a:lnTo>
                  <a:lnTo>
                    <a:pt x="5789676" y="0"/>
                  </a:lnTo>
                  <a:close/>
                </a:path>
                <a:path w="8404860" h="1393189">
                  <a:moveTo>
                    <a:pt x="5865876" y="0"/>
                  </a:moveTo>
                  <a:lnTo>
                    <a:pt x="5827776" y="0"/>
                  </a:lnTo>
                  <a:lnTo>
                    <a:pt x="5827776" y="38100"/>
                  </a:lnTo>
                  <a:lnTo>
                    <a:pt x="5865876" y="38100"/>
                  </a:lnTo>
                  <a:lnTo>
                    <a:pt x="5865876" y="0"/>
                  </a:lnTo>
                  <a:close/>
                </a:path>
                <a:path w="8404860" h="1393189">
                  <a:moveTo>
                    <a:pt x="5942076" y="0"/>
                  </a:moveTo>
                  <a:lnTo>
                    <a:pt x="5903976" y="0"/>
                  </a:lnTo>
                  <a:lnTo>
                    <a:pt x="5903976" y="38100"/>
                  </a:lnTo>
                  <a:lnTo>
                    <a:pt x="5942076" y="38100"/>
                  </a:lnTo>
                  <a:lnTo>
                    <a:pt x="5942076" y="0"/>
                  </a:lnTo>
                  <a:close/>
                </a:path>
                <a:path w="8404860" h="1393189">
                  <a:moveTo>
                    <a:pt x="6018276" y="0"/>
                  </a:moveTo>
                  <a:lnTo>
                    <a:pt x="5980176" y="0"/>
                  </a:lnTo>
                  <a:lnTo>
                    <a:pt x="5980176" y="38100"/>
                  </a:lnTo>
                  <a:lnTo>
                    <a:pt x="6018276" y="38100"/>
                  </a:lnTo>
                  <a:lnTo>
                    <a:pt x="6018276" y="0"/>
                  </a:lnTo>
                  <a:close/>
                </a:path>
                <a:path w="8404860" h="1393189">
                  <a:moveTo>
                    <a:pt x="6094476" y="0"/>
                  </a:moveTo>
                  <a:lnTo>
                    <a:pt x="6056376" y="0"/>
                  </a:lnTo>
                  <a:lnTo>
                    <a:pt x="6056376" y="38100"/>
                  </a:lnTo>
                  <a:lnTo>
                    <a:pt x="6094476" y="38100"/>
                  </a:lnTo>
                  <a:lnTo>
                    <a:pt x="6094476" y="0"/>
                  </a:lnTo>
                  <a:close/>
                </a:path>
                <a:path w="8404860" h="1393189">
                  <a:moveTo>
                    <a:pt x="6170676" y="0"/>
                  </a:moveTo>
                  <a:lnTo>
                    <a:pt x="6132576" y="0"/>
                  </a:lnTo>
                  <a:lnTo>
                    <a:pt x="6132576" y="38100"/>
                  </a:lnTo>
                  <a:lnTo>
                    <a:pt x="6170676" y="38100"/>
                  </a:lnTo>
                  <a:lnTo>
                    <a:pt x="6170676" y="0"/>
                  </a:lnTo>
                  <a:close/>
                </a:path>
                <a:path w="8404860" h="1393189">
                  <a:moveTo>
                    <a:pt x="6246876" y="0"/>
                  </a:moveTo>
                  <a:lnTo>
                    <a:pt x="6208776" y="0"/>
                  </a:lnTo>
                  <a:lnTo>
                    <a:pt x="6208776" y="38100"/>
                  </a:lnTo>
                  <a:lnTo>
                    <a:pt x="6246876" y="38100"/>
                  </a:lnTo>
                  <a:lnTo>
                    <a:pt x="6246876" y="0"/>
                  </a:lnTo>
                  <a:close/>
                </a:path>
                <a:path w="8404860" h="1393189">
                  <a:moveTo>
                    <a:pt x="6323076" y="0"/>
                  </a:moveTo>
                  <a:lnTo>
                    <a:pt x="6284976" y="0"/>
                  </a:lnTo>
                  <a:lnTo>
                    <a:pt x="6284976" y="38100"/>
                  </a:lnTo>
                  <a:lnTo>
                    <a:pt x="6323076" y="38100"/>
                  </a:lnTo>
                  <a:lnTo>
                    <a:pt x="6323076" y="0"/>
                  </a:lnTo>
                  <a:close/>
                </a:path>
                <a:path w="8404860" h="1393189">
                  <a:moveTo>
                    <a:pt x="6399276" y="0"/>
                  </a:moveTo>
                  <a:lnTo>
                    <a:pt x="6361176" y="0"/>
                  </a:lnTo>
                  <a:lnTo>
                    <a:pt x="6361176" y="38100"/>
                  </a:lnTo>
                  <a:lnTo>
                    <a:pt x="6399276" y="38100"/>
                  </a:lnTo>
                  <a:lnTo>
                    <a:pt x="6399276" y="0"/>
                  </a:lnTo>
                  <a:close/>
                </a:path>
                <a:path w="8404860" h="1393189">
                  <a:moveTo>
                    <a:pt x="6475476" y="0"/>
                  </a:moveTo>
                  <a:lnTo>
                    <a:pt x="6437376" y="0"/>
                  </a:lnTo>
                  <a:lnTo>
                    <a:pt x="6437376" y="38100"/>
                  </a:lnTo>
                  <a:lnTo>
                    <a:pt x="6475476" y="38100"/>
                  </a:lnTo>
                  <a:lnTo>
                    <a:pt x="6475476" y="0"/>
                  </a:lnTo>
                  <a:close/>
                </a:path>
                <a:path w="8404860" h="1393189">
                  <a:moveTo>
                    <a:pt x="6551676" y="0"/>
                  </a:moveTo>
                  <a:lnTo>
                    <a:pt x="6513576" y="0"/>
                  </a:lnTo>
                  <a:lnTo>
                    <a:pt x="6513576" y="38100"/>
                  </a:lnTo>
                  <a:lnTo>
                    <a:pt x="6551676" y="38100"/>
                  </a:lnTo>
                  <a:lnTo>
                    <a:pt x="6551676" y="0"/>
                  </a:lnTo>
                  <a:close/>
                </a:path>
                <a:path w="8404860" h="1393189">
                  <a:moveTo>
                    <a:pt x="6627876" y="0"/>
                  </a:moveTo>
                  <a:lnTo>
                    <a:pt x="6589776" y="0"/>
                  </a:lnTo>
                  <a:lnTo>
                    <a:pt x="6589776" y="38100"/>
                  </a:lnTo>
                  <a:lnTo>
                    <a:pt x="6627876" y="38100"/>
                  </a:lnTo>
                  <a:lnTo>
                    <a:pt x="6627876" y="0"/>
                  </a:lnTo>
                  <a:close/>
                </a:path>
                <a:path w="8404860" h="1393189">
                  <a:moveTo>
                    <a:pt x="6704076" y="0"/>
                  </a:moveTo>
                  <a:lnTo>
                    <a:pt x="6665976" y="0"/>
                  </a:lnTo>
                  <a:lnTo>
                    <a:pt x="6665976" y="38100"/>
                  </a:lnTo>
                  <a:lnTo>
                    <a:pt x="6704076" y="38100"/>
                  </a:lnTo>
                  <a:lnTo>
                    <a:pt x="6704076" y="0"/>
                  </a:lnTo>
                  <a:close/>
                </a:path>
                <a:path w="8404860" h="1393189">
                  <a:moveTo>
                    <a:pt x="6780276" y="0"/>
                  </a:moveTo>
                  <a:lnTo>
                    <a:pt x="6742176" y="0"/>
                  </a:lnTo>
                  <a:lnTo>
                    <a:pt x="6742176" y="38100"/>
                  </a:lnTo>
                  <a:lnTo>
                    <a:pt x="6780276" y="38100"/>
                  </a:lnTo>
                  <a:lnTo>
                    <a:pt x="6780276" y="0"/>
                  </a:lnTo>
                  <a:close/>
                </a:path>
                <a:path w="8404860" h="1393189">
                  <a:moveTo>
                    <a:pt x="6856476" y="0"/>
                  </a:moveTo>
                  <a:lnTo>
                    <a:pt x="6818376" y="0"/>
                  </a:lnTo>
                  <a:lnTo>
                    <a:pt x="6818376" y="38100"/>
                  </a:lnTo>
                  <a:lnTo>
                    <a:pt x="6856476" y="38100"/>
                  </a:lnTo>
                  <a:lnTo>
                    <a:pt x="6856476" y="0"/>
                  </a:lnTo>
                  <a:close/>
                </a:path>
                <a:path w="8404860" h="1393189">
                  <a:moveTo>
                    <a:pt x="6932676" y="0"/>
                  </a:moveTo>
                  <a:lnTo>
                    <a:pt x="6894576" y="0"/>
                  </a:lnTo>
                  <a:lnTo>
                    <a:pt x="6894576" y="38100"/>
                  </a:lnTo>
                  <a:lnTo>
                    <a:pt x="6932676" y="38100"/>
                  </a:lnTo>
                  <a:lnTo>
                    <a:pt x="6932676" y="0"/>
                  </a:lnTo>
                  <a:close/>
                </a:path>
                <a:path w="8404860" h="1393189">
                  <a:moveTo>
                    <a:pt x="7008876" y="0"/>
                  </a:moveTo>
                  <a:lnTo>
                    <a:pt x="6970776" y="0"/>
                  </a:lnTo>
                  <a:lnTo>
                    <a:pt x="6970776" y="38100"/>
                  </a:lnTo>
                  <a:lnTo>
                    <a:pt x="7008876" y="38100"/>
                  </a:lnTo>
                  <a:lnTo>
                    <a:pt x="7008876" y="0"/>
                  </a:lnTo>
                  <a:close/>
                </a:path>
                <a:path w="8404860" h="1393189">
                  <a:moveTo>
                    <a:pt x="7085076" y="0"/>
                  </a:moveTo>
                  <a:lnTo>
                    <a:pt x="7046976" y="0"/>
                  </a:lnTo>
                  <a:lnTo>
                    <a:pt x="7046976" y="38100"/>
                  </a:lnTo>
                  <a:lnTo>
                    <a:pt x="7085076" y="38100"/>
                  </a:lnTo>
                  <a:lnTo>
                    <a:pt x="7085076" y="0"/>
                  </a:lnTo>
                  <a:close/>
                </a:path>
                <a:path w="8404860" h="1393189">
                  <a:moveTo>
                    <a:pt x="7161276" y="0"/>
                  </a:moveTo>
                  <a:lnTo>
                    <a:pt x="7123176" y="0"/>
                  </a:lnTo>
                  <a:lnTo>
                    <a:pt x="7123176" y="38100"/>
                  </a:lnTo>
                  <a:lnTo>
                    <a:pt x="7161276" y="38100"/>
                  </a:lnTo>
                  <a:lnTo>
                    <a:pt x="7161276" y="0"/>
                  </a:lnTo>
                  <a:close/>
                </a:path>
                <a:path w="8404860" h="1393189">
                  <a:moveTo>
                    <a:pt x="7237476" y="0"/>
                  </a:moveTo>
                  <a:lnTo>
                    <a:pt x="7199376" y="0"/>
                  </a:lnTo>
                  <a:lnTo>
                    <a:pt x="7199376" y="38100"/>
                  </a:lnTo>
                  <a:lnTo>
                    <a:pt x="7237476" y="38100"/>
                  </a:lnTo>
                  <a:lnTo>
                    <a:pt x="7237476" y="0"/>
                  </a:lnTo>
                  <a:close/>
                </a:path>
                <a:path w="8404860" h="1393189">
                  <a:moveTo>
                    <a:pt x="7313676" y="0"/>
                  </a:moveTo>
                  <a:lnTo>
                    <a:pt x="7275576" y="0"/>
                  </a:lnTo>
                  <a:lnTo>
                    <a:pt x="7275576" y="38100"/>
                  </a:lnTo>
                  <a:lnTo>
                    <a:pt x="7313676" y="38100"/>
                  </a:lnTo>
                  <a:lnTo>
                    <a:pt x="7313676" y="0"/>
                  </a:lnTo>
                  <a:close/>
                </a:path>
                <a:path w="8404860" h="1393189">
                  <a:moveTo>
                    <a:pt x="7389876" y="0"/>
                  </a:moveTo>
                  <a:lnTo>
                    <a:pt x="7351776" y="0"/>
                  </a:lnTo>
                  <a:lnTo>
                    <a:pt x="7351776" y="38100"/>
                  </a:lnTo>
                  <a:lnTo>
                    <a:pt x="7389876" y="38100"/>
                  </a:lnTo>
                  <a:lnTo>
                    <a:pt x="7389876" y="0"/>
                  </a:lnTo>
                  <a:close/>
                </a:path>
                <a:path w="8404860" h="1393189">
                  <a:moveTo>
                    <a:pt x="7466076" y="0"/>
                  </a:moveTo>
                  <a:lnTo>
                    <a:pt x="7427976" y="0"/>
                  </a:lnTo>
                  <a:lnTo>
                    <a:pt x="7427976" y="38100"/>
                  </a:lnTo>
                  <a:lnTo>
                    <a:pt x="7466076" y="38100"/>
                  </a:lnTo>
                  <a:lnTo>
                    <a:pt x="7466076" y="0"/>
                  </a:lnTo>
                  <a:close/>
                </a:path>
                <a:path w="8404860" h="1393189">
                  <a:moveTo>
                    <a:pt x="7542276" y="0"/>
                  </a:moveTo>
                  <a:lnTo>
                    <a:pt x="7504176" y="0"/>
                  </a:lnTo>
                  <a:lnTo>
                    <a:pt x="7504176" y="38100"/>
                  </a:lnTo>
                  <a:lnTo>
                    <a:pt x="7542276" y="38100"/>
                  </a:lnTo>
                  <a:lnTo>
                    <a:pt x="7542276" y="0"/>
                  </a:lnTo>
                  <a:close/>
                </a:path>
                <a:path w="8404860" h="1393189">
                  <a:moveTo>
                    <a:pt x="7618476" y="0"/>
                  </a:moveTo>
                  <a:lnTo>
                    <a:pt x="7580376" y="0"/>
                  </a:lnTo>
                  <a:lnTo>
                    <a:pt x="7580376" y="38100"/>
                  </a:lnTo>
                  <a:lnTo>
                    <a:pt x="7618476" y="38100"/>
                  </a:lnTo>
                  <a:lnTo>
                    <a:pt x="7618476" y="0"/>
                  </a:lnTo>
                  <a:close/>
                </a:path>
                <a:path w="8404860" h="1393189">
                  <a:moveTo>
                    <a:pt x="7694676" y="0"/>
                  </a:moveTo>
                  <a:lnTo>
                    <a:pt x="7656576" y="0"/>
                  </a:lnTo>
                  <a:lnTo>
                    <a:pt x="7656576" y="38100"/>
                  </a:lnTo>
                  <a:lnTo>
                    <a:pt x="7694676" y="38100"/>
                  </a:lnTo>
                  <a:lnTo>
                    <a:pt x="7694676" y="0"/>
                  </a:lnTo>
                  <a:close/>
                </a:path>
                <a:path w="8404860" h="1393189">
                  <a:moveTo>
                    <a:pt x="7770876" y="0"/>
                  </a:moveTo>
                  <a:lnTo>
                    <a:pt x="7732776" y="0"/>
                  </a:lnTo>
                  <a:lnTo>
                    <a:pt x="7732776" y="38100"/>
                  </a:lnTo>
                  <a:lnTo>
                    <a:pt x="7770876" y="38100"/>
                  </a:lnTo>
                  <a:lnTo>
                    <a:pt x="7770876" y="0"/>
                  </a:lnTo>
                  <a:close/>
                </a:path>
                <a:path w="8404860" h="1393189">
                  <a:moveTo>
                    <a:pt x="7847076" y="0"/>
                  </a:moveTo>
                  <a:lnTo>
                    <a:pt x="7808976" y="0"/>
                  </a:lnTo>
                  <a:lnTo>
                    <a:pt x="7808976" y="38100"/>
                  </a:lnTo>
                  <a:lnTo>
                    <a:pt x="7847076" y="38100"/>
                  </a:lnTo>
                  <a:lnTo>
                    <a:pt x="7847076" y="0"/>
                  </a:lnTo>
                  <a:close/>
                </a:path>
                <a:path w="8404860" h="1393189">
                  <a:moveTo>
                    <a:pt x="7923276" y="0"/>
                  </a:moveTo>
                  <a:lnTo>
                    <a:pt x="7885176" y="0"/>
                  </a:lnTo>
                  <a:lnTo>
                    <a:pt x="7885176" y="38100"/>
                  </a:lnTo>
                  <a:lnTo>
                    <a:pt x="7923276" y="38100"/>
                  </a:lnTo>
                  <a:lnTo>
                    <a:pt x="7923276" y="0"/>
                  </a:lnTo>
                  <a:close/>
                </a:path>
                <a:path w="8404860" h="1393189">
                  <a:moveTo>
                    <a:pt x="7999476" y="0"/>
                  </a:moveTo>
                  <a:lnTo>
                    <a:pt x="7961376" y="0"/>
                  </a:lnTo>
                  <a:lnTo>
                    <a:pt x="7961376" y="38100"/>
                  </a:lnTo>
                  <a:lnTo>
                    <a:pt x="7999476" y="38100"/>
                  </a:lnTo>
                  <a:lnTo>
                    <a:pt x="7999476" y="0"/>
                  </a:lnTo>
                  <a:close/>
                </a:path>
                <a:path w="8404860" h="1393189">
                  <a:moveTo>
                    <a:pt x="8075676" y="0"/>
                  </a:moveTo>
                  <a:lnTo>
                    <a:pt x="8037576" y="0"/>
                  </a:lnTo>
                  <a:lnTo>
                    <a:pt x="8037576" y="38100"/>
                  </a:lnTo>
                  <a:lnTo>
                    <a:pt x="8075676" y="38100"/>
                  </a:lnTo>
                  <a:lnTo>
                    <a:pt x="8075676" y="0"/>
                  </a:lnTo>
                  <a:close/>
                </a:path>
                <a:path w="8404860" h="1393189">
                  <a:moveTo>
                    <a:pt x="8151876" y="0"/>
                  </a:moveTo>
                  <a:lnTo>
                    <a:pt x="8113776" y="0"/>
                  </a:lnTo>
                  <a:lnTo>
                    <a:pt x="8113776" y="38100"/>
                  </a:lnTo>
                  <a:lnTo>
                    <a:pt x="8151876" y="38100"/>
                  </a:lnTo>
                  <a:lnTo>
                    <a:pt x="8151876" y="0"/>
                  </a:lnTo>
                  <a:close/>
                </a:path>
                <a:path w="8404860" h="1393189">
                  <a:moveTo>
                    <a:pt x="8228076" y="0"/>
                  </a:moveTo>
                  <a:lnTo>
                    <a:pt x="8189976" y="0"/>
                  </a:lnTo>
                  <a:lnTo>
                    <a:pt x="8189976" y="38100"/>
                  </a:lnTo>
                  <a:lnTo>
                    <a:pt x="8228076" y="38100"/>
                  </a:lnTo>
                  <a:lnTo>
                    <a:pt x="8228076" y="0"/>
                  </a:lnTo>
                  <a:close/>
                </a:path>
                <a:path w="8404860" h="1393189">
                  <a:moveTo>
                    <a:pt x="8304276" y="0"/>
                  </a:moveTo>
                  <a:lnTo>
                    <a:pt x="8266176" y="0"/>
                  </a:lnTo>
                  <a:lnTo>
                    <a:pt x="8266176" y="38100"/>
                  </a:lnTo>
                  <a:lnTo>
                    <a:pt x="8304276" y="38100"/>
                  </a:lnTo>
                  <a:lnTo>
                    <a:pt x="8304276" y="0"/>
                  </a:lnTo>
                  <a:close/>
                </a:path>
                <a:path w="8404860" h="1393189">
                  <a:moveTo>
                    <a:pt x="8380476" y="0"/>
                  </a:moveTo>
                  <a:lnTo>
                    <a:pt x="8342376" y="0"/>
                  </a:lnTo>
                  <a:lnTo>
                    <a:pt x="8342376" y="38100"/>
                  </a:lnTo>
                  <a:lnTo>
                    <a:pt x="8380476" y="38100"/>
                  </a:lnTo>
                  <a:lnTo>
                    <a:pt x="8380476" y="0"/>
                  </a:lnTo>
                  <a:close/>
                </a:path>
                <a:path w="8404860" h="1393189">
                  <a:moveTo>
                    <a:pt x="8404860" y="51816"/>
                  </a:moveTo>
                  <a:lnTo>
                    <a:pt x="8366759" y="51816"/>
                  </a:lnTo>
                  <a:lnTo>
                    <a:pt x="8366759" y="89916"/>
                  </a:lnTo>
                  <a:lnTo>
                    <a:pt x="8404860" y="89916"/>
                  </a:lnTo>
                  <a:lnTo>
                    <a:pt x="8404860" y="51816"/>
                  </a:lnTo>
                  <a:close/>
                </a:path>
                <a:path w="8404860" h="1393189">
                  <a:moveTo>
                    <a:pt x="8404860" y="128016"/>
                  </a:moveTo>
                  <a:lnTo>
                    <a:pt x="8366759" y="128016"/>
                  </a:lnTo>
                  <a:lnTo>
                    <a:pt x="8366759" y="166116"/>
                  </a:lnTo>
                  <a:lnTo>
                    <a:pt x="8404860" y="166116"/>
                  </a:lnTo>
                  <a:lnTo>
                    <a:pt x="8404860" y="128016"/>
                  </a:lnTo>
                  <a:close/>
                </a:path>
                <a:path w="8404860" h="1393189">
                  <a:moveTo>
                    <a:pt x="8404860" y="204216"/>
                  </a:moveTo>
                  <a:lnTo>
                    <a:pt x="8366759" y="204216"/>
                  </a:lnTo>
                  <a:lnTo>
                    <a:pt x="8366759" y="242316"/>
                  </a:lnTo>
                  <a:lnTo>
                    <a:pt x="8404860" y="242316"/>
                  </a:lnTo>
                  <a:lnTo>
                    <a:pt x="8404860" y="204216"/>
                  </a:lnTo>
                  <a:close/>
                </a:path>
                <a:path w="8404860" h="1393189">
                  <a:moveTo>
                    <a:pt x="8404860" y="280416"/>
                  </a:moveTo>
                  <a:lnTo>
                    <a:pt x="8366759" y="280416"/>
                  </a:lnTo>
                  <a:lnTo>
                    <a:pt x="8366759" y="318516"/>
                  </a:lnTo>
                  <a:lnTo>
                    <a:pt x="8404860" y="318516"/>
                  </a:lnTo>
                  <a:lnTo>
                    <a:pt x="8404860" y="280416"/>
                  </a:lnTo>
                  <a:close/>
                </a:path>
                <a:path w="8404860" h="1393189">
                  <a:moveTo>
                    <a:pt x="8404860" y="356616"/>
                  </a:moveTo>
                  <a:lnTo>
                    <a:pt x="8366759" y="356616"/>
                  </a:lnTo>
                  <a:lnTo>
                    <a:pt x="8366759" y="394716"/>
                  </a:lnTo>
                  <a:lnTo>
                    <a:pt x="8404860" y="394716"/>
                  </a:lnTo>
                  <a:lnTo>
                    <a:pt x="8404860" y="356616"/>
                  </a:lnTo>
                  <a:close/>
                </a:path>
                <a:path w="8404860" h="1393189">
                  <a:moveTo>
                    <a:pt x="8404860" y="432816"/>
                  </a:moveTo>
                  <a:lnTo>
                    <a:pt x="8366759" y="432816"/>
                  </a:lnTo>
                  <a:lnTo>
                    <a:pt x="8366759" y="470916"/>
                  </a:lnTo>
                  <a:lnTo>
                    <a:pt x="8404860" y="470916"/>
                  </a:lnTo>
                  <a:lnTo>
                    <a:pt x="8404860" y="432816"/>
                  </a:lnTo>
                  <a:close/>
                </a:path>
                <a:path w="8404860" h="1393189">
                  <a:moveTo>
                    <a:pt x="8404860" y="509016"/>
                  </a:moveTo>
                  <a:lnTo>
                    <a:pt x="8366759" y="509016"/>
                  </a:lnTo>
                  <a:lnTo>
                    <a:pt x="8366759" y="547116"/>
                  </a:lnTo>
                  <a:lnTo>
                    <a:pt x="8404860" y="547116"/>
                  </a:lnTo>
                  <a:lnTo>
                    <a:pt x="8404860" y="509016"/>
                  </a:lnTo>
                  <a:close/>
                </a:path>
                <a:path w="8404860" h="1393189">
                  <a:moveTo>
                    <a:pt x="8404860" y="585216"/>
                  </a:moveTo>
                  <a:lnTo>
                    <a:pt x="8366759" y="585216"/>
                  </a:lnTo>
                  <a:lnTo>
                    <a:pt x="8366759" y="623316"/>
                  </a:lnTo>
                  <a:lnTo>
                    <a:pt x="8404860" y="623316"/>
                  </a:lnTo>
                  <a:lnTo>
                    <a:pt x="8404860" y="585216"/>
                  </a:lnTo>
                  <a:close/>
                </a:path>
                <a:path w="8404860" h="1393189">
                  <a:moveTo>
                    <a:pt x="8404860" y="661416"/>
                  </a:moveTo>
                  <a:lnTo>
                    <a:pt x="8366759" y="661416"/>
                  </a:lnTo>
                  <a:lnTo>
                    <a:pt x="8366759" y="699516"/>
                  </a:lnTo>
                  <a:lnTo>
                    <a:pt x="8404860" y="699516"/>
                  </a:lnTo>
                  <a:lnTo>
                    <a:pt x="8404860" y="661416"/>
                  </a:lnTo>
                  <a:close/>
                </a:path>
                <a:path w="8404860" h="1393189">
                  <a:moveTo>
                    <a:pt x="8404860" y="737616"/>
                  </a:moveTo>
                  <a:lnTo>
                    <a:pt x="8366759" y="737616"/>
                  </a:lnTo>
                  <a:lnTo>
                    <a:pt x="8366759" y="775716"/>
                  </a:lnTo>
                  <a:lnTo>
                    <a:pt x="8404860" y="775716"/>
                  </a:lnTo>
                  <a:lnTo>
                    <a:pt x="8404860" y="737616"/>
                  </a:lnTo>
                  <a:close/>
                </a:path>
                <a:path w="8404860" h="1393189">
                  <a:moveTo>
                    <a:pt x="8404860" y="813816"/>
                  </a:moveTo>
                  <a:lnTo>
                    <a:pt x="8366759" y="813816"/>
                  </a:lnTo>
                  <a:lnTo>
                    <a:pt x="8366759" y="851916"/>
                  </a:lnTo>
                  <a:lnTo>
                    <a:pt x="8404860" y="851916"/>
                  </a:lnTo>
                  <a:lnTo>
                    <a:pt x="8404860" y="813816"/>
                  </a:lnTo>
                  <a:close/>
                </a:path>
                <a:path w="8404860" h="1393189">
                  <a:moveTo>
                    <a:pt x="8404860" y="890016"/>
                  </a:moveTo>
                  <a:lnTo>
                    <a:pt x="8366759" y="890016"/>
                  </a:lnTo>
                  <a:lnTo>
                    <a:pt x="8366759" y="928116"/>
                  </a:lnTo>
                  <a:lnTo>
                    <a:pt x="8404860" y="928116"/>
                  </a:lnTo>
                  <a:lnTo>
                    <a:pt x="8404860" y="890016"/>
                  </a:lnTo>
                  <a:close/>
                </a:path>
                <a:path w="8404860" h="1393189">
                  <a:moveTo>
                    <a:pt x="8404860" y="966216"/>
                  </a:moveTo>
                  <a:lnTo>
                    <a:pt x="8366759" y="966216"/>
                  </a:lnTo>
                  <a:lnTo>
                    <a:pt x="8366759" y="1004316"/>
                  </a:lnTo>
                  <a:lnTo>
                    <a:pt x="8404860" y="1004316"/>
                  </a:lnTo>
                  <a:lnTo>
                    <a:pt x="8404860" y="966216"/>
                  </a:lnTo>
                  <a:close/>
                </a:path>
                <a:path w="8404860" h="1393189">
                  <a:moveTo>
                    <a:pt x="8404860" y="1042416"/>
                  </a:moveTo>
                  <a:lnTo>
                    <a:pt x="8366759" y="1042416"/>
                  </a:lnTo>
                  <a:lnTo>
                    <a:pt x="8366759" y="1080516"/>
                  </a:lnTo>
                  <a:lnTo>
                    <a:pt x="8404860" y="1080516"/>
                  </a:lnTo>
                  <a:lnTo>
                    <a:pt x="8404860" y="1042416"/>
                  </a:lnTo>
                  <a:close/>
                </a:path>
                <a:path w="8404860" h="1393189">
                  <a:moveTo>
                    <a:pt x="8404860" y="1118616"/>
                  </a:moveTo>
                  <a:lnTo>
                    <a:pt x="8366759" y="1118616"/>
                  </a:lnTo>
                  <a:lnTo>
                    <a:pt x="8366759" y="1156716"/>
                  </a:lnTo>
                  <a:lnTo>
                    <a:pt x="8404860" y="1156716"/>
                  </a:lnTo>
                  <a:lnTo>
                    <a:pt x="8404860" y="1118616"/>
                  </a:lnTo>
                  <a:close/>
                </a:path>
                <a:path w="8404860" h="1393189">
                  <a:moveTo>
                    <a:pt x="8404860" y="1194816"/>
                  </a:moveTo>
                  <a:lnTo>
                    <a:pt x="8366759" y="1194816"/>
                  </a:lnTo>
                  <a:lnTo>
                    <a:pt x="8366759" y="1232916"/>
                  </a:lnTo>
                  <a:lnTo>
                    <a:pt x="8404860" y="1232916"/>
                  </a:lnTo>
                  <a:lnTo>
                    <a:pt x="8404860" y="1194816"/>
                  </a:lnTo>
                  <a:close/>
                </a:path>
                <a:path w="8404860" h="1393189">
                  <a:moveTo>
                    <a:pt x="8404860" y="1271016"/>
                  </a:moveTo>
                  <a:lnTo>
                    <a:pt x="8366759" y="1271016"/>
                  </a:lnTo>
                  <a:lnTo>
                    <a:pt x="8366759" y="1309116"/>
                  </a:lnTo>
                  <a:lnTo>
                    <a:pt x="8404860" y="1309116"/>
                  </a:lnTo>
                  <a:lnTo>
                    <a:pt x="8404860" y="1271016"/>
                  </a:lnTo>
                  <a:close/>
                </a:path>
                <a:path w="8404860" h="1393189">
                  <a:moveTo>
                    <a:pt x="8404860" y="1354836"/>
                  </a:moveTo>
                  <a:lnTo>
                    <a:pt x="8385048" y="1354836"/>
                  </a:lnTo>
                  <a:lnTo>
                    <a:pt x="8372856" y="1367027"/>
                  </a:lnTo>
                  <a:lnTo>
                    <a:pt x="8372856" y="1392936"/>
                  </a:lnTo>
                  <a:lnTo>
                    <a:pt x="8385048" y="1392936"/>
                  </a:lnTo>
                  <a:lnTo>
                    <a:pt x="8392644" y="1391340"/>
                  </a:lnTo>
                  <a:lnTo>
                    <a:pt x="8398954" y="1387030"/>
                  </a:lnTo>
                  <a:lnTo>
                    <a:pt x="8403264" y="1380720"/>
                  </a:lnTo>
                  <a:lnTo>
                    <a:pt x="8404860" y="1373124"/>
                  </a:lnTo>
                  <a:lnTo>
                    <a:pt x="8404860" y="1354836"/>
                  </a:lnTo>
                  <a:close/>
                </a:path>
                <a:path w="8404860" h="1393189">
                  <a:moveTo>
                    <a:pt x="8404860" y="1347216"/>
                  </a:moveTo>
                  <a:lnTo>
                    <a:pt x="8366759" y="1347216"/>
                  </a:lnTo>
                  <a:lnTo>
                    <a:pt x="8366759" y="1373124"/>
                  </a:lnTo>
                  <a:lnTo>
                    <a:pt x="8372856" y="1367027"/>
                  </a:lnTo>
                  <a:lnTo>
                    <a:pt x="8372856" y="1354836"/>
                  </a:lnTo>
                  <a:lnTo>
                    <a:pt x="8404860" y="1354836"/>
                  </a:lnTo>
                  <a:lnTo>
                    <a:pt x="8404860" y="1347216"/>
                  </a:lnTo>
                  <a:close/>
                </a:path>
                <a:path w="8404860" h="1393189">
                  <a:moveTo>
                    <a:pt x="8385048" y="1354836"/>
                  </a:moveTo>
                  <a:lnTo>
                    <a:pt x="8372856" y="1354836"/>
                  </a:lnTo>
                  <a:lnTo>
                    <a:pt x="8372856" y="1367027"/>
                  </a:lnTo>
                  <a:lnTo>
                    <a:pt x="8385048" y="1354836"/>
                  </a:lnTo>
                  <a:close/>
                </a:path>
                <a:path w="8404860" h="1393189">
                  <a:moveTo>
                    <a:pt x="8334756" y="1354836"/>
                  </a:moveTo>
                  <a:lnTo>
                    <a:pt x="8296656" y="1354836"/>
                  </a:lnTo>
                  <a:lnTo>
                    <a:pt x="8296656" y="1392936"/>
                  </a:lnTo>
                  <a:lnTo>
                    <a:pt x="8334756" y="1392936"/>
                  </a:lnTo>
                  <a:lnTo>
                    <a:pt x="8334756" y="1354836"/>
                  </a:lnTo>
                  <a:close/>
                </a:path>
                <a:path w="8404860" h="1393189">
                  <a:moveTo>
                    <a:pt x="8258556" y="1354836"/>
                  </a:moveTo>
                  <a:lnTo>
                    <a:pt x="8220456" y="1354836"/>
                  </a:lnTo>
                  <a:lnTo>
                    <a:pt x="8220456" y="1392936"/>
                  </a:lnTo>
                  <a:lnTo>
                    <a:pt x="8258556" y="1392936"/>
                  </a:lnTo>
                  <a:lnTo>
                    <a:pt x="8258556" y="1354836"/>
                  </a:lnTo>
                  <a:close/>
                </a:path>
                <a:path w="8404860" h="1393189">
                  <a:moveTo>
                    <a:pt x="8182356" y="1354836"/>
                  </a:moveTo>
                  <a:lnTo>
                    <a:pt x="8144256" y="1354836"/>
                  </a:lnTo>
                  <a:lnTo>
                    <a:pt x="8144256" y="1392936"/>
                  </a:lnTo>
                  <a:lnTo>
                    <a:pt x="8182356" y="1392936"/>
                  </a:lnTo>
                  <a:lnTo>
                    <a:pt x="8182356" y="1354836"/>
                  </a:lnTo>
                  <a:close/>
                </a:path>
                <a:path w="8404860" h="1393189">
                  <a:moveTo>
                    <a:pt x="8106156" y="1354836"/>
                  </a:moveTo>
                  <a:lnTo>
                    <a:pt x="8068056" y="1354836"/>
                  </a:lnTo>
                  <a:lnTo>
                    <a:pt x="8068056" y="1392936"/>
                  </a:lnTo>
                  <a:lnTo>
                    <a:pt x="8106156" y="1392936"/>
                  </a:lnTo>
                  <a:lnTo>
                    <a:pt x="8106156" y="1354836"/>
                  </a:lnTo>
                  <a:close/>
                </a:path>
                <a:path w="8404860" h="1393189">
                  <a:moveTo>
                    <a:pt x="8029956" y="1354836"/>
                  </a:moveTo>
                  <a:lnTo>
                    <a:pt x="7991856" y="1354836"/>
                  </a:lnTo>
                  <a:lnTo>
                    <a:pt x="7991856" y="1392936"/>
                  </a:lnTo>
                  <a:lnTo>
                    <a:pt x="8029956" y="1392936"/>
                  </a:lnTo>
                  <a:lnTo>
                    <a:pt x="8029956" y="1354836"/>
                  </a:lnTo>
                  <a:close/>
                </a:path>
                <a:path w="8404860" h="1393189">
                  <a:moveTo>
                    <a:pt x="7953756" y="1354836"/>
                  </a:moveTo>
                  <a:lnTo>
                    <a:pt x="7915656" y="1354836"/>
                  </a:lnTo>
                  <a:lnTo>
                    <a:pt x="7915656" y="1392936"/>
                  </a:lnTo>
                  <a:lnTo>
                    <a:pt x="7953756" y="1392936"/>
                  </a:lnTo>
                  <a:lnTo>
                    <a:pt x="7953756" y="1354836"/>
                  </a:lnTo>
                  <a:close/>
                </a:path>
                <a:path w="8404860" h="1393189">
                  <a:moveTo>
                    <a:pt x="7877556" y="1354836"/>
                  </a:moveTo>
                  <a:lnTo>
                    <a:pt x="7839456" y="1354836"/>
                  </a:lnTo>
                  <a:lnTo>
                    <a:pt x="7839456" y="1392936"/>
                  </a:lnTo>
                  <a:lnTo>
                    <a:pt x="7877556" y="1392936"/>
                  </a:lnTo>
                  <a:lnTo>
                    <a:pt x="7877556" y="1354836"/>
                  </a:lnTo>
                  <a:close/>
                </a:path>
                <a:path w="8404860" h="1393189">
                  <a:moveTo>
                    <a:pt x="7801356" y="1354836"/>
                  </a:moveTo>
                  <a:lnTo>
                    <a:pt x="7763256" y="1354836"/>
                  </a:lnTo>
                  <a:lnTo>
                    <a:pt x="7763256" y="1392936"/>
                  </a:lnTo>
                  <a:lnTo>
                    <a:pt x="7801356" y="1392936"/>
                  </a:lnTo>
                  <a:lnTo>
                    <a:pt x="7801356" y="1354836"/>
                  </a:lnTo>
                  <a:close/>
                </a:path>
                <a:path w="8404860" h="1393189">
                  <a:moveTo>
                    <a:pt x="7725156" y="1354836"/>
                  </a:moveTo>
                  <a:lnTo>
                    <a:pt x="7687056" y="1354836"/>
                  </a:lnTo>
                  <a:lnTo>
                    <a:pt x="7687056" y="1392936"/>
                  </a:lnTo>
                  <a:lnTo>
                    <a:pt x="7725156" y="1392936"/>
                  </a:lnTo>
                  <a:lnTo>
                    <a:pt x="7725156" y="1354836"/>
                  </a:lnTo>
                  <a:close/>
                </a:path>
                <a:path w="8404860" h="1393189">
                  <a:moveTo>
                    <a:pt x="7648956" y="1354836"/>
                  </a:moveTo>
                  <a:lnTo>
                    <a:pt x="7610856" y="1354836"/>
                  </a:lnTo>
                  <a:lnTo>
                    <a:pt x="7610856" y="1392936"/>
                  </a:lnTo>
                  <a:lnTo>
                    <a:pt x="7648956" y="1392936"/>
                  </a:lnTo>
                  <a:lnTo>
                    <a:pt x="7648956" y="1354836"/>
                  </a:lnTo>
                  <a:close/>
                </a:path>
                <a:path w="8404860" h="1393189">
                  <a:moveTo>
                    <a:pt x="7572756" y="1354836"/>
                  </a:moveTo>
                  <a:lnTo>
                    <a:pt x="7534656" y="1354836"/>
                  </a:lnTo>
                  <a:lnTo>
                    <a:pt x="7534656" y="1392936"/>
                  </a:lnTo>
                  <a:lnTo>
                    <a:pt x="7572756" y="1392936"/>
                  </a:lnTo>
                  <a:lnTo>
                    <a:pt x="7572756" y="1354836"/>
                  </a:lnTo>
                  <a:close/>
                </a:path>
                <a:path w="8404860" h="1393189">
                  <a:moveTo>
                    <a:pt x="7496556" y="1354836"/>
                  </a:moveTo>
                  <a:lnTo>
                    <a:pt x="7458456" y="1354836"/>
                  </a:lnTo>
                  <a:lnTo>
                    <a:pt x="7458456" y="1392936"/>
                  </a:lnTo>
                  <a:lnTo>
                    <a:pt x="7496556" y="1392936"/>
                  </a:lnTo>
                  <a:lnTo>
                    <a:pt x="7496556" y="1354836"/>
                  </a:lnTo>
                  <a:close/>
                </a:path>
                <a:path w="8404860" h="1393189">
                  <a:moveTo>
                    <a:pt x="7420356" y="1354836"/>
                  </a:moveTo>
                  <a:lnTo>
                    <a:pt x="7382256" y="1354836"/>
                  </a:lnTo>
                  <a:lnTo>
                    <a:pt x="7382256" y="1392936"/>
                  </a:lnTo>
                  <a:lnTo>
                    <a:pt x="7420356" y="1392936"/>
                  </a:lnTo>
                  <a:lnTo>
                    <a:pt x="7420356" y="1354836"/>
                  </a:lnTo>
                  <a:close/>
                </a:path>
                <a:path w="8404860" h="1393189">
                  <a:moveTo>
                    <a:pt x="7344156" y="1354836"/>
                  </a:moveTo>
                  <a:lnTo>
                    <a:pt x="7306056" y="1354836"/>
                  </a:lnTo>
                  <a:lnTo>
                    <a:pt x="7306056" y="1392936"/>
                  </a:lnTo>
                  <a:lnTo>
                    <a:pt x="7344156" y="1392936"/>
                  </a:lnTo>
                  <a:lnTo>
                    <a:pt x="7344156" y="1354836"/>
                  </a:lnTo>
                  <a:close/>
                </a:path>
                <a:path w="8404860" h="1393189">
                  <a:moveTo>
                    <a:pt x="7267956" y="1354836"/>
                  </a:moveTo>
                  <a:lnTo>
                    <a:pt x="7229856" y="1354836"/>
                  </a:lnTo>
                  <a:lnTo>
                    <a:pt x="7229856" y="1392936"/>
                  </a:lnTo>
                  <a:lnTo>
                    <a:pt x="7267956" y="1392936"/>
                  </a:lnTo>
                  <a:lnTo>
                    <a:pt x="7267956" y="1354836"/>
                  </a:lnTo>
                  <a:close/>
                </a:path>
                <a:path w="8404860" h="1393189">
                  <a:moveTo>
                    <a:pt x="7191756" y="1354836"/>
                  </a:moveTo>
                  <a:lnTo>
                    <a:pt x="7153656" y="1354836"/>
                  </a:lnTo>
                  <a:lnTo>
                    <a:pt x="7153656" y="1392936"/>
                  </a:lnTo>
                  <a:lnTo>
                    <a:pt x="7191756" y="1392936"/>
                  </a:lnTo>
                  <a:lnTo>
                    <a:pt x="7191756" y="1354836"/>
                  </a:lnTo>
                  <a:close/>
                </a:path>
                <a:path w="8404860" h="1393189">
                  <a:moveTo>
                    <a:pt x="7115556" y="1354836"/>
                  </a:moveTo>
                  <a:lnTo>
                    <a:pt x="7077456" y="1354836"/>
                  </a:lnTo>
                  <a:lnTo>
                    <a:pt x="7077456" y="1392936"/>
                  </a:lnTo>
                  <a:lnTo>
                    <a:pt x="7115556" y="1392936"/>
                  </a:lnTo>
                  <a:lnTo>
                    <a:pt x="7115556" y="1354836"/>
                  </a:lnTo>
                  <a:close/>
                </a:path>
                <a:path w="8404860" h="1393189">
                  <a:moveTo>
                    <a:pt x="7039356" y="1354836"/>
                  </a:moveTo>
                  <a:lnTo>
                    <a:pt x="7001256" y="1354836"/>
                  </a:lnTo>
                  <a:lnTo>
                    <a:pt x="7001256" y="1392936"/>
                  </a:lnTo>
                  <a:lnTo>
                    <a:pt x="7039356" y="1392936"/>
                  </a:lnTo>
                  <a:lnTo>
                    <a:pt x="7039356" y="1354836"/>
                  </a:lnTo>
                  <a:close/>
                </a:path>
                <a:path w="8404860" h="1393189">
                  <a:moveTo>
                    <a:pt x="6963156" y="1354836"/>
                  </a:moveTo>
                  <a:lnTo>
                    <a:pt x="6925056" y="1354836"/>
                  </a:lnTo>
                  <a:lnTo>
                    <a:pt x="6925056" y="1392936"/>
                  </a:lnTo>
                  <a:lnTo>
                    <a:pt x="6963156" y="1392936"/>
                  </a:lnTo>
                  <a:lnTo>
                    <a:pt x="6963156" y="1354836"/>
                  </a:lnTo>
                  <a:close/>
                </a:path>
                <a:path w="8404860" h="1393189">
                  <a:moveTo>
                    <a:pt x="6886956" y="1354836"/>
                  </a:moveTo>
                  <a:lnTo>
                    <a:pt x="6848856" y="1354836"/>
                  </a:lnTo>
                  <a:lnTo>
                    <a:pt x="6848856" y="1392936"/>
                  </a:lnTo>
                  <a:lnTo>
                    <a:pt x="6886956" y="1392936"/>
                  </a:lnTo>
                  <a:lnTo>
                    <a:pt x="6886956" y="1354836"/>
                  </a:lnTo>
                  <a:close/>
                </a:path>
                <a:path w="8404860" h="1393189">
                  <a:moveTo>
                    <a:pt x="6810756" y="1354836"/>
                  </a:moveTo>
                  <a:lnTo>
                    <a:pt x="6772656" y="1354836"/>
                  </a:lnTo>
                  <a:lnTo>
                    <a:pt x="6772656" y="1392936"/>
                  </a:lnTo>
                  <a:lnTo>
                    <a:pt x="6810756" y="1392936"/>
                  </a:lnTo>
                  <a:lnTo>
                    <a:pt x="6810756" y="1354836"/>
                  </a:lnTo>
                  <a:close/>
                </a:path>
                <a:path w="8404860" h="1393189">
                  <a:moveTo>
                    <a:pt x="6734556" y="1354836"/>
                  </a:moveTo>
                  <a:lnTo>
                    <a:pt x="6696456" y="1354836"/>
                  </a:lnTo>
                  <a:lnTo>
                    <a:pt x="6696456" y="1392936"/>
                  </a:lnTo>
                  <a:lnTo>
                    <a:pt x="6734556" y="1392936"/>
                  </a:lnTo>
                  <a:lnTo>
                    <a:pt x="6734556" y="1354836"/>
                  </a:lnTo>
                  <a:close/>
                </a:path>
                <a:path w="8404860" h="1393189">
                  <a:moveTo>
                    <a:pt x="6658356" y="1354836"/>
                  </a:moveTo>
                  <a:lnTo>
                    <a:pt x="6620256" y="1354836"/>
                  </a:lnTo>
                  <a:lnTo>
                    <a:pt x="6620256" y="1392936"/>
                  </a:lnTo>
                  <a:lnTo>
                    <a:pt x="6658356" y="1392936"/>
                  </a:lnTo>
                  <a:lnTo>
                    <a:pt x="6658356" y="1354836"/>
                  </a:lnTo>
                  <a:close/>
                </a:path>
                <a:path w="8404860" h="1393189">
                  <a:moveTo>
                    <a:pt x="6582156" y="1354836"/>
                  </a:moveTo>
                  <a:lnTo>
                    <a:pt x="6544056" y="1354836"/>
                  </a:lnTo>
                  <a:lnTo>
                    <a:pt x="6544056" y="1392936"/>
                  </a:lnTo>
                  <a:lnTo>
                    <a:pt x="6582156" y="1392936"/>
                  </a:lnTo>
                  <a:lnTo>
                    <a:pt x="6582156" y="1354836"/>
                  </a:lnTo>
                  <a:close/>
                </a:path>
                <a:path w="8404860" h="1393189">
                  <a:moveTo>
                    <a:pt x="6505956" y="1354836"/>
                  </a:moveTo>
                  <a:lnTo>
                    <a:pt x="6467856" y="1354836"/>
                  </a:lnTo>
                  <a:lnTo>
                    <a:pt x="6467856" y="1392936"/>
                  </a:lnTo>
                  <a:lnTo>
                    <a:pt x="6505956" y="1392936"/>
                  </a:lnTo>
                  <a:lnTo>
                    <a:pt x="6505956" y="1354836"/>
                  </a:lnTo>
                  <a:close/>
                </a:path>
                <a:path w="8404860" h="1393189">
                  <a:moveTo>
                    <a:pt x="6429756" y="1354836"/>
                  </a:moveTo>
                  <a:lnTo>
                    <a:pt x="6391656" y="1354836"/>
                  </a:lnTo>
                  <a:lnTo>
                    <a:pt x="6391656" y="1392936"/>
                  </a:lnTo>
                  <a:lnTo>
                    <a:pt x="6429756" y="1392936"/>
                  </a:lnTo>
                  <a:lnTo>
                    <a:pt x="6429756" y="1354836"/>
                  </a:lnTo>
                  <a:close/>
                </a:path>
                <a:path w="8404860" h="1393189">
                  <a:moveTo>
                    <a:pt x="6353556" y="1354836"/>
                  </a:moveTo>
                  <a:lnTo>
                    <a:pt x="6315456" y="1354836"/>
                  </a:lnTo>
                  <a:lnTo>
                    <a:pt x="6315456" y="1392936"/>
                  </a:lnTo>
                  <a:lnTo>
                    <a:pt x="6353556" y="1392936"/>
                  </a:lnTo>
                  <a:lnTo>
                    <a:pt x="6353556" y="1354836"/>
                  </a:lnTo>
                  <a:close/>
                </a:path>
                <a:path w="8404860" h="1393189">
                  <a:moveTo>
                    <a:pt x="6277356" y="1354836"/>
                  </a:moveTo>
                  <a:lnTo>
                    <a:pt x="6239256" y="1354836"/>
                  </a:lnTo>
                  <a:lnTo>
                    <a:pt x="6239256" y="1392936"/>
                  </a:lnTo>
                  <a:lnTo>
                    <a:pt x="6277356" y="1392936"/>
                  </a:lnTo>
                  <a:lnTo>
                    <a:pt x="6277356" y="1354836"/>
                  </a:lnTo>
                  <a:close/>
                </a:path>
                <a:path w="8404860" h="1393189">
                  <a:moveTo>
                    <a:pt x="6201156" y="1354836"/>
                  </a:moveTo>
                  <a:lnTo>
                    <a:pt x="6163056" y="1354836"/>
                  </a:lnTo>
                  <a:lnTo>
                    <a:pt x="6163056" y="1392936"/>
                  </a:lnTo>
                  <a:lnTo>
                    <a:pt x="6201156" y="1392936"/>
                  </a:lnTo>
                  <a:lnTo>
                    <a:pt x="6201156" y="1354836"/>
                  </a:lnTo>
                  <a:close/>
                </a:path>
                <a:path w="8404860" h="1393189">
                  <a:moveTo>
                    <a:pt x="6124956" y="1354836"/>
                  </a:moveTo>
                  <a:lnTo>
                    <a:pt x="6086856" y="1354836"/>
                  </a:lnTo>
                  <a:lnTo>
                    <a:pt x="6086856" y="1392936"/>
                  </a:lnTo>
                  <a:lnTo>
                    <a:pt x="6124956" y="1392936"/>
                  </a:lnTo>
                  <a:lnTo>
                    <a:pt x="6124956" y="1354836"/>
                  </a:lnTo>
                  <a:close/>
                </a:path>
                <a:path w="8404860" h="1393189">
                  <a:moveTo>
                    <a:pt x="6048756" y="1354836"/>
                  </a:moveTo>
                  <a:lnTo>
                    <a:pt x="6010656" y="1354836"/>
                  </a:lnTo>
                  <a:lnTo>
                    <a:pt x="6010656" y="1392936"/>
                  </a:lnTo>
                  <a:lnTo>
                    <a:pt x="6048756" y="1392936"/>
                  </a:lnTo>
                  <a:lnTo>
                    <a:pt x="6048756" y="1354836"/>
                  </a:lnTo>
                  <a:close/>
                </a:path>
                <a:path w="8404860" h="1393189">
                  <a:moveTo>
                    <a:pt x="5972556" y="1354836"/>
                  </a:moveTo>
                  <a:lnTo>
                    <a:pt x="5934456" y="1354836"/>
                  </a:lnTo>
                  <a:lnTo>
                    <a:pt x="5934456" y="1392936"/>
                  </a:lnTo>
                  <a:lnTo>
                    <a:pt x="5972556" y="1392936"/>
                  </a:lnTo>
                  <a:lnTo>
                    <a:pt x="5972556" y="1354836"/>
                  </a:lnTo>
                  <a:close/>
                </a:path>
                <a:path w="8404860" h="1393189">
                  <a:moveTo>
                    <a:pt x="5896356" y="1354836"/>
                  </a:moveTo>
                  <a:lnTo>
                    <a:pt x="5858256" y="1354836"/>
                  </a:lnTo>
                  <a:lnTo>
                    <a:pt x="5858256" y="1392936"/>
                  </a:lnTo>
                  <a:lnTo>
                    <a:pt x="5896356" y="1392936"/>
                  </a:lnTo>
                  <a:lnTo>
                    <a:pt x="5896356" y="1354836"/>
                  </a:lnTo>
                  <a:close/>
                </a:path>
                <a:path w="8404860" h="1393189">
                  <a:moveTo>
                    <a:pt x="5820156" y="1354836"/>
                  </a:moveTo>
                  <a:lnTo>
                    <a:pt x="5782056" y="1354836"/>
                  </a:lnTo>
                  <a:lnTo>
                    <a:pt x="5782056" y="1392936"/>
                  </a:lnTo>
                  <a:lnTo>
                    <a:pt x="5820156" y="1392936"/>
                  </a:lnTo>
                  <a:lnTo>
                    <a:pt x="5820156" y="1354836"/>
                  </a:lnTo>
                  <a:close/>
                </a:path>
                <a:path w="8404860" h="1393189">
                  <a:moveTo>
                    <a:pt x="5743956" y="1354836"/>
                  </a:moveTo>
                  <a:lnTo>
                    <a:pt x="5705856" y="1354836"/>
                  </a:lnTo>
                  <a:lnTo>
                    <a:pt x="5705856" y="1392936"/>
                  </a:lnTo>
                  <a:lnTo>
                    <a:pt x="5743956" y="1392936"/>
                  </a:lnTo>
                  <a:lnTo>
                    <a:pt x="5743956" y="1354836"/>
                  </a:lnTo>
                  <a:close/>
                </a:path>
                <a:path w="8404860" h="1393189">
                  <a:moveTo>
                    <a:pt x="5667756" y="1354836"/>
                  </a:moveTo>
                  <a:lnTo>
                    <a:pt x="5629656" y="1354836"/>
                  </a:lnTo>
                  <a:lnTo>
                    <a:pt x="5629656" y="1392936"/>
                  </a:lnTo>
                  <a:lnTo>
                    <a:pt x="5667756" y="1392936"/>
                  </a:lnTo>
                  <a:lnTo>
                    <a:pt x="5667756" y="1354836"/>
                  </a:lnTo>
                  <a:close/>
                </a:path>
                <a:path w="8404860" h="1393189">
                  <a:moveTo>
                    <a:pt x="5591556" y="1354836"/>
                  </a:moveTo>
                  <a:lnTo>
                    <a:pt x="5553456" y="1354836"/>
                  </a:lnTo>
                  <a:lnTo>
                    <a:pt x="5553456" y="1392936"/>
                  </a:lnTo>
                  <a:lnTo>
                    <a:pt x="5591556" y="1392936"/>
                  </a:lnTo>
                  <a:lnTo>
                    <a:pt x="5591556" y="1354836"/>
                  </a:lnTo>
                  <a:close/>
                </a:path>
                <a:path w="8404860" h="1393189">
                  <a:moveTo>
                    <a:pt x="5515356" y="1354836"/>
                  </a:moveTo>
                  <a:lnTo>
                    <a:pt x="5477256" y="1354836"/>
                  </a:lnTo>
                  <a:lnTo>
                    <a:pt x="5477256" y="1392936"/>
                  </a:lnTo>
                  <a:lnTo>
                    <a:pt x="5515356" y="1392936"/>
                  </a:lnTo>
                  <a:lnTo>
                    <a:pt x="5515356" y="1354836"/>
                  </a:lnTo>
                  <a:close/>
                </a:path>
                <a:path w="8404860" h="1393189">
                  <a:moveTo>
                    <a:pt x="5439156" y="1354836"/>
                  </a:moveTo>
                  <a:lnTo>
                    <a:pt x="5401056" y="1354836"/>
                  </a:lnTo>
                  <a:lnTo>
                    <a:pt x="5401056" y="1392936"/>
                  </a:lnTo>
                  <a:lnTo>
                    <a:pt x="5439156" y="1392936"/>
                  </a:lnTo>
                  <a:lnTo>
                    <a:pt x="5439156" y="1354836"/>
                  </a:lnTo>
                  <a:close/>
                </a:path>
                <a:path w="8404860" h="1393189">
                  <a:moveTo>
                    <a:pt x="5362956" y="1354836"/>
                  </a:moveTo>
                  <a:lnTo>
                    <a:pt x="5324856" y="1354836"/>
                  </a:lnTo>
                  <a:lnTo>
                    <a:pt x="5324856" y="1392936"/>
                  </a:lnTo>
                  <a:lnTo>
                    <a:pt x="5362956" y="1392936"/>
                  </a:lnTo>
                  <a:lnTo>
                    <a:pt x="5362956" y="1354836"/>
                  </a:lnTo>
                  <a:close/>
                </a:path>
                <a:path w="8404860" h="1393189">
                  <a:moveTo>
                    <a:pt x="5286756" y="1354836"/>
                  </a:moveTo>
                  <a:lnTo>
                    <a:pt x="5248656" y="1354836"/>
                  </a:lnTo>
                  <a:lnTo>
                    <a:pt x="5248656" y="1392936"/>
                  </a:lnTo>
                  <a:lnTo>
                    <a:pt x="5286756" y="1392936"/>
                  </a:lnTo>
                  <a:lnTo>
                    <a:pt x="5286756" y="1354836"/>
                  </a:lnTo>
                  <a:close/>
                </a:path>
                <a:path w="8404860" h="1393189">
                  <a:moveTo>
                    <a:pt x="5210556" y="1354836"/>
                  </a:moveTo>
                  <a:lnTo>
                    <a:pt x="5172456" y="1354836"/>
                  </a:lnTo>
                  <a:lnTo>
                    <a:pt x="5172456" y="1392936"/>
                  </a:lnTo>
                  <a:lnTo>
                    <a:pt x="5210556" y="1392936"/>
                  </a:lnTo>
                  <a:lnTo>
                    <a:pt x="5210556" y="1354836"/>
                  </a:lnTo>
                  <a:close/>
                </a:path>
                <a:path w="8404860" h="1393189">
                  <a:moveTo>
                    <a:pt x="5134356" y="1354836"/>
                  </a:moveTo>
                  <a:lnTo>
                    <a:pt x="5096256" y="1354836"/>
                  </a:lnTo>
                  <a:lnTo>
                    <a:pt x="5096256" y="1392936"/>
                  </a:lnTo>
                  <a:lnTo>
                    <a:pt x="5134356" y="1392936"/>
                  </a:lnTo>
                  <a:lnTo>
                    <a:pt x="5134356" y="1354836"/>
                  </a:lnTo>
                  <a:close/>
                </a:path>
                <a:path w="8404860" h="1393189">
                  <a:moveTo>
                    <a:pt x="5058156" y="1354836"/>
                  </a:moveTo>
                  <a:lnTo>
                    <a:pt x="5020056" y="1354836"/>
                  </a:lnTo>
                  <a:lnTo>
                    <a:pt x="5020056" y="1392936"/>
                  </a:lnTo>
                  <a:lnTo>
                    <a:pt x="5058156" y="1392936"/>
                  </a:lnTo>
                  <a:lnTo>
                    <a:pt x="5058156" y="1354836"/>
                  </a:lnTo>
                  <a:close/>
                </a:path>
                <a:path w="8404860" h="1393189">
                  <a:moveTo>
                    <a:pt x="4981956" y="1354836"/>
                  </a:moveTo>
                  <a:lnTo>
                    <a:pt x="4943856" y="1354836"/>
                  </a:lnTo>
                  <a:lnTo>
                    <a:pt x="4943856" y="1392936"/>
                  </a:lnTo>
                  <a:lnTo>
                    <a:pt x="4981956" y="1392936"/>
                  </a:lnTo>
                  <a:lnTo>
                    <a:pt x="4981956" y="1354836"/>
                  </a:lnTo>
                  <a:close/>
                </a:path>
                <a:path w="8404860" h="1393189">
                  <a:moveTo>
                    <a:pt x="4905756" y="1354836"/>
                  </a:moveTo>
                  <a:lnTo>
                    <a:pt x="4867656" y="1354836"/>
                  </a:lnTo>
                  <a:lnTo>
                    <a:pt x="4867656" y="1392936"/>
                  </a:lnTo>
                  <a:lnTo>
                    <a:pt x="4905756" y="1392936"/>
                  </a:lnTo>
                  <a:lnTo>
                    <a:pt x="4905756" y="1354836"/>
                  </a:lnTo>
                  <a:close/>
                </a:path>
                <a:path w="8404860" h="1393189">
                  <a:moveTo>
                    <a:pt x="4829556" y="1354836"/>
                  </a:moveTo>
                  <a:lnTo>
                    <a:pt x="4791456" y="1354836"/>
                  </a:lnTo>
                  <a:lnTo>
                    <a:pt x="4791456" y="1392936"/>
                  </a:lnTo>
                  <a:lnTo>
                    <a:pt x="4829556" y="1392936"/>
                  </a:lnTo>
                  <a:lnTo>
                    <a:pt x="4829556" y="1354836"/>
                  </a:lnTo>
                  <a:close/>
                </a:path>
                <a:path w="8404860" h="1393189">
                  <a:moveTo>
                    <a:pt x="4753356" y="1354836"/>
                  </a:moveTo>
                  <a:lnTo>
                    <a:pt x="4715256" y="1354836"/>
                  </a:lnTo>
                  <a:lnTo>
                    <a:pt x="4715256" y="1392936"/>
                  </a:lnTo>
                  <a:lnTo>
                    <a:pt x="4753356" y="1392936"/>
                  </a:lnTo>
                  <a:lnTo>
                    <a:pt x="4753356" y="1354836"/>
                  </a:lnTo>
                  <a:close/>
                </a:path>
                <a:path w="8404860" h="1393189">
                  <a:moveTo>
                    <a:pt x="4677156" y="1354836"/>
                  </a:moveTo>
                  <a:lnTo>
                    <a:pt x="4639056" y="1354836"/>
                  </a:lnTo>
                  <a:lnTo>
                    <a:pt x="4639056" y="1392936"/>
                  </a:lnTo>
                  <a:lnTo>
                    <a:pt x="4677156" y="1392936"/>
                  </a:lnTo>
                  <a:lnTo>
                    <a:pt x="4677156" y="1354836"/>
                  </a:lnTo>
                  <a:close/>
                </a:path>
                <a:path w="8404860" h="1393189">
                  <a:moveTo>
                    <a:pt x="4600956" y="1354836"/>
                  </a:moveTo>
                  <a:lnTo>
                    <a:pt x="4562856" y="1354836"/>
                  </a:lnTo>
                  <a:lnTo>
                    <a:pt x="4562856" y="1392936"/>
                  </a:lnTo>
                  <a:lnTo>
                    <a:pt x="4600956" y="1392936"/>
                  </a:lnTo>
                  <a:lnTo>
                    <a:pt x="4600956" y="1354836"/>
                  </a:lnTo>
                  <a:close/>
                </a:path>
                <a:path w="8404860" h="1393189">
                  <a:moveTo>
                    <a:pt x="4524756" y="1354836"/>
                  </a:moveTo>
                  <a:lnTo>
                    <a:pt x="4486656" y="1354836"/>
                  </a:lnTo>
                  <a:lnTo>
                    <a:pt x="4486656" y="1392936"/>
                  </a:lnTo>
                  <a:lnTo>
                    <a:pt x="4524756" y="1392936"/>
                  </a:lnTo>
                  <a:lnTo>
                    <a:pt x="4524756" y="1354836"/>
                  </a:lnTo>
                  <a:close/>
                </a:path>
                <a:path w="8404860" h="1393189">
                  <a:moveTo>
                    <a:pt x="4448556" y="1354836"/>
                  </a:moveTo>
                  <a:lnTo>
                    <a:pt x="4410456" y="1354836"/>
                  </a:lnTo>
                  <a:lnTo>
                    <a:pt x="4410456" y="1392936"/>
                  </a:lnTo>
                  <a:lnTo>
                    <a:pt x="4448556" y="1392936"/>
                  </a:lnTo>
                  <a:lnTo>
                    <a:pt x="4448556" y="1354836"/>
                  </a:lnTo>
                  <a:close/>
                </a:path>
                <a:path w="8404860" h="1393189">
                  <a:moveTo>
                    <a:pt x="4372356" y="1354836"/>
                  </a:moveTo>
                  <a:lnTo>
                    <a:pt x="4334256" y="1354836"/>
                  </a:lnTo>
                  <a:lnTo>
                    <a:pt x="4334256" y="1392936"/>
                  </a:lnTo>
                  <a:lnTo>
                    <a:pt x="4372356" y="1392936"/>
                  </a:lnTo>
                  <a:lnTo>
                    <a:pt x="4372356" y="1354836"/>
                  </a:lnTo>
                  <a:close/>
                </a:path>
                <a:path w="8404860" h="1393189">
                  <a:moveTo>
                    <a:pt x="4296156" y="1354836"/>
                  </a:moveTo>
                  <a:lnTo>
                    <a:pt x="4258056" y="1354836"/>
                  </a:lnTo>
                  <a:lnTo>
                    <a:pt x="4258056" y="1392936"/>
                  </a:lnTo>
                  <a:lnTo>
                    <a:pt x="4296156" y="1392936"/>
                  </a:lnTo>
                  <a:lnTo>
                    <a:pt x="4296156" y="1354836"/>
                  </a:lnTo>
                  <a:close/>
                </a:path>
                <a:path w="8404860" h="1393189">
                  <a:moveTo>
                    <a:pt x="4219956" y="1354836"/>
                  </a:moveTo>
                  <a:lnTo>
                    <a:pt x="4181855" y="1354836"/>
                  </a:lnTo>
                  <a:lnTo>
                    <a:pt x="4181855" y="1392936"/>
                  </a:lnTo>
                  <a:lnTo>
                    <a:pt x="4219956" y="1392936"/>
                  </a:lnTo>
                  <a:lnTo>
                    <a:pt x="4219956" y="1354836"/>
                  </a:lnTo>
                  <a:close/>
                </a:path>
                <a:path w="8404860" h="1393189">
                  <a:moveTo>
                    <a:pt x="4143755" y="1354836"/>
                  </a:moveTo>
                  <a:lnTo>
                    <a:pt x="4105655" y="1354836"/>
                  </a:lnTo>
                  <a:lnTo>
                    <a:pt x="4105655" y="1392936"/>
                  </a:lnTo>
                  <a:lnTo>
                    <a:pt x="4143755" y="1392936"/>
                  </a:lnTo>
                  <a:lnTo>
                    <a:pt x="4143755" y="1354836"/>
                  </a:lnTo>
                  <a:close/>
                </a:path>
                <a:path w="8404860" h="1393189">
                  <a:moveTo>
                    <a:pt x="4067555" y="1354836"/>
                  </a:moveTo>
                  <a:lnTo>
                    <a:pt x="4029455" y="1354836"/>
                  </a:lnTo>
                  <a:lnTo>
                    <a:pt x="4029455" y="1392936"/>
                  </a:lnTo>
                  <a:lnTo>
                    <a:pt x="4067555" y="1392936"/>
                  </a:lnTo>
                  <a:lnTo>
                    <a:pt x="4067555" y="1354836"/>
                  </a:lnTo>
                  <a:close/>
                </a:path>
                <a:path w="8404860" h="1393189">
                  <a:moveTo>
                    <a:pt x="3991355" y="1354836"/>
                  </a:moveTo>
                  <a:lnTo>
                    <a:pt x="3953255" y="1354836"/>
                  </a:lnTo>
                  <a:lnTo>
                    <a:pt x="3953255" y="1392936"/>
                  </a:lnTo>
                  <a:lnTo>
                    <a:pt x="3991355" y="1392936"/>
                  </a:lnTo>
                  <a:lnTo>
                    <a:pt x="3991355" y="1354836"/>
                  </a:lnTo>
                  <a:close/>
                </a:path>
                <a:path w="8404860" h="1393189">
                  <a:moveTo>
                    <a:pt x="3915155" y="1354836"/>
                  </a:moveTo>
                  <a:lnTo>
                    <a:pt x="3877055" y="1354836"/>
                  </a:lnTo>
                  <a:lnTo>
                    <a:pt x="3877055" y="1392936"/>
                  </a:lnTo>
                  <a:lnTo>
                    <a:pt x="3915155" y="1392936"/>
                  </a:lnTo>
                  <a:lnTo>
                    <a:pt x="3915155" y="1354836"/>
                  </a:lnTo>
                  <a:close/>
                </a:path>
                <a:path w="8404860" h="1393189">
                  <a:moveTo>
                    <a:pt x="3838955" y="1354836"/>
                  </a:moveTo>
                  <a:lnTo>
                    <a:pt x="3800855" y="1354836"/>
                  </a:lnTo>
                  <a:lnTo>
                    <a:pt x="3800855" y="1392936"/>
                  </a:lnTo>
                  <a:lnTo>
                    <a:pt x="3838955" y="1392936"/>
                  </a:lnTo>
                  <a:lnTo>
                    <a:pt x="3838955" y="1354836"/>
                  </a:lnTo>
                  <a:close/>
                </a:path>
                <a:path w="8404860" h="1393189">
                  <a:moveTo>
                    <a:pt x="3762755" y="1354836"/>
                  </a:moveTo>
                  <a:lnTo>
                    <a:pt x="3724655" y="1354836"/>
                  </a:lnTo>
                  <a:lnTo>
                    <a:pt x="3724655" y="1392936"/>
                  </a:lnTo>
                  <a:lnTo>
                    <a:pt x="3762755" y="1392936"/>
                  </a:lnTo>
                  <a:lnTo>
                    <a:pt x="3762755" y="1354836"/>
                  </a:lnTo>
                  <a:close/>
                </a:path>
                <a:path w="8404860" h="1393189">
                  <a:moveTo>
                    <a:pt x="3686555" y="1354836"/>
                  </a:moveTo>
                  <a:lnTo>
                    <a:pt x="3648455" y="1354836"/>
                  </a:lnTo>
                  <a:lnTo>
                    <a:pt x="3648455" y="1392936"/>
                  </a:lnTo>
                  <a:lnTo>
                    <a:pt x="3686555" y="1392936"/>
                  </a:lnTo>
                  <a:lnTo>
                    <a:pt x="3686555" y="1354836"/>
                  </a:lnTo>
                  <a:close/>
                </a:path>
                <a:path w="8404860" h="1393189">
                  <a:moveTo>
                    <a:pt x="3610355" y="1354836"/>
                  </a:moveTo>
                  <a:lnTo>
                    <a:pt x="3572255" y="1354836"/>
                  </a:lnTo>
                  <a:lnTo>
                    <a:pt x="3572255" y="1392936"/>
                  </a:lnTo>
                  <a:lnTo>
                    <a:pt x="3610355" y="1392936"/>
                  </a:lnTo>
                  <a:lnTo>
                    <a:pt x="3610355" y="1354836"/>
                  </a:lnTo>
                  <a:close/>
                </a:path>
                <a:path w="8404860" h="1393189">
                  <a:moveTo>
                    <a:pt x="3534155" y="1354836"/>
                  </a:moveTo>
                  <a:lnTo>
                    <a:pt x="3496055" y="1354836"/>
                  </a:lnTo>
                  <a:lnTo>
                    <a:pt x="3496055" y="1392936"/>
                  </a:lnTo>
                  <a:lnTo>
                    <a:pt x="3534155" y="1392936"/>
                  </a:lnTo>
                  <a:lnTo>
                    <a:pt x="3534155" y="1354836"/>
                  </a:lnTo>
                  <a:close/>
                </a:path>
                <a:path w="8404860" h="1393189">
                  <a:moveTo>
                    <a:pt x="3457955" y="1354836"/>
                  </a:moveTo>
                  <a:lnTo>
                    <a:pt x="3419855" y="1354836"/>
                  </a:lnTo>
                  <a:lnTo>
                    <a:pt x="3419855" y="1392936"/>
                  </a:lnTo>
                  <a:lnTo>
                    <a:pt x="3457955" y="1392936"/>
                  </a:lnTo>
                  <a:lnTo>
                    <a:pt x="3457955" y="1354836"/>
                  </a:lnTo>
                  <a:close/>
                </a:path>
                <a:path w="8404860" h="1393189">
                  <a:moveTo>
                    <a:pt x="3381755" y="1354836"/>
                  </a:moveTo>
                  <a:lnTo>
                    <a:pt x="3343655" y="1354836"/>
                  </a:lnTo>
                  <a:lnTo>
                    <a:pt x="3343655" y="1392936"/>
                  </a:lnTo>
                  <a:lnTo>
                    <a:pt x="3381755" y="1392936"/>
                  </a:lnTo>
                  <a:lnTo>
                    <a:pt x="3381755" y="1354836"/>
                  </a:lnTo>
                  <a:close/>
                </a:path>
                <a:path w="8404860" h="1393189">
                  <a:moveTo>
                    <a:pt x="3305555" y="1354836"/>
                  </a:moveTo>
                  <a:lnTo>
                    <a:pt x="3267455" y="1354836"/>
                  </a:lnTo>
                  <a:lnTo>
                    <a:pt x="3267455" y="1392936"/>
                  </a:lnTo>
                  <a:lnTo>
                    <a:pt x="3305555" y="1392936"/>
                  </a:lnTo>
                  <a:lnTo>
                    <a:pt x="3305555" y="1354836"/>
                  </a:lnTo>
                  <a:close/>
                </a:path>
                <a:path w="8404860" h="1393189">
                  <a:moveTo>
                    <a:pt x="3229355" y="1354836"/>
                  </a:moveTo>
                  <a:lnTo>
                    <a:pt x="3191255" y="1354836"/>
                  </a:lnTo>
                  <a:lnTo>
                    <a:pt x="3191255" y="1392936"/>
                  </a:lnTo>
                  <a:lnTo>
                    <a:pt x="3229355" y="1392936"/>
                  </a:lnTo>
                  <a:lnTo>
                    <a:pt x="3229355" y="1354836"/>
                  </a:lnTo>
                  <a:close/>
                </a:path>
                <a:path w="8404860" h="1393189">
                  <a:moveTo>
                    <a:pt x="3153155" y="1354836"/>
                  </a:moveTo>
                  <a:lnTo>
                    <a:pt x="3115055" y="1354836"/>
                  </a:lnTo>
                  <a:lnTo>
                    <a:pt x="3115055" y="1392936"/>
                  </a:lnTo>
                  <a:lnTo>
                    <a:pt x="3153155" y="1392936"/>
                  </a:lnTo>
                  <a:lnTo>
                    <a:pt x="3153155" y="1354836"/>
                  </a:lnTo>
                  <a:close/>
                </a:path>
                <a:path w="8404860" h="1393189">
                  <a:moveTo>
                    <a:pt x="3076955" y="1354836"/>
                  </a:moveTo>
                  <a:lnTo>
                    <a:pt x="3038855" y="1354836"/>
                  </a:lnTo>
                  <a:lnTo>
                    <a:pt x="3038855" y="1392936"/>
                  </a:lnTo>
                  <a:lnTo>
                    <a:pt x="3076955" y="1392936"/>
                  </a:lnTo>
                  <a:lnTo>
                    <a:pt x="3076955" y="1354836"/>
                  </a:lnTo>
                  <a:close/>
                </a:path>
                <a:path w="8404860" h="1393189">
                  <a:moveTo>
                    <a:pt x="3000755" y="1354836"/>
                  </a:moveTo>
                  <a:lnTo>
                    <a:pt x="2962655" y="1354836"/>
                  </a:lnTo>
                  <a:lnTo>
                    <a:pt x="2962655" y="1392936"/>
                  </a:lnTo>
                  <a:lnTo>
                    <a:pt x="3000755" y="1392936"/>
                  </a:lnTo>
                  <a:lnTo>
                    <a:pt x="3000755" y="1354836"/>
                  </a:lnTo>
                  <a:close/>
                </a:path>
                <a:path w="8404860" h="1393189">
                  <a:moveTo>
                    <a:pt x="2924555" y="1354836"/>
                  </a:moveTo>
                  <a:lnTo>
                    <a:pt x="2886455" y="1354836"/>
                  </a:lnTo>
                  <a:lnTo>
                    <a:pt x="2886455" y="1392936"/>
                  </a:lnTo>
                  <a:lnTo>
                    <a:pt x="2924555" y="1392936"/>
                  </a:lnTo>
                  <a:lnTo>
                    <a:pt x="2924555" y="1354836"/>
                  </a:lnTo>
                  <a:close/>
                </a:path>
                <a:path w="8404860" h="1393189">
                  <a:moveTo>
                    <a:pt x="2848355" y="1354836"/>
                  </a:moveTo>
                  <a:lnTo>
                    <a:pt x="2810255" y="1354836"/>
                  </a:lnTo>
                  <a:lnTo>
                    <a:pt x="2810255" y="1392936"/>
                  </a:lnTo>
                  <a:lnTo>
                    <a:pt x="2848355" y="1392936"/>
                  </a:lnTo>
                  <a:lnTo>
                    <a:pt x="2848355" y="1354836"/>
                  </a:lnTo>
                  <a:close/>
                </a:path>
                <a:path w="8404860" h="1393189">
                  <a:moveTo>
                    <a:pt x="2772155" y="1354836"/>
                  </a:moveTo>
                  <a:lnTo>
                    <a:pt x="2734055" y="1354836"/>
                  </a:lnTo>
                  <a:lnTo>
                    <a:pt x="2734055" y="1392936"/>
                  </a:lnTo>
                  <a:lnTo>
                    <a:pt x="2772155" y="1392936"/>
                  </a:lnTo>
                  <a:lnTo>
                    <a:pt x="2772155" y="1354836"/>
                  </a:lnTo>
                  <a:close/>
                </a:path>
                <a:path w="8404860" h="1393189">
                  <a:moveTo>
                    <a:pt x="2695955" y="1354836"/>
                  </a:moveTo>
                  <a:lnTo>
                    <a:pt x="2657855" y="1354836"/>
                  </a:lnTo>
                  <a:lnTo>
                    <a:pt x="2657855" y="1392936"/>
                  </a:lnTo>
                  <a:lnTo>
                    <a:pt x="2695955" y="1392936"/>
                  </a:lnTo>
                  <a:lnTo>
                    <a:pt x="2695955" y="1354836"/>
                  </a:lnTo>
                  <a:close/>
                </a:path>
                <a:path w="8404860" h="1393189">
                  <a:moveTo>
                    <a:pt x="2619755" y="1354836"/>
                  </a:moveTo>
                  <a:lnTo>
                    <a:pt x="2581655" y="1354836"/>
                  </a:lnTo>
                  <a:lnTo>
                    <a:pt x="2581655" y="1392936"/>
                  </a:lnTo>
                  <a:lnTo>
                    <a:pt x="2619755" y="1392936"/>
                  </a:lnTo>
                  <a:lnTo>
                    <a:pt x="2619755" y="1354836"/>
                  </a:lnTo>
                  <a:close/>
                </a:path>
                <a:path w="8404860" h="1393189">
                  <a:moveTo>
                    <a:pt x="2543555" y="1354836"/>
                  </a:moveTo>
                  <a:lnTo>
                    <a:pt x="2505455" y="1354836"/>
                  </a:lnTo>
                  <a:lnTo>
                    <a:pt x="2505455" y="1392936"/>
                  </a:lnTo>
                  <a:lnTo>
                    <a:pt x="2543555" y="1392936"/>
                  </a:lnTo>
                  <a:lnTo>
                    <a:pt x="2543555" y="1354836"/>
                  </a:lnTo>
                  <a:close/>
                </a:path>
                <a:path w="8404860" h="1393189">
                  <a:moveTo>
                    <a:pt x="2467355" y="1354836"/>
                  </a:moveTo>
                  <a:lnTo>
                    <a:pt x="2429255" y="1354836"/>
                  </a:lnTo>
                  <a:lnTo>
                    <a:pt x="2429255" y="1392936"/>
                  </a:lnTo>
                  <a:lnTo>
                    <a:pt x="2467355" y="1392936"/>
                  </a:lnTo>
                  <a:lnTo>
                    <a:pt x="2467355" y="1354836"/>
                  </a:lnTo>
                  <a:close/>
                </a:path>
                <a:path w="8404860" h="1393189">
                  <a:moveTo>
                    <a:pt x="2391155" y="1354836"/>
                  </a:moveTo>
                  <a:lnTo>
                    <a:pt x="2353055" y="1354836"/>
                  </a:lnTo>
                  <a:lnTo>
                    <a:pt x="2353055" y="1392936"/>
                  </a:lnTo>
                  <a:lnTo>
                    <a:pt x="2391155" y="1392936"/>
                  </a:lnTo>
                  <a:lnTo>
                    <a:pt x="2391155" y="1354836"/>
                  </a:lnTo>
                  <a:close/>
                </a:path>
                <a:path w="8404860" h="1393189">
                  <a:moveTo>
                    <a:pt x="2314956" y="1354836"/>
                  </a:moveTo>
                  <a:lnTo>
                    <a:pt x="2276856" y="1354836"/>
                  </a:lnTo>
                  <a:lnTo>
                    <a:pt x="2276856" y="1392936"/>
                  </a:lnTo>
                  <a:lnTo>
                    <a:pt x="2314956" y="1392936"/>
                  </a:lnTo>
                  <a:lnTo>
                    <a:pt x="2314956" y="1354836"/>
                  </a:lnTo>
                  <a:close/>
                </a:path>
                <a:path w="8404860" h="1393189">
                  <a:moveTo>
                    <a:pt x="2238756" y="1354836"/>
                  </a:moveTo>
                  <a:lnTo>
                    <a:pt x="2200656" y="1354836"/>
                  </a:lnTo>
                  <a:lnTo>
                    <a:pt x="2200656" y="1392936"/>
                  </a:lnTo>
                  <a:lnTo>
                    <a:pt x="2238756" y="1392936"/>
                  </a:lnTo>
                  <a:lnTo>
                    <a:pt x="2238756" y="1354836"/>
                  </a:lnTo>
                  <a:close/>
                </a:path>
                <a:path w="8404860" h="1393189">
                  <a:moveTo>
                    <a:pt x="2162556" y="1354836"/>
                  </a:moveTo>
                  <a:lnTo>
                    <a:pt x="2124456" y="1354836"/>
                  </a:lnTo>
                  <a:lnTo>
                    <a:pt x="2124456" y="1392936"/>
                  </a:lnTo>
                  <a:lnTo>
                    <a:pt x="2162556" y="1392936"/>
                  </a:lnTo>
                  <a:lnTo>
                    <a:pt x="2162556" y="1354836"/>
                  </a:lnTo>
                  <a:close/>
                </a:path>
                <a:path w="8404860" h="1393189">
                  <a:moveTo>
                    <a:pt x="2086356" y="1354836"/>
                  </a:moveTo>
                  <a:lnTo>
                    <a:pt x="2048256" y="1354836"/>
                  </a:lnTo>
                  <a:lnTo>
                    <a:pt x="2048256" y="1392936"/>
                  </a:lnTo>
                  <a:lnTo>
                    <a:pt x="2086356" y="1392936"/>
                  </a:lnTo>
                  <a:lnTo>
                    <a:pt x="2086356" y="1354836"/>
                  </a:lnTo>
                  <a:close/>
                </a:path>
                <a:path w="8404860" h="1393189">
                  <a:moveTo>
                    <a:pt x="2010156" y="1354836"/>
                  </a:moveTo>
                  <a:lnTo>
                    <a:pt x="1972056" y="1354836"/>
                  </a:lnTo>
                  <a:lnTo>
                    <a:pt x="1972056" y="1392936"/>
                  </a:lnTo>
                  <a:lnTo>
                    <a:pt x="2010156" y="1392936"/>
                  </a:lnTo>
                  <a:lnTo>
                    <a:pt x="2010156" y="1354836"/>
                  </a:lnTo>
                  <a:close/>
                </a:path>
                <a:path w="8404860" h="1393189">
                  <a:moveTo>
                    <a:pt x="1933956" y="1354836"/>
                  </a:moveTo>
                  <a:lnTo>
                    <a:pt x="1895856" y="1354836"/>
                  </a:lnTo>
                  <a:lnTo>
                    <a:pt x="1895856" y="1392936"/>
                  </a:lnTo>
                  <a:lnTo>
                    <a:pt x="1933956" y="1392936"/>
                  </a:lnTo>
                  <a:lnTo>
                    <a:pt x="1933956" y="1354836"/>
                  </a:lnTo>
                  <a:close/>
                </a:path>
                <a:path w="8404860" h="1393189">
                  <a:moveTo>
                    <a:pt x="1857756" y="1354836"/>
                  </a:moveTo>
                  <a:lnTo>
                    <a:pt x="1819656" y="1354836"/>
                  </a:lnTo>
                  <a:lnTo>
                    <a:pt x="1819656" y="1392936"/>
                  </a:lnTo>
                  <a:lnTo>
                    <a:pt x="1857756" y="1392936"/>
                  </a:lnTo>
                  <a:lnTo>
                    <a:pt x="1857756" y="1354836"/>
                  </a:lnTo>
                  <a:close/>
                </a:path>
                <a:path w="8404860" h="1393189">
                  <a:moveTo>
                    <a:pt x="1781556" y="1354836"/>
                  </a:moveTo>
                  <a:lnTo>
                    <a:pt x="1743456" y="1354836"/>
                  </a:lnTo>
                  <a:lnTo>
                    <a:pt x="1743456" y="1392936"/>
                  </a:lnTo>
                  <a:lnTo>
                    <a:pt x="1781556" y="1392936"/>
                  </a:lnTo>
                  <a:lnTo>
                    <a:pt x="1781556" y="1354836"/>
                  </a:lnTo>
                  <a:close/>
                </a:path>
                <a:path w="8404860" h="1393189">
                  <a:moveTo>
                    <a:pt x="1705356" y="1354836"/>
                  </a:moveTo>
                  <a:lnTo>
                    <a:pt x="1667256" y="1354836"/>
                  </a:lnTo>
                  <a:lnTo>
                    <a:pt x="1667256" y="1392936"/>
                  </a:lnTo>
                  <a:lnTo>
                    <a:pt x="1705356" y="1392936"/>
                  </a:lnTo>
                  <a:lnTo>
                    <a:pt x="1705356" y="1354836"/>
                  </a:lnTo>
                  <a:close/>
                </a:path>
                <a:path w="8404860" h="1393189">
                  <a:moveTo>
                    <a:pt x="1629156" y="1354836"/>
                  </a:moveTo>
                  <a:lnTo>
                    <a:pt x="1591056" y="1354836"/>
                  </a:lnTo>
                  <a:lnTo>
                    <a:pt x="1591056" y="1392936"/>
                  </a:lnTo>
                  <a:lnTo>
                    <a:pt x="1629156" y="1392936"/>
                  </a:lnTo>
                  <a:lnTo>
                    <a:pt x="1629156" y="1354836"/>
                  </a:lnTo>
                  <a:close/>
                </a:path>
                <a:path w="8404860" h="1393189">
                  <a:moveTo>
                    <a:pt x="1552956" y="1354836"/>
                  </a:moveTo>
                  <a:lnTo>
                    <a:pt x="1514856" y="1354836"/>
                  </a:lnTo>
                  <a:lnTo>
                    <a:pt x="1514856" y="1392936"/>
                  </a:lnTo>
                  <a:lnTo>
                    <a:pt x="1552956" y="1392936"/>
                  </a:lnTo>
                  <a:lnTo>
                    <a:pt x="1552956" y="1354836"/>
                  </a:lnTo>
                  <a:close/>
                </a:path>
                <a:path w="8404860" h="1393189">
                  <a:moveTo>
                    <a:pt x="1476756" y="1354836"/>
                  </a:moveTo>
                  <a:lnTo>
                    <a:pt x="1438656" y="1354836"/>
                  </a:lnTo>
                  <a:lnTo>
                    <a:pt x="1438656" y="1392936"/>
                  </a:lnTo>
                  <a:lnTo>
                    <a:pt x="1476756" y="1392936"/>
                  </a:lnTo>
                  <a:lnTo>
                    <a:pt x="1476756" y="1354836"/>
                  </a:lnTo>
                  <a:close/>
                </a:path>
                <a:path w="8404860" h="1393189">
                  <a:moveTo>
                    <a:pt x="1400556" y="1354836"/>
                  </a:moveTo>
                  <a:lnTo>
                    <a:pt x="1362456" y="1354836"/>
                  </a:lnTo>
                  <a:lnTo>
                    <a:pt x="1362456" y="1392936"/>
                  </a:lnTo>
                  <a:lnTo>
                    <a:pt x="1400556" y="1392936"/>
                  </a:lnTo>
                  <a:lnTo>
                    <a:pt x="1400556" y="1354836"/>
                  </a:lnTo>
                  <a:close/>
                </a:path>
                <a:path w="8404860" h="1393189">
                  <a:moveTo>
                    <a:pt x="1324356" y="1354836"/>
                  </a:moveTo>
                  <a:lnTo>
                    <a:pt x="1286256" y="1354836"/>
                  </a:lnTo>
                  <a:lnTo>
                    <a:pt x="1286256" y="1392936"/>
                  </a:lnTo>
                  <a:lnTo>
                    <a:pt x="1324356" y="1392936"/>
                  </a:lnTo>
                  <a:lnTo>
                    <a:pt x="1324356" y="1354836"/>
                  </a:lnTo>
                  <a:close/>
                </a:path>
                <a:path w="8404860" h="1393189">
                  <a:moveTo>
                    <a:pt x="1248156" y="1354836"/>
                  </a:moveTo>
                  <a:lnTo>
                    <a:pt x="1210056" y="1354836"/>
                  </a:lnTo>
                  <a:lnTo>
                    <a:pt x="1210056" y="1392936"/>
                  </a:lnTo>
                  <a:lnTo>
                    <a:pt x="1248156" y="1392936"/>
                  </a:lnTo>
                  <a:lnTo>
                    <a:pt x="1248156" y="1354836"/>
                  </a:lnTo>
                  <a:close/>
                </a:path>
                <a:path w="8404860" h="1393189">
                  <a:moveTo>
                    <a:pt x="1171956" y="1354836"/>
                  </a:moveTo>
                  <a:lnTo>
                    <a:pt x="1133856" y="1354836"/>
                  </a:lnTo>
                  <a:lnTo>
                    <a:pt x="1133856" y="1392936"/>
                  </a:lnTo>
                  <a:lnTo>
                    <a:pt x="1171956" y="1392936"/>
                  </a:lnTo>
                  <a:lnTo>
                    <a:pt x="1171956" y="1354836"/>
                  </a:lnTo>
                  <a:close/>
                </a:path>
                <a:path w="8404860" h="1393189">
                  <a:moveTo>
                    <a:pt x="1095756" y="1354836"/>
                  </a:moveTo>
                  <a:lnTo>
                    <a:pt x="1057656" y="1354836"/>
                  </a:lnTo>
                  <a:lnTo>
                    <a:pt x="1057656" y="1392936"/>
                  </a:lnTo>
                  <a:lnTo>
                    <a:pt x="1095756" y="1392936"/>
                  </a:lnTo>
                  <a:lnTo>
                    <a:pt x="1095756" y="1354836"/>
                  </a:lnTo>
                  <a:close/>
                </a:path>
                <a:path w="8404860" h="1393189">
                  <a:moveTo>
                    <a:pt x="1019556" y="1354836"/>
                  </a:moveTo>
                  <a:lnTo>
                    <a:pt x="981456" y="1354836"/>
                  </a:lnTo>
                  <a:lnTo>
                    <a:pt x="981456" y="1392936"/>
                  </a:lnTo>
                  <a:lnTo>
                    <a:pt x="1019556" y="1392936"/>
                  </a:lnTo>
                  <a:lnTo>
                    <a:pt x="1019556" y="1354836"/>
                  </a:lnTo>
                  <a:close/>
                </a:path>
                <a:path w="8404860" h="1393189">
                  <a:moveTo>
                    <a:pt x="943356" y="1354836"/>
                  </a:moveTo>
                  <a:lnTo>
                    <a:pt x="905256" y="1354836"/>
                  </a:lnTo>
                  <a:lnTo>
                    <a:pt x="905256" y="1392936"/>
                  </a:lnTo>
                  <a:lnTo>
                    <a:pt x="943356" y="1392936"/>
                  </a:lnTo>
                  <a:lnTo>
                    <a:pt x="943356" y="1354836"/>
                  </a:lnTo>
                  <a:close/>
                </a:path>
                <a:path w="8404860" h="1393189">
                  <a:moveTo>
                    <a:pt x="867156" y="1354836"/>
                  </a:moveTo>
                  <a:lnTo>
                    <a:pt x="829056" y="1354836"/>
                  </a:lnTo>
                  <a:lnTo>
                    <a:pt x="829056" y="1392936"/>
                  </a:lnTo>
                  <a:lnTo>
                    <a:pt x="867156" y="1392936"/>
                  </a:lnTo>
                  <a:lnTo>
                    <a:pt x="867156" y="1354836"/>
                  </a:lnTo>
                  <a:close/>
                </a:path>
                <a:path w="8404860" h="1393189">
                  <a:moveTo>
                    <a:pt x="790956" y="1354836"/>
                  </a:moveTo>
                  <a:lnTo>
                    <a:pt x="752856" y="1354836"/>
                  </a:lnTo>
                  <a:lnTo>
                    <a:pt x="752856" y="1392936"/>
                  </a:lnTo>
                  <a:lnTo>
                    <a:pt x="790956" y="1392936"/>
                  </a:lnTo>
                  <a:lnTo>
                    <a:pt x="790956" y="1354836"/>
                  </a:lnTo>
                  <a:close/>
                </a:path>
                <a:path w="8404860" h="1393189">
                  <a:moveTo>
                    <a:pt x="714756" y="1354836"/>
                  </a:moveTo>
                  <a:lnTo>
                    <a:pt x="676656" y="1354836"/>
                  </a:lnTo>
                  <a:lnTo>
                    <a:pt x="676656" y="1392936"/>
                  </a:lnTo>
                  <a:lnTo>
                    <a:pt x="714756" y="1392936"/>
                  </a:lnTo>
                  <a:lnTo>
                    <a:pt x="714756" y="1354836"/>
                  </a:lnTo>
                  <a:close/>
                </a:path>
                <a:path w="8404860" h="1393189">
                  <a:moveTo>
                    <a:pt x="638556" y="1354836"/>
                  </a:moveTo>
                  <a:lnTo>
                    <a:pt x="600456" y="1354836"/>
                  </a:lnTo>
                  <a:lnTo>
                    <a:pt x="600456" y="1392936"/>
                  </a:lnTo>
                  <a:lnTo>
                    <a:pt x="638556" y="1392936"/>
                  </a:lnTo>
                  <a:lnTo>
                    <a:pt x="638556" y="1354836"/>
                  </a:lnTo>
                  <a:close/>
                </a:path>
                <a:path w="8404860" h="1393189">
                  <a:moveTo>
                    <a:pt x="562356" y="1354836"/>
                  </a:moveTo>
                  <a:lnTo>
                    <a:pt x="524256" y="1354836"/>
                  </a:lnTo>
                  <a:lnTo>
                    <a:pt x="524256" y="1392936"/>
                  </a:lnTo>
                  <a:lnTo>
                    <a:pt x="562356" y="1392936"/>
                  </a:lnTo>
                  <a:lnTo>
                    <a:pt x="562356" y="1354836"/>
                  </a:lnTo>
                  <a:close/>
                </a:path>
                <a:path w="8404860" h="1393189">
                  <a:moveTo>
                    <a:pt x="486156" y="1354836"/>
                  </a:moveTo>
                  <a:lnTo>
                    <a:pt x="448056" y="1354836"/>
                  </a:lnTo>
                  <a:lnTo>
                    <a:pt x="448056" y="1392936"/>
                  </a:lnTo>
                  <a:lnTo>
                    <a:pt x="486156" y="1392936"/>
                  </a:lnTo>
                  <a:lnTo>
                    <a:pt x="486156" y="1354836"/>
                  </a:lnTo>
                  <a:close/>
                </a:path>
                <a:path w="8404860" h="1393189">
                  <a:moveTo>
                    <a:pt x="409956" y="1354836"/>
                  </a:moveTo>
                  <a:lnTo>
                    <a:pt x="371856" y="1354836"/>
                  </a:lnTo>
                  <a:lnTo>
                    <a:pt x="371856" y="1392936"/>
                  </a:lnTo>
                  <a:lnTo>
                    <a:pt x="409956" y="1392936"/>
                  </a:lnTo>
                  <a:lnTo>
                    <a:pt x="409956" y="1354836"/>
                  </a:lnTo>
                  <a:close/>
                </a:path>
                <a:path w="8404860" h="1393189">
                  <a:moveTo>
                    <a:pt x="333756" y="1354836"/>
                  </a:moveTo>
                  <a:lnTo>
                    <a:pt x="295656" y="1354836"/>
                  </a:lnTo>
                  <a:lnTo>
                    <a:pt x="295656" y="1392936"/>
                  </a:lnTo>
                  <a:lnTo>
                    <a:pt x="333756" y="1392936"/>
                  </a:lnTo>
                  <a:lnTo>
                    <a:pt x="333756" y="1354836"/>
                  </a:lnTo>
                  <a:close/>
                </a:path>
                <a:path w="8404860" h="1393189">
                  <a:moveTo>
                    <a:pt x="257556" y="1354836"/>
                  </a:moveTo>
                  <a:lnTo>
                    <a:pt x="219456" y="1354836"/>
                  </a:lnTo>
                  <a:lnTo>
                    <a:pt x="219456" y="1392936"/>
                  </a:lnTo>
                  <a:lnTo>
                    <a:pt x="257556" y="1392936"/>
                  </a:lnTo>
                  <a:lnTo>
                    <a:pt x="257556" y="1354836"/>
                  </a:lnTo>
                  <a:close/>
                </a:path>
                <a:path w="8404860" h="1393189">
                  <a:moveTo>
                    <a:pt x="181356" y="1354836"/>
                  </a:moveTo>
                  <a:lnTo>
                    <a:pt x="143256" y="1354836"/>
                  </a:lnTo>
                  <a:lnTo>
                    <a:pt x="143256" y="1392936"/>
                  </a:lnTo>
                  <a:lnTo>
                    <a:pt x="181356" y="1392936"/>
                  </a:lnTo>
                  <a:lnTo>
                    <a:pt x="181356" y="1354836"/>
                  </a:lnTo>
                  <a:close/>
                </a:path>
                <a:path w="8404860" h="1393189">
                  <a:moveTo>
                    <a:pt x="105156" y="1354836"/>
                  </a:moveTo>
                  <a:lnTo>
                    <a:pt x="67056" y="1354836"/>
                  </a:lnTo>
                  <a:lnTo>
                    <a:pt x="67056" y="1392936"/>
                  </a:lnTo>
                  <a:lnTo>
                    <a:pt x="105156" y="1392936"/>
                  </a:lnTo>
                  <a:lnTo>
                    <a:pt x="105156" y="1354836"/>
                  </a:lnTo>
                  <a:close/>
                </a:path>
              </a:pathLst>
            </a:custGeom>
            <a:solidFill>
              <a:srgbClr val="E46B0A"/>
            </a:solidFill>
          </p:spPr>
          <p:txBody>
            <a:bodyPr wrap="square" lIns="0" tIns="0" rIns="0" bIns="0" rtlCol="0"/>
            <a:lstStyle/>
            <a:p>
              <a:endParaRPr sz="1749"/>
            </a:p>
          </p:txBody>
        </p:sp>
        <p:sp>
          <p:nvSpPr>
            <p:cNvPr id="38" name="object 38"/>
            <p:cNvSpPr/>
            <p:nvPr/>
          </p:nvSpPr>
          <p:spPr>
            <a:xfrm>
              <a:off x="8459724" y="3054095"/>
              <a:ext cx="1691639" cy="1102360"/>
            </a:xfrm>
            <a:custGeom>
              <a:avLst/>
              <a:gdLst/>
              <a:ahLst/>
              <a:cxnLst/>
              <a:rect l="l" t="t" r="r" b="b"/>
              <a:pathLst>
                <a:path w="1691640" h="1102360">
                  <a:moveTo>
                    <a:pt x="1540764" y="0"/>
                  </a:moveTo>
                  <a:lnTo>
                    <a:pt x="149351" y="0"/>
                  </a:lnTo>
                  <a:lnTo>
                    <a:pt x="102217" y="7790"/>
                  </a:lnTo>
                  <a:lnTo>
                    <a:pt x="61228" y="29407"/>
                  </a:lnTo>
                  <a:lnTo>
                    <a:pt x="28870" y="62215"/>
                  </a:lnTo>
                  <a:lnTo>
                    <a:pt x="7632" y="103583"/>
                  </a:lnTo>
                  <a:lnTo>
                    <a:pt x="0" y="150875"/>
                  </a:lnTo>
                  <a:lnTo>
                    <a:pt x="0" y="952500"/>
                  </a:lnTo>
                  <a:lnTo>
                    <a:pt x="7632" y="999634"/>
                  </a:lnTo>
                  <a:lnTo>
                    <a:pt x="28870" y="1040623"/>
                  </a:lnTo>
                  <a:lnTo>
                    <a:pt x="61228" y="1072981"/>
                  </a:lnTo>
                  <a:lnTo>
                    <a:pt x="102217" y="1094219"/>
                  </a:lnTo>
                  <a:lnTo>
                    <a:pt x="149351" y="1101852"/>
                  </a:lnTo>
                  <a:lnTo>
                    <a:pt x="1540764" y="1101852"/>
                  </a:lnTo>
                  <a:lnTo>
                    <a:pt x="1588641" y="1094219"/>
                  </a:lnTo>
                  <a:lnTo>
                    <a:pt x="1630082" y="1072981"/>
                  </a:lnTo>
                  <a:lnTo>
                    <a:pt x="1662671" y="1040623"/>
                  </a:lnTo>
                  <a:lnTo>
                    <a:pt x="1683995" y="999634"/>
                  </a:lnTo>
                  <a:lnTo>
                    <a:pt x="1691640" y="952500"/>
                  </a:lnTo>
                  <a:lnTo>
                    <a:pt x="1691640" y="150875"/>
                  </a:lnTo>
                  <a:lnTo>
                    <a:pt x="1683995" y="103583"/>
                  </a:lnTo>
                  <a:lnTo>
                    <a:pt x="1662671" y="62215"/>
                  </a:lnTo>
                  <a:lnTo>
                    <a:pt x="1630082" y="29407"/>
                  </a:lnTo>
                  <a:lnTo>
                    <a:pt x="1588641" y="7790"/>
                  </a:lnTo>
                  <a:lnTo>
                    <a:pt x="1540764" y="0"/>
                  </a:lnTo>
                  <a:close/>
                </a:path>
              </a:pathLst>
            </a:custGeom>
            <a:solidFill>
              <a:srgbClr val="FDE9DA"/>
            </a:solidFill>
          </p:spPr>
          <p:txBody>
            <a:bodyPr wrap="square" lIns="0" tIns="0" rIns="0" bIns="0" rtlCol="0"/>
            <a:lstStyle/>
            <a:p>
              <a:endParaRPr sz="1749"/>
            </a:p>
          </p:txBody>
        </p:sp>
        <p:sp>
          <p:nvSpPr>
            <p:cNvPr id="39" name="object 39"/>
            <p:cNvSpPr/>
            <p:nvPr/>
          </p:nvSpPr>
          <p:spPr>
            <a:xfrm>
              <a:off x="8459724" y="3054095"/>
              <a:ext cx="1691639" cy="1102360"/>
            </a:xfrm>
            <a:custGeom>
              <a:avLst/>
              <a:gdLst/>
              <a:ahLst/>
              <a:cxnLst/>
              <a:rect l="l" t="t" r="r" b="b"/>
              <a:pathLst>
                <a:path w="1691640" h="1102360">
                  <a:moveTo>
                    <a:pt x="0" y="150875"/>
                  </a:moveTo>
                  <a:lnTo>
                    <a:pt x="7632" y="103583"/>
                  </a:lnTo>
                  <a:lnTo>
                    <a:pt x="28870" y="62215"/>
                  </a:lnTo>
                  <a:lnTo>
                    <a:pt x="61228" y="29407"/>
                  </a:lnTo>
                  <a:lnTo>
                    <a:pt x="102217" y="7790"/>
                  </a:lnTo>
                  <a:lnTo>
                    <a:pt x="149351" y="0"/>
                  </a:lnTo>
                  <a:lnTo>
                    <a:pt x="1540764" y="0"/>
                  </a:lnTo>
                  <a:lnTo>
                    <a:pt x="1588641" y="7790"/>
                  </a:lnTo>
                  <a:lnTo>
                    <a:pt x="1630082" y="29407"/>
                  </a:lnTo>
                  <a:lnTo>
                    <a:pt x="1662671" y="62215"/>
                  </a:lnTo>
                  <a:lnTo>
                    <a:pt x="1683995" y="103583"/>
                  </a:lnTo>
                  <a:lnTo>
                    <a:pt x="1691640" y="150875"/>
                  </a:lnTo>
                  <a:lnTo>
                    <a:pt x="1691640" y="952500"/>
                  </a:lnTo>
                  <a:lnTo>
                    <a:pt x="1683995" y="999634"/>
                  </a:lnTo>
                  <a:lnTo>
                    <a:pt x="1662671" y="1040623"/>
                  </a:lnTo>
                  <a:lnTo>
                    <a:pt x="1630082" y="1072981"/>
                  </a:lnTo>
                  <a:lnTo>
                    <a:pt x="1588641" y="1094219"/>
                  </a:lnTo>
                  <a:lnTo>
                    <a:pt x="1540764" y="1101852"/>
                  </a:lnTo>
                  <a:lnTo>
                    <a:pt x="149351" y="1101852"/>
                  </a:lnTo>
                  <a:lnTo>
                    <a:pt x="102217" y="1094219"/>
                  </a:lnTo>
                  <a:lnTo>
                    <a:pt x="61228" y="1072981"/>
                  </a:lnTo>
                  <a:lnTo>
                    <a:pt x="28870" y="1040623"/>
                  </a:lnTo>
                  <a:lnTo>
                    <a:pt x="7632" y="999634"/>
                  </a:lnTo>
                  <a:lnTo>
                    <a:pt x="0" y="952500"/>
                  </a:lnTo>
                  <a:lnTo>
                    <a:pt x="0" y="150875"/>
                  </a:lnTo>
                  <a:close/>
                </a:path>
              </a:pathLst>
            </a:custGeom>
            <a:ln w="38100">
              <a:solidFill>
                <a:srgbClr val="E46B0A"/>
              </a:solidFill>
            </a:ln>
          </p:spPr>
          <p:txBody>
            <a:bodyPr wrap="square" lIns="0" tIns="0" rIns="0" bIns="0" rtlCol="0"/>
            <a:lstStyle/>
            <a:p>
              <a:endParaRPr sz="1749"/>
            </a:p>
          </p:txBody>
        </p:sp>
      </p:grpSp>
      <p:sp>
        <p:nvSpPr>
          <p:cNvPr id="40" name="object 40"/>
          <p:cNvSpPr txBox="1"/>
          <p:nvPr/>
        </p:nvSpPr>
        <p:spPr>
          <a:xfrm>
            <a:off x="7201387" y="2994280"/>
            <a:ext cx="1479112" cy="574675"/>
          </a:xfrm>
          <a:prstGeom prst="rect">
            <a:avLst/>
          </a:prstGeom>
        </p:spPr>
        <p:txBody>
          <a:bodyPr vert="horz" wrap="square" lIns="0" tIns="10317" rIns="0" bIns="0" rtlCol="0">
            <a:spAutoFit/>
          </a:bodyPr>
          <a:lstStyle/>
          <a:p>
            <a:pPr marL="10860">
              <a:lnSpc>
                <a:spcPts val="2257"/>
              </a:lnSpc>
              <a:spcBef>
                <a:spcPts val="81"/>
              </a:spcBef>
            </a:pPr>
            <a:r>
              <a:rPr sz="1881" b="1" spc="-30" dirty="0">
                <a:solidFill>
                  <a:srgbClr val="E46B0A"/>
                </a:solidFill>
                <a:latin typeface="Meiryo UI"/>
                <a:cs typeface="Meiryo UI"/>
              </a:rPr>
              <a:t>「技術者」</a:t>
            </a:r>
            <a:endParaRPr sz="1881" dirty="0">
              <a:latin typeface="Meiryo UI"/>
              <a:cs typeface="Meiryo UI"/>
            </a:endParaRPr>
          </a:p>
          <a:p>
            <a:pPr marL="117286">
              <a:lnSpc>
                <a:spcPts val="2052"/>
              </a:lnSpc>
            </a:pPr>
            <a:r>
              <a:rPr sz="1710" spc="-26" dirty="0">
                <a:latin typeface="Meiryo UI"/>
                <a:cs typeface="Meiryo UI"/>
              </a:rPr>
              <a:t>を束ねる</a:t>
            </a:r>
            <a:endParaRPr sz="1710" dirty="0">
              <a:latin typeface="Meiryo UI"/>
              <a:cs typeface="Meiryo UI"/>
            </a:endParaRPr>
          </a:p>
        </p:txBody>
      </p:sp>
      <p:sp>
        <p:nvSpPr>
          <p:cNvPr id="41" name="object 41"/>
          <p:cNvSpPr/>
          <p:nvPr/>
        </p:nvSpPr>
        <p:spPr>
          <a:xfrm>
            <a:off x="372710" y="2691073"/>
            <a:ext cx="377922" cy="1167978"/>
          </a:xfrm>
          <a:custGeom>
            <a:avLst/>
            <a:gdLst/>
            <a:ahLst/>
            <a:cxnLst/>
            <a:rect l="l" t="t" r="r" b="b"/>
            <a:pathLst>
              <a:path w="441959" h="1365885">
                <a:moveTo>
                  <a:pt x="441960" y="0"/>
                </a:moveTo>
                <a:lnTo>
                  <a:pt x="0" y="0"/>
                </a:lnTo>
                <a:lnTo>
                  <a:pt x="0" y="1365503"/>
                </a:lnTo>
                <a:lnTo>
                  <a:pt x="441960" y="1365503"/>
                </a:lnTo>
                <a:lnTo>
                  <a:pt x="441960" y="0"/>
                </a:lnTo>
                <a:close/>
              </a:path>
            </a:pathLst>
          </a:custGeom>
          <a:solidFill>
            <a:srgbClr val="31859C"/>
          </a:solidFill>
        </p:spPr>
        <p:txBody>
          <a:bodyPr wrap="square" lIns="0" tIns="0" rIns="0" bIns="0" rtlCol="0"/>
          <a:lstStyle/>
          <a:p>
            <a:endParaRPr sz="1749"/>
          </a:p>
        </p:txBody>
      </p:sp>
      <p:sp>
        <p:nvSpPr>
          <p:cNvPr id="42" name="object 42"/>
          <p:cNvSpPr txBox="1"/>
          <p:nvPr/>
        </p:nvSpPr>
        <p:spPr>
          <a:xfrm>
            <a:off x="470861" y="2742225"/>
            <a:ext cx="221023" cy="1063180"/>
          </a:xfrm>
          <a:prstGeom prst="rect">
            <a:avLst/>
          </a:prstGeom>
        </p:spPr>
        <p:txBody>
          <a:bodyPr vert="eaVert" wrap="square" lIns="0" tIns="0" rIns="0" bIns="0" rtlCol="0">
            <a:spAutoFit/>
          </a:bodyPr>
          <a:lstStyle/>
          <a:p>
            <a:pPr marL="10860">
              <a:lnSpc>
                <a:spcPct val="60000"/>
              </a:lnSpc>
            </a:pPr>
            <a:r>
              <a:rPr sz="2052" b="1" dirty="0">
                <a:solidFill>
                  <a:srgbClr val="FFFFFF"/>
                </a:solidFill>
                <a:latin typeface="Meiryo UI"/>
                <a:cs typeface="Meiryo UI"/>
              </a:rPr>
              <a:t>３つ</a:t>
            </a:r>
            <a:r>
              <a:rPr sz="2052" b="1" spc="-13" dirty="0">
                <a:solidFill>
                  <a:srgbClr val="FFFFFF"/>
                </a:solidFill>
                <a:latin typeface="Meiryo UI"/>
                <a:cs typeface="Meiryo UI"/>
              </a:rPr>
              <a:t>の</a:t>
            </a:r>
            <a:r>
              <a:rPr sz="2052" b="1" dirty="0">
                <a:solidFill>
                  <a:srgbClr val="FFFFFF"/>
                </a:solidFill>
                <a:latin typeface="Meiryo UI"/>
                <a:cs typeface="Meiryo UI"/>
              </a:rPr>
              <a:t>束</a:t>
            </a:r>
            <a:endParaRPr sz="2052">
              <a:latin typeface="Meiryo UI"/>
              <a:cs typeface="Meiryo UI"/>
            </a:endParaRPr>
          </a:p>
        </p:txBody>
      </p:sp>
      <p:grpSp>
        <p:nvGrpSpPr>
          <p:cNvPr id="43" name="object 43"/>
          <p:cNvGrpSpPr/>
          <p:nvPr/>
        </p:nvGrpSpPr>
        <p:grpSpPr>
          <a:xfrm>
            <a:off x="2929555" y="3903032"/>
            <a:ext cx="5767670" cy="2100296"/>
            <a:chOff x="3425952" y="4335779"/>
            <a:chExt cx="6744970" cy="2456180"/>
          </a:xfrm>
        </p:grpSpPr>
        <p:sp>
          <p:nvSpPr>
            <p:cNvPr id="44" name="object 44"/>
            <p:cNvSpPr/>
            <p:nvPr/>
          </p:nvSpPr>
          <p:spPr>
            <a:xfrm>
              <a:off x="3425952" y="4335779"/>
              <a:ext cx="4650105" cy="228600"/>
            </a:xfrm>
            <a:custGeom>
              <a:avLst/>
              <a:gdLst/>
              <a:ahLst/>
              <a:cxnLst/>
              <a:rect l="l" t="t" r="r" b="b"/>
              <a:pathLst>
                <a:path w="4650105" h="228600">
                  <a:moveTo>
                    <a:pt x="1008888" y="12192"/>
                  </a:moveTo>
                  <a:lnTo>
                    <a:pt x="0" y="12192"/>
                  </a:lnTo>
                  <a:lnTo>
                    <a:pt x="504444" y="228600"/>
                  </a:lnTo>
                  <a:lnTo>
                    <a:pt x="1008888" y="12192"/>
                  </a:lnTo>
                  <a:close/>
                </a:path>
                <a:path w="4650105" h="228600">
                  <a:moveTo>
                    <a:pt x="4649724" y="0"/>
                  </a:moveTo>
                  <a:lnTo>
                    <a:pt x="3642360" y="0"/>
                  </a:lnTo>
                  <a:lnTo>
                    <a:pt x="4146804" y="216408"/>
                  </a:lnTo>
                  <a:lnTo>
                    <a:pt x="4649724" y="0"/>
                  </a:lnTo>
                  <a:close/>
                </a:path>
              </a:pathLst>
            </a:custGeom>
            <a:solidFill>
              <a:srgbClr val="366091"/>
            </a:solidFill>
          </p:spPr>
          <p:txBody>
            <a:bodyPr wrap="square" lIns="0" tIns="0" rIns="0" bIns="0" rtlCol="0"/>
            <a:lstStyle/>
            <a:p>
              <a:endParaRPr sz="1749"/>
            </a:p>
          </p:txBody>
        </p:sp>
        <p:sp>
          <p:nvSpPr>
            <p:cNvPr id="45" name="object 45"/>
            <p:cNvSpPr/>
            <p:nvPr/>
          </p:nvSpPr>
          <p:spPr>
            <a:xfrm>
              <a:off x="8459723" y="4591811"/>
              <a:ext cx="1691639" cy="2181225"/>
            </a:xfrm>
            <a:custGeom>
              <a:avLst/>
              <a:gdLst/>
              <a:ahLst/>
              <a:cxnLst/>
              <a:rect l="l" t="t" r="r" b="b"/>
              <a:pathLst>
                <a:path w="1691640" h="2181225">
                  <a:moveTo>
                    <a:pt x="1534668" y="0"/>
                  </a:moveTo>
                  <a:lnTo>
                    <a:pt x="156972" y="0"/>
                  </a:lnTo>
                  <a:lnTo>
                    <a:pt x="107289" y="7985"/>
                  </a:lnTo>
                  <a:lnTo>
                    <a:pt x="64190" y="30236"/>
                  </a:lnTo>
                  <a:lnTo>
                    <a:pt x="30236" y="64190"/>
                  </a:lnTo>
                  <a:lnTo>
                    <a:pt x="7985" y="107289"/>
                  </a:lnTo>
                  <a:lnTo>
                    <a:pt x="0" y="156972"/>
                  </a:lnTo>
                  <a:lnTo>
                    <a:pt x="0" y="2023877"/>
                  </a:lnTo>
                  <a:lnTo>
                    <a:pt x="7985" y="2073559"/>
                  </a:lnTo>
                  <a:lnTo>
                    <a:pt x="30236" y="2116658"/>
                  </a:lnTo>
                  <a:lnTo>
                    <a:pt x="64190" y="2150612"/>
                  </a:lnTo>
                  <a:lnTo>
                    <a:pt x="107289" y="2172863"/>
                  </a:lnTo>
                  <a:lnTo>
                    <a:pt x="156972" y="2180849"/>
                  </a:lnTo>
                  <a:lnTo>
                    <a:pt x="1534668" y="2180849"/>
                  </a:lnTo>
                  <a:lnTo>
                    <a:pt x="1584350" y="2172863"/>
                  </a:lnTo>
                  <a:lnTo>
                    <a:pt x="1627449" y="2150612"/>
                  </a:lnTo>
                  <a:lnTo>
                    <a:pt x="1661403" y="2116658"/>
                  </a:lnTo>
                  <a:lnTo>
                    <a:pt x="1683654" y="2073559"/>
                  </a:lnTo>
                  <a:lnTo>
                    <a:pt x="1691640" y="2023877"/>
                  </a:lnTo>
                  <a:lnTo>
                    <a:pt x="1691640" y="156972"/>
                  </a:lnTo>
                  <a:lnTo>
                    <a:pt x="1683654" y="107289"/>
                  </a:lnTo>
                  <a:lnTo>
                    <a:pt x="1661403" y="64190"/>
                  </a:lnTo>
                  <a:lnTo>
                    <a:pt x="1627449" y="30236"/>
                  </a:lnTo>
                  <a:lnTo>
                    <a:pt x="1584350" y="7985"/>
                  </a:lnTo>
                  <a:lnTo>
                    <a:pt x="1534668" y="0"/>
                  </a:lnTo>
                  <a:close/>
                </a:path>
              </a:pathLst>
            </a:custGeom>
            <a:solidFill>
              <a:srgbClr val="DBE6F2"/>
            </a:solidFill>
          </p:spPr>
          <p:txBody>
            <a:bodyPr wrap="square" lIns="0" tIns="0" rIns="0" bIns="0" rtlCol="0"/>
            <a:lstStyle/>
            <a:p>
              <a:endParaRPr sz="1749"/>
            </a:p>
          </p:txBody>
        </p:sp>
        <p:sp>
          <p:nvSpPr>
            <p:cNvPr id="46" name="object 46"/>
            <p:cNvSpPr/>
            <p:nvPr/>
          </p:nvSpPr>
          <p:spPr>
            <a:xfrm>
              <a:off x="8459723" y="4591811"/>
              <a:ext cx="1691639" cy="2181225"/>
            </a:xfrm>
            <a:custGeom>
              <a:avLst/>
              <a:gdLst/>
              <a:ahLst/>
              <a:cxnLst/>
              <a:rect l="l" t="t" r="r" b="b"/>
              <a:pathLst>
                <a:path w="1691640" h="2181225">
                  <a:moveTo>
                    <a:pt x="0" y="156972"/>
                  </a:moveTo>
                  <a:lnTo>
                    <a:pt x="7985" y="107289"/>
                  </a:lnTo>
                  <a:lnTo>
                    <a:pt x="30236" y="64190"/>
                  </a:lnTo>
                  <a:lnTo>
                    <a:pt x="64190" y="30236"/>
                  </a:lnTo>
                  <a:lnTo>
                    <a:pt x="107289" y="7985"/>
                  </a:lnTo>
                  <a:lnTo>
                    <a:pt x="156972" y="0"/>
                  </a:lnTo>
                  <a:lnTo>
                    <a:pt x="1534668" y="0"/>
                  </a:lnTo>
                  <a:lnTo>
                    <a:pt x="1584350" y="7985"/>
                  </a:lnTo>
                  <a:lnTo>
                    <a:pt x="1627449" y="30236"/>
                  </a:lnTo>
                  <a:lnTo>
                    <a:pt x="1661403" y="64190"/>
                  </a:lnTo>
                  <a:lnTo>
                    <a:pt x="1683654" y="107289"/>
                  </a:lnTo>
                  <a:lnTo>
                    <a:pt x="1691640" y="156972"/>
                  </a:lnTo>
                  <a:lnTo>
                    <a:pt x="1691640" y="2023877"/>
                  </a:lnTo>
                  <a:lnTo>
                    <a:pt x="1683654" y="2073559"/>
                  </a:lnTo>
                  <a:lnTo>
                    <a:pt x="1661403" y="2116658"/>
                  </a:lnTo>
                  <a:lnTo>
                    <a:pt x="1627449" y="2150612"/>
                  </a:lnTo>
                  <a:lnTo>
                    <a:pt x="1584350" y="2172863"/>
                  </a:lnTo>
                  <a:lnTo>
                    <a:pt x="1534668" y="2180849"/>
                  </a:lnTo>
                  <a:lnTo>
                    <a:pt x="156972" y="2180849"/>
                  </a:lnTo>
                  <a:lnTo>
                    <a:pt x="107289" y="2172863"/>
                  </a:lnTo>
                  <a:lnTo>
                    <a:pt x="64190" y="2150612"/>
                  </a:lnTo>
                  <a:lnTo>
                    <a:pt x="30236" y="2116658"/>
                  </a:lnTo>
                  <a:lnTo>
                    <a:pt x="7985" y="2073559"/>
                  </a:lnTo>
                  <a:lnTo>
                    <a:pt x="0" y="2023877"/>
                  </a:lnTo>
                  <a:lnTo>
                    <a:pt x="0" y="156972"/>
                  </a:lnTo>
                  <a:close/>
                </a:path>
              </a:pathLst>
            </a:custGeom>
            <a:ln w="38100">
              <a:solidFill>
                <a:srgbClr val="0070BF"/>
              </a:solidFill>
            </a:ln>
          </p:spPr>
          <p:txBody>
            <a:bodyPr wrap="square" lIns="0" tIns="0" rIns="0" bIns="0" rtlCol="0"/>
            <a:lstStyle/>
            <a:p>
              <a:endParaRPr sz="1749"/>
            </a:p>
          </p:txBody>
        </p:sp>
      </p:grpSp>
      <p:sp>
        <p:nvSpPr>
          <p:cNvPr id="47" name="object 47"/>
          <p:cNvSpPr txBox="1"/>
          <p:nvPr/>
        </p:nvSpPr>
        <p:spPr>
          <a:xfrm>
            <a:off x="7271325" y="4614137"/>
            <a:ext cx="1372686" cy="1457609"/>
          </a:xfrm>
          <a:prstGeom prst="rect">
            <a:avLst/>
          </a:prstGeom>
        </p:spPr>
        <p:txBody>
          <a:bodyPr vert="horz" wrap="square" lIns="0" tIns="10317" rIns="0" bIns="0" rtlCol="0">
            <a:spAutoFit/>
          </a:bodyPr>
          <a:lstStyle/>
          <a:p>
            <a:pPr marL="208508" marR="4344" indent="-198191">
              <a:spcBef>
                <a:spcPts val="81"/>
              </a:spcBef>
            </a:pPr>
            <a:r>
              <a:rPr sz="1881" b="1" spc="-30" dirty="0">
                <a:latin typeface="Meiryo UI"/>
                <a:cs typeface="Meiryo UI"/>
              </a:rPr>
              <a:t>技術的体制、人材育成</a:t>
            </a:r>
            <a:endParaRPr sz="1881">
              <a:latin typeface="Meiryo UI"/>
              <a:cs typeface="Meiryo UI"/>
            </a:endParaRPr>
          </a:p>
          <a:p>
            <a:pPr marL="17376"/>
            <a:r>
              <a:rPr sz="1881" b="1" spc="-30" dirty="0">
                <a:latin typeface="Meiryo UI"/>
                <a:cs typeface="Meiryo UI"/>
              </a:rPr>
              <a:t>(学との連携)</a:t>
            </a:r>
            <a:endParaRPr sz="1881">
              <a:latin typeface="Meiryo UI"/>
              <a:cs typeface="Meiryo UI"/>
            </a:endParaRPr>
          </a:p>
        </p:txBody>
      </p:sp>
      <p:grpSp>
        <p:nvGrpSpPr>
          <p:cNvPr id="48" name="object 48"/>
          <p:cNvGrpSpPr/>
          <p:nvPr/>
        </p:nvGrpSpPr>
        <p:grpSpPr>
          <a:xfrm>
            <a:off x="1120629" y="3903032"/>
            <a:ext cx="7309770" cy="2251248"/>
            <a:chOff x="1310513" y="4335779"/>
            <a:chExt cx="8548370" cy="2632710"/>
          </a:xfrm>
        </p:grpSpPr>
        <p:sp>
          <p:nvSpPr>
            <p:cNvPr id="49" name="object 49"/>
            <p:cNvSpPr/>
            <p:nvPr/>
          </p:nvSpPr>
          <p:spPr>
            <a:xfrm>
              <a:off x="8851392" y="4335779"/>
              <a:ext cx="1007744" cy="216535"/>
            </a:xfrm>
            <a:custGeom>
              <a:avLst/>
              <a:gdLst/>
              <a:ahLst/>
              <a:cxnLst/>
              <a:rect l="l" t="t" r="r" b="b"/>
              <a:pathLst>
                <a:path w="1007745" h="216535">
                  <a:moveTo>
                    <a:pt x="1007363" y="0"/>
                  </a:moveTo>
                  <a:lnTo>
                    <a:pt x="0" y="0"/>
                  </a:lnTo>
                  <a:lnTo>
                    <a:pt x="502919" y="216407"/>
                  </a:lnTo>
                  <a:lnTo>
                    <a:pt x="1007363" y="0"/>
                  </a:lnTo>
                  <a:close/>
                </a:path>
              </a:pathLst>
            </a:custGeom>
            <a:solidFill>
              <a:srgbClr val="366091"/>
            </a:solidFill>
          </p:spPr>
          <p:txBody>
            <a:bodyPr wrap="square" lIns="0" tIns="0" rIns="0" bIns="0" rtlCol="0"/>
            <a:lstStyle/>
            <a:p>
              <a:endParaRPr sz="1749"/>
            </a:p>
          </p:txBody>
        </p:sp>
        <p:sp>
          <p:nvSpPr>
            <p:cNvPr id="50" name="object 50"/>
            <p:cNvSpPr/>
            <p:nvPr/>
          </p:nvSpPr>
          <p:spPr>
            <a:xfrm>
              <a:off x="3368039" y="6777233"/>
              <a:ext cx="4898390" cy="186055"/>
            </a:xfrm>
            <a:custGeom>
              <a:avLst/>
              <a:gdLst/>
              <a:ahLst/>
              <a:cxnLst/>
              <a:rect l="l" t="t" r="r" b="b"/>
              <a:pathLst>
                <a:path w="4898390" h="186054">
                  <a:moveTo>
                    <a:pt x="4898136" y="0"/>
                  </a:moveTo>
                  <a:lnTo>
                    <a:pt x="4894659" y="35742"/>
                  </a:lnTo>
                  <a:lnTo>
                    <a:pt x="4885182" y="65341"/>
                  </a:lnTo>
                  <a:lnTo>
                    <a:pt x="4871132" y="85510"/>
                  </a:lnTo>
                  <a:lnTo>
                    <a:pt x="4853940" y="92963"/>
                  </a:lnTo>
                  <a:lnTo>
                    <a:pt x="2491740" y="92963"/>
                  </a:lnTo>
                  <a:lnTo>
                    <a:pt x="2475428" y="100202"/>
                  </a:lnTo>
                  <a:lnTo>
                    <a:pt x="2461831" y="120014"/>
                  </a:lnTo>
                  <a:lnTo>
                    <a:pt x="2452520" y="149542"/>
                  </a:lnTo>
                  <a:lnTo>
                    <a:pt x="2449068" y="185927"/>
                  </a:lnTo>
                  <a:lnTo>
                    <a:pt x="2445591" y="149542"/>
                  </a:lnTo>
                  <a:lnTo>
                    <a:pt x="2436114" y="120014"/>
                  </a:lnTo>
                  <a:lnTo>
                    <a:pt x="2422064" y="100202"/>
                  </a:lnTo>
                  <a:lnTo>
                    <a:pt x="2404872" y="92963"/>
                  </a:lnTo>
                  <a:lnTo>
                    <a:pt x="42672" y="92963"/>
                  </a:lnTo>
                  <a:lnTo>
                    <a:pt x="25717" y="85510"/>
                  </a:lnTo>
                  <a:lnTo>
                    <a:pt x="12191" y="65341"/>
                  </a:lnTo>
                  <a:lnTo>
                    <a:pt x="3238" y="35742"/>
                  </a:lnTo>
                  <a:lnTo>
                    <a:pt x="0" y="0"/>
                  </a:lnTo>
                </a:path>
              </a:pathLst>
            </a:custGeom>
            <a:ln w="9144">
              <a:solidFill>
                <a:srgbClr val="00AF4F"/>
              </a:solidFill>
            </a:ln>
          </p:spPr>
          <p:txBody>
            <a:bodyPr wrap="square" lIns="0" tIns="0" rIns="0" bIns="0" rtlCol="0"/>
            <a:lstStyle/>
            <a:p>
              <a:endParaRPr sz="1749"/>
            </a:p>
          </p:txBody>
        </p:sp>
        <p:sp>
          <p:nvSpPr>
            <p:cNvPr id="51" name="object 51"/>
            <p:cNvSpPr/>
            <p:nvPr/>
          </p:nvSpPr>
          <p:spPr>
            <a:xfrm>
              <a:off x="1313688" y="5940551"/>
              <a:ext cx="1720850" cy="539750"/>
            </a:xfrm>
            <a:custGeom>
              <a:avLst/>
              <a:gdLst/>
              <a:ahLst/>
              <a:cxnLst/>
              <a:rect l="l" t="t" r="r" b="b"/>
              <a:pathLst>
                <a:path w="1720850" h="539750">
                  <a:moveTo>
                    <a:pt x="1630680" y="0"/>
                  </a:moveTo>
                  <a:lnTo>
                    <a:pt x="89915" y="0"/>
                  </a:lnTo>
                  <a:lnTo>
                    <a:pt x="54649" y="6977"/>
                  </a:lnTo>
                  <a:lnTo>
                    <a:pt x="26098" y="26098"/>
                  </a:lnTo>
                  <a:lnTo>
                    <a:pt x="6977" y="54649"/>
                  </a:lnTo>
                  <a:lnTo>
                    <a:pt x="0" y="89916"/>
                  </a:lnTo>
                  <a:lnTo>
                    <a:pt x="0" y="449585"/>
                  </a:lnTo>
                  <a:lnTo>
                    <a:pt x="6977" y="484851"/>
                  </a:lnTo>
                  <a:lnTo>
                    <a:pt x="26098" y="513402"/>
                  </a:lnTo>
                  <a:lnTo>
                    <a:pt x="54649" y="532524"/>
                  </a:lnTo>
                  <a:lnTo>
                    <a:pt x="89915" y="539501"/>
                  </a:lnTo>
                  <a:lnTo>
                    <a:pt x="1630680" y="539501"/>
                  </a:lnTo>
                  <a:lnTo>
                    <a:pt x="1665303" y="532524"/>
                  </a:lnTo>
                  <a:lnTo>
                    <a:pt x="1693926" y="513402"/>
                  </a:lnTo>
                  <a:lnTo>
                    <a:pt x="1713404" y="484851"/>
                  </a:lnTo>
                  <a:lnTo>
                    <a:pt x="1720595" y="449585"/>
                  </a:lnTo>
                  <a:lnTo>
                    <a:pt x="1720595" y="89916"/>
                  </a:lnTo>
                  <a:lnTo>
                    <a:pt x="1713404" y="54649"/>
                  </a:lnTo>
                  <a:lnTo>
                    <a:pt x="1693926" y="26098"/>
                  </a:lnTo>
                  <a:lnTo>
                    <a:pt x="1665303" y="6977"/>
                  </a:lnTo>
                  <a:lnTo>
                    <a:pt x="1630680" y="0"/>
                  </a:lnTo>
                  <a:close/>
                </a:path>
              </a:pathLst>
            </a:custGeom>
            <a:solidFill>
              <a:srgbClr val="FFFFFF"/>
            </a:solidFill>
          </p:spPr>
          <p:txBody>
            <a:bodyPr wrap="square" lIns="0" tIns="0" rIns="0" bIns="0" rtlCol="0"/>
            <a:lstStyle/>
            <a:p>
              <a:endParaRPr sz="1749"/>
            </a:p>
          </p:txBody>
        </p:sp>
        <p:sp>
          <p:nvSpPr>
            <p:cNvPr id="52" name="object 52"/>
            <p:cNvSpPr/>
            <p:nvPr/>
          </p:nvSpPr>
          <p:spPr>
            <a:xfrm>
              <a:off x="1313688" y="5940551"/>
              <a:ext cx="1720850" cy="539750"/>
            </a:xfrm>
            <a:custGeom>
              <a:avLst/>
              <a:gdLst/>
              <a:ahLst/>
              <a:cxnLst/>
              <a:rect l="l" t="t" r="r" b="b"/>
              <a:pathLst>
                <a:path w="1720850" h="539750">
                  <a:moveTo>
                    <a:pt x="0" y="89916"/>
                  </a:moveTo>
                  <a:lnTo>
                    <a:pt x="6977" y="54649"/>
                  </a:lnTo>
                  <a:lnTo>
                    <a:pt x="26098" y="26098"/>
                  </a:lnTo>
                  <a:lnTo>
                    <a:pt x="54649" y="6977"/>
                  </a:lnTo>
                  <a:lnTo>
                    <a:pt x="89915" y="0"/>
                  </a:lnTo>
                  <a:lnTo>
                    <a:pt x="1630680" y="0"/>
                  </a:lnTo>
                  <a:lnTo>
                    <a:pt x="1665303" y="6977"/>
                  </a:lnTo>
                  <a:lnTo>
                    <a:pt x="1693926" y="26098"/>
                  </a:lnTo>
                  <a:lnTo>
                    <a:pt x="1713404" y="54649"/>
                  </a:lnTo>
                  <a:lnTo>
                    <a:pt x="1720595" y="89916"/>
                  </a:lnTo>
                  <a:lnTo>
                    <a:pt x="1720595" y="449585"/>
                  </a:lnTo>
                  <a:lnTo>
                    <a:pt x="1713404" y="484851"/>
                  </a:lnTo>
                  <a:lnTo>
                    <a:pt x="1693926" y="513402"/>
                  </a:lnTo>
                  <a:lnTo>
                    <a:pt x="1665303" y="532524"/>
                  </a:lnTo>
                  <a:lnTo>
                    <a:pt x="1630680" y="539501"/>
                  </a:lnTo>
                  <a:lnTo>
                    <a:pt x="89915" y="539501"/>
                  </a:lnTo>
                  <a:lnTo>
                    <a:pt x="54649" y="532524"/>
                  </a:lnTo>
                  <a:lnTo>
                    <a:pt x="26098" y="513402"/>
                  </a:lnTo>
                  <a:lnTo>
                    <a:pt x="6977" y="484851"/>
                  </a:lnTo>
                  <a:lnTo>
                    <a:pt x="0" y="449585"/>
                  </a:lnTo>
                  <a:lnTo>
                    <a:pt x="0" y="89916"/>
                  </a:lnTo>
                  <a:close/>
                </a:path>
              </a:pathLst>
            </a:custGeom>
            <a:ln w="6096">
              <a:solidFill>
                <a:srgbClr val="595959"/>
              </a:solidFill>
            </a:ln>
          </p:spPr>
          <p:txBody>
            <a:bodyPr wrap="square" lIns="0" tIns="0" rIns="0" bIns="0" rtlCol="0"/>
            <a:lstStyle/>
            <a:p>
              <a:endParaRPr sz="1749"/>
            </a:p>
          </p:txBody>
        </p:sp>
      </p:grpSp>
      <p:pic>
        <p:nvPicPr>
          <p:cNvPr id="53" name="object 53"/>
          <p:cNvPicPr/>
          <p:nvPr/>
        </p:nvPicPr>
        <p:blipFill>
          <a:blip r:embed="rId3" cstate="print"/>
          <a:stretch>
            <a:fillRect/>
          </a:stretch>
        </p:blipFill>
        <p:spPr>
          <a:xfrm>
            <a:off x="463933" y="1095976"/>
            <a:ext cx="100345" cy="100345"/>
          </a:xfrm>
          <a:prstGeom prst="rect">
            <a:avLst/>
          </a:prstGeom>
        </p:spPr>
      </p:pic>
      <p:pic>
        <p:nvPicPr>
          <p:cNvPr id="54" name="object 54"/>
          <p:cNvPicPr/>
          <p:nvPr/>
        </p:nvPicPr>
        <p:blipFill>
          <a:blip r:embed="rId4" cstate="print"/>
          <a:stretch>
            <a:fillRect/>
          </a:stretch>
        </p:blipFill>
        <p:spPr>
          <a:xfrm>
            <a:off x="463933" y="1512995"/>
            <a:ext cx="100345" cy="100345"/>
          </a:xfrm>
          <a:prstGeom prst="rect">
            <a:avLst/>
          </a:prstGeom>
        </p:spPr>
      </p:pic>
      <p:sp>
        <p:nvSpPr>
          <p:cNvPr id="55" name="object 55"/>
          <p:cNvSpPr txBox="1"/>
          <p:nvPr/>
        </p:nvSpPr>
        <p:spPr>
          <a:xfrm>
            <a:off x="371408" y="996935"/>
            <a:ext cx="8309420" cy="880954"/>
          </a:xfrm>
          <a:prstGeom prst="rect">
            <a:avLst/>
          </a:prstGeom>
          <a:ln w="25907">
            <a:solidFill>
              <a:srgbClr val="000000"/>
            </a:solidFill>
          </a:ln>
        </p:spPr>
        <p:txBody>
          <a:bodyPr vert="horz" wrap="square" lIns="0" tIns="38552" rIns="0" bIns="0" rtlCol="0">
            <a:spAutoFit/>
          </a:bodyPr>
          <a:lstStyle/>
          <a:p>
            <a:pPr marL="323078" marR="232399">
              <a:spcBef>
                <a:spcPts val="304"/>
              </a:spcBef>
            </a:pPr>
            <a:r>
              <a:rPr sz="1368" spc="-21" dirty="0">
                <a:latin typeface="Meiryo UI"/>
                <a:cs typeface="Meiryo UI"/>
              </a:rPr>
              <a:t>群マネに取り組む上で、</a:t>
            </a:r>
            <a:r>
              <a:rPr sz="1368" dirty="0">
                <a:latin typeface="Meiryo UI"/>
                <a:cs typeface="Meiryo UI"/>
              </a:rPr>
              <a:t>3</a:t>
            </a:r>
            <a:r>
              <a:rPr sz="1368" spc="-13" dirty="0">
                <a:latin typeface="Meiryo UI"/>
                <a:cs typeface="Meiryo UI"/>
              </a:rPr>
              <a:t>つの群</a:t>
            </a:r>
            <a:r>
              <a:rPr sz="1368" spc="-17" dirty="0">
                <a:latin typeface="Meiryo UI"/>
                <a:cs typeface="Meiryo UI"/>
              </a:rPr>
              <a:t>（＝</a:t>
            </a:r>
            <a:r>
              <a:rPr sz="1368" spc="-13" dirty="0">
                <a:latin typeface="Meiryo UI"/>
                <a:cs typeface="Meiryo UI"/>
              </a:rPr>
              <a:t>束ねるもの</a:t>
            </a:r>
            <a:r>
              <a:rPr sz="1368" spc="-21" dirty="0">
                <a:latin typeface="Meiryo UI"/>
                <a:cs typeface="Meiryo UI"/>
              </a:rPr>
              <a:t>）</a:t>
            </a:r>
            <a:r>
              <a:rPr sz="1368" spc="-26" dirty="0">
                <a:latin typeface="Meiryo UI"/>
                <a:cs typeface="Meiryo UI"/>
              </a:rPr>
              <a:t>があると考えられ、地域が抱える課題や期待される効果に応じ、適切な選択が求められる</a:t>
            </a:r>
            <a:endParaRPr sz="1368">
              <a:latin typeface="Meiryo UI"/>
              <a:cs typeface="Meiryo UI"/>
            </a:endParaRPr>
          </a:p>
          <a:p>
            <a:pPr marL="323078" marR="119457"/>
            <a:r>
              <a:rPr sz="1368" spc="-30" dirty="0">
                <a:latin typeface="Meiryo UI"/>
                <a:cs typeface="Meiryo UI"/>
              </a:rPr>
              <a:t>具体的な方策として既存の制度や取組みが存在するが、自治体・事業者間の役割分担の考え方を示すとともに、よ</a:t>
            </a:r>
            <a:r>
              <a:rPr sz="1368" spc="-26" dirty="0">
                <a:latin typeface="Meiryo UI"/>
                <a:cs typeface="Meiryo UI"/>
              </a:rPr>
              <a:t>り群マネの効果を高める方策の検討が必要ではないか</a:t>
            </a:r>
            <a:endParaRPr sz="1368">
              <a:latin typeface="Meiryo UI"/>
              <a:cs typeface="Meiryo UI"/>
            </a:endParaRPr>
          </a:p>
        </p:txBody>
      </p:sp>
      <p:sp>
        <p:nvSpPr>
          <p:cNvPr id="56" name="object 56"/>
          <p:cNvSpPr txBox="1"/>
          <p:nvPr/>
        </p:nvSpPr>
        <p:spPr>
          <a:xfrm>
            <a:off x="1456523" y="5377805"/>
            <a:ext cx="803629" cy="247826"/>
          </a:xfrm>
          <a:prstGeom prst="rect">
            <a:avLst/>
          </a:prstGeom>
        </p:spPr>
        <p:txBody>
          <a:bodyPr vert="horz" wrap="square" lIns="0" tIns="10860" rIns="0" bIns="0" rtlCol="0">
            <a:spAutoFit/>
          </a:bodyPr>
          <a:lstStyle/>
          <a:p>
            <a:pPr marL="10860">
              <a:spcBef>
                <a:spcPts val="86"/>
              </a:spcBef>
            </a:pPr>
            <a:r>
              <a:rPr sz="1539" spc="-13" dirty="0">
                <a:latin typeface="Meiryo UI"/>
                <a:cs typeface="Meiryo UI"/>
              </a:rPr>
              <a:t>垂直連携</a:t>
            </a:r>
            <a:endParaRPr sz="1539">
              <a:latin typeface="Meiryo UI"/>
              <a:cs typeface="Meiryo UI"/>
            </a:endParaRPr>
          </a:p>
        </p:txBody>
      </p:sp>
      <p:grpSp>
        <p:nvGrpSpPr>
          <p:cNvPr id="57" name="object 57"/>
          <p:cNvGrpSpPr/>
          <p:nvPr/>
        </p:nvGrpSpPr>
        <p:grpSpPr>
          <a:xfrm>
            <a:off x="1120736" y="4780075"/>
            <a:ext cx="1476941" cy="466974"/>
            <a:chOff x="1310639" y="5361432"/>
            <a:chExt cx="1727200" cy="546100"/>
          </a:xfrm>
        </p:grpSpPr>
        <p:sp>
          <p:nvSpPr>
            <p:cNvPr id="58" name="object 58"/>
            <p:cNvSpPr/>
            <p:nvPr/>
          </p:nvSpPr>
          <p:spPr>
            <a:xfrm>
              <a:off x="1313687" y="5364480"/>
              <a:ext cx="1720850" cy="539750"/>
            </a:xfrm>
            <a:custGeom>
              <a:avLst/>
              <a:gdLst/>
              <a:ahLst/>
              <a:cxnLst/>
              <a:rect l="l" t="t" r="r" b="b"/>
              <a:pathLst>
                <a:path w="1720850" h="539750">
                  <a:moveTo>
                    <a:pt x="1630680" y="0"/>
                  </a:moveTo>
                  <a:lnTo>
                    <a:pt x="89915" y="0"/>
                  </a:lnTo>
                  <a:lnTo>
                    <a:pt x="54649" y="6977"/>
                  </a:lnTo>
                  <a:lnTo>
                    <a:pt x="26098" y="26098"/>
                  </a:lnTo>
                  <a:lnTo>
                    <a:pt x="6977" y="54649"/>
                  </a:lnTo>
                  <a:lnTo>
                    <a:pt x="0" y="89915"/>
                  </a:lnTo>
                  <a:lnTo>
                    <a:pt x="0" y="449579"/>
                  </a:lnTo>
                  <a:lnTo>
                    <a:pt x="6977" y="484846"/>
                  </a:lnTo>
                  <a:lnTo>
                    <a:pt x="26098" y="513397"/>
                  </a:lnTo>
                  <a:lnTo>
                    <a:pt x="54649" y="532518"/>
                  </a:lnTo>
                  <a:lnTo>
                    <a:pt x="89915" y="539495"/>
                  </a:lnTo>
                  <a:lnTo>
                    <a:pt x="1630680" y="539495"/>
                  </a:lnTo>
                  <a:lnTo>
                    <a:pt x="1665303" y="532518"/>
                  </a:lnTo>
                  <a:lnTo>
                    <a:pt x="1693926" y="513397"/>
                  </a:lnTo>
                  <a:lnTo>
                    <a:pt x="1713404" y="484846"/>
                  </a:lnTo>
                  <a:lnTo>
                    <a:pt x="1720595" y="449579"/>
                  </a:lnTo>
                  <a:lnTo>
                    <a:pt x="1720595" y="89915"/>
                  </a:lnTo>
                  <a:lnTo>
                    <a:pt x="1713404" y="54649"/>
                  </a:lnTo>
                  <a:lnTo>
                    <a:pt x="1693926" y="26098"/>
                  </a:lnTo>
                  <a:lnTo>
                    <a:pt x="1665303" y="6977"/>
                  </a:lnTo>
                  <a:lnTo>
                    <a:pt x="1630680" y="0"/>
                  </a:lnTo>
                  <a:close/>
                </a:path>
              </a:pathLst>
            </a:custGeom>
            <a:solidFill>
              <a:srgbClr val="FFFFFF"/>
            </a:solidFill>
          </p:spPr>
          <p:txBody>
            <a:bodyPr wrap="square" lIns="0" tIns="0" rIns="0" bIns="0" rtlCol="0"/>
            <a:lstStyle/>
            <a:p>
              <a:endParaRPr sz="1749"/>
            </a:p>
          </p:txBody>
        </p:sp>
        <p:sp>
          <p:nvSpPr>
            <p:cNvPr id="59" name="object 59"/>
            <p:cNvSpPr/>
            <p:nvPr/>
          </p:nvSpPr>
          <p:spPr>
            <a:xfrm>
              <a:off x="1313687" y="5364480"/>
              <a:ext cx="1720850" cy="539750"/>
            </a:xfrm>
            <a:custGeom>
              <a:avLst/>
              <a:gdLst/>
              <a:ahLst/>
              <a:cxnLst/>
              <a:rect l="l" t="t" r="r" b="b"/>
              <a:pathLst>
                <a:path w="1720850" h="539750">
                  <a:moveTo>
                    <a:pt x="0" y="89915"/>
                  </a:moveTo>
                  <a:lnTo>
                    <a:pt x="6977" y="54649"/>
                  </a:lnTo>
                  <a:lnTo>
                    <a:pt x="26098" y="26098"/>
                  </a:lnTo>
                  <a:lnTo>
                    <a:pt x="54649" y="6977"/>
                  </a:lnTo>
                  <a:lnTo>
                    <a:pt x="89915" y="0"/>
                  </a:lnTo>
                  <a:lnTo>
                    <a:pt x="1630680" y="0"/>
                  </a:lnTo>
                  <a:lnTo>
                    <a:pt x="1665303" y="6977"/>
                  </a:lnTo>
                  <a:lnTo>
                    <a:pt x="1693926" y="26098"/>
                  </a:lnTo>
                  <a:lnTo>
                    <a:pt x="1713404" y="54649"/>
                  </a:lnTo>
                  <a:lnTo>
                    <a:pt x="1720595" y="89915"/>
                  </a:lnTo>
                  <a:lnTo>
                    <a:pt x="1720595" y="449579"/>
                  </a:lnTo>
                  <a:lnTo>
                    <a:pt x="1713404" y="484846"/>
                  </a:lnTo>
                  <a:lnTo>
                    <a:pt x="1693926" y="513397"/>
                  </a:lnTo>
                  <a:lnTo>
                    <a:pt x="1665303" y="532518"/>
                  </a:lnTo>
                  <a:lnTo>
                    <a:pt x="1630680" y="539495"/>
                  </a:lnTo>
                  <a:lnTo>
                    <a:pt x="89915" y="539495"/>
                  </a:lnTo>
                  <a:lnTo>
                    <a:pt x="54649" y="532518"/>
                  </a:lnTo>
                  <a:lnTo>
                    <a:pt x="26098" y="513397"/>
                  </a:lnTo>
                  <a:lnTo>
                    <a:pt x="6977" y="484846"/>
                  </a:lnTo>
                  <a:lnTo>
                    <a:pt x="0" y="449579"/>
                  </a:lnTo>
                  <a:lnTo>
                    <a:pt x="0" y="89915"/>
                  </a:lnTo>
                  <a:close/>
                </a:path>
              </a:pathLst>
            </a:custGeom>
            <a:ln w="6096">
              <a:solidFill>
                <a:srgbClr val="595959"/>
              </a:solidFill>
            </a:ln>
          </p:spPr>
          <p:txBody>
            <a:bodyPr wrap="square" lIns="0" tIns="0" rIns="0" bIns="0" rtlCol="0"/>
            <a:lstStyle/>
            <a:p>
              <a:endParaRPr sz="1749"/>
            </a:p>
          </p:txBody>
        </p:sp>
      </p:grpSp>
      <p:sp>
        <p:nvSpPr>
          <p:cNvPr id="60" name="object 60"/>
          <p:cNvSpPr txBox="1"/>
          <p:nvPr/>
        </p:nvSpPr>
        <p:spPr>
          <a:xfrm>
            <a:off x="1456523" y="4885197"/>
            <a:ext cx="803629" cy="247826"/>
          </a:xfrm>
          <a:prstGeom prst="rect">
            <a:avLst/>
          </a:prstGeom>
        </p:spPr>
        <p:txBody>
          <a:bodyPr vert="horz" wrap="square" lIns="0" tIns="10860" rIns="0" bIns="0" rtlCol="0">
            <a:spAutoFit/>
          </a:bodyPr>
          <a:lstStyle/>
          <a:p>
            <a:pPr marL="10860">
              <a:spcBef>
                <a:spcPts val="86"/>
              </a:spcBef>
            </a:pPr>
            <a:r>
              <a:rPr sz="1539" spc="-13" dirty="0">
                <a:latin typeface="Meiryo UI"/>
                <a:cs typeface="Meiryo UI"/>
              </a:rPr>
              <a:t>水平連携</a:t>
            </a:r>
            <a:endParaRPr sz="1539">
              <a:latin typeface="Meiryo UI"/>
              <a:cs typeface="Meiryo UI"/>
            </a:endParaRPr>
          </a:p>
        </p:txBody>
      </p:sp>
      <p:sp>
        <p:nvSpPr>
          <p:cNvPr id="68" name="object 68"/>
          <p:cNvSpPr txBox="1">
            <a:spLocks noGrp="1"/>
          </p:cNvSpPr>
          <p:nvPr>
            <p:ph type="sldNum" sz="quarter" idx="7"/>
          </p:nvPr>
        </p:nvSpPr>
        <p:spPr>
          <a:xfrm>
            <a:off x="9962388" y="6895615"/>
            <a:ext cx="388873" cy="339598"/>
          </a:xfrm>
          <a:prstGeom prst="rect">
            <a:avLst/>
          </a:prstGeom>
        </p:spPr>
        <p:txBody>
          <a:bodyPr vert="horz" wrap="square" lIns="0" tIns="0" rIns="0" bIns="0" rtlCol="0">
            <a:spAutoFit/>
          </a:bodyPr>
          <a:lstStyle>
            <a:defPPr>
              <a:defRPr kern="0"/>
            </a:defPPr>
            <a:lvl1pPr>
              <a:defRPr sz="1600" b="0" i="0">
                <a:solidFill>
                  <a:schemeClr val="tx1"/>
                </a:solidFill>
                <a:latin typeface="Meiryo UI"/>
                <a:cs typeface="Meiryo UI"/>
              </a:defRPr>
            </a:lvl1pPr>
          </a:lstStyle>
          <a:p>
            <a:pPr marL="126364">
              <a:spcBef>
                <a:spcPts val="190"/>
              </a:spcBef>
            </a:pPr>
            <a:fld id="{81D60167-4931-47E6-BA6A-407CBD079E47}" type="slidenum">
              <a:rPr lang="en-US" altLang="ja-JP" spc="-50" smtClean="0"/>
              <a:pPr marL="126364">
                <a:spcBef>
                  <a:spcPts val="190"/>
                </a:spcBef>
              </a:pPr>
              <a:t>14</a:t>
            </a:fld>
            <a:endParaRPr spc="-43" dirty="0"/>
          </a:p>
        </p:txBody>
      </p:sp>
      <p:sp>
        <p:nvSpPr>
          <p:cNvPr id="69" name="object 69"/>
          <p:cNvSpPr txBox="1"/>
          <p:nvPr/>
        </p:nvSpPr>
        <p:spPr>
          <a:xfrm>
            <a:off x="3181461" y="6233712"/>
            <a:ext cx="4019926" cy="297286"/>
          </a:xfrm>
          <a:prstGeom prst="rect">
            <a:avLst/>
          </a:prstGeom>
        </p:spPr>
        <p:txBody>
          <a:bodyPr vert="horz" wrap="square" lIns="0" tIns="20091" rIns="0" bIns="0" rtlCol="0">
            <a:spAutoFit/>
          </a:bodyPr>
          <a:lstStyle/>
          <a:p>
            <a:pPr marL="10860">
              <a:spcBef>
                <a:spcPts val="158"/>
              </a:spcBef>
            </a:pPr>
            <a:r>
              <a:rPr sz="1800" spc="-17" dirty="0">
                <a:solidFill>
                  <a:srgbClr val="00AF4F"/>
                </a:solidFill>
                <a:latin typeface="Meiryo UI"/>
                <a:cs typeface="Meiryo UI"/>
              </a:rPr>
              <a:t>入札</a:t>
            </a:r>
            <a:r>
              <a:rPr sz="1197" spc="-17" dirty="0">
                <a:solidFill>
                  <a:srgbClr val="00AF4F"/>
                </a:solidFill>
                <a:latin typeface="Meiryo UI"/>
                <a:cs typeface="Meiryo UI"/>
              </a:rPr>
              <a:t>・契約に関する内容は、主に実施検討会で議論</a:t>
            </a:r>
            <a:endParaRPr sz="1197" dirty="0">
              <a:latin typeface="Meiryo UI"/>
              <a:cs typeface="Meiryo UI"/>
            </a:endParaRPr>
          </a:p>
        </p:txBody>
      </p:sp>
      <p:sp>
        <p:nvSpPr>
          <p:cNvPr id="61" name="object 61"/>
          <p:cNvSpPr txBox="1"/>
          <p:nvPr/>
        </p:nvSpPr>
        <p:spPr>
          <a:xfrm>
            <a:off x="1320124" y="4516832"/>
            <a:ext cx="969785" cy="213797"/>
          </a:xfrm>
          <a:prstGeom prst="rect">
            <a:avLst/>
          </a:prstGeom>
          <a:solidFill>
            <a:srgbClr val="548ED4"/>
          </a:solidFill>
        </p:spPr>
        <p:txBody>
          <a:bodyPr vert="horz" wrap="square" lIns="0" tIns="3258" rIns="0" bIns="0" rtlCol="0">
            <a:spAutoFit/>
          </a:bodyPr>
          <a:lstStyle/>
          <a:p>
            <a:pPr marL="311132">
              <a:spcBef>
                <a:spcPts val="26"/>
              </a:spcBef>
            </a:pPr>
            <a:r>
              <a:rPr sz="1368" b="1" spc="-34" dirty="0">
                <a:solidFill>
                  <a:srgbClr val="FFFFFF"/>
                </a:solidFill>
                <a:latin typeface="Meiryo UI"/>
                <a:cs typeface="Meiryo UI"/>
              </a:rPr>
              <a:t>空間</a:t>
            </a:r>
            <a:endParaRPr sz="1368">
              <a:latin typeface="Meiryo UI"/>
              <a:cs typeface="Meiryo UI"/>
            </a:endParaRPr>
          </a:p>
        </p:txBody>
      </p:sp>
      <p:sp>
        <p:nvSpPr>
          <p:cNvPr id="62" name="object 62"/>
          <p:cNvSpPr txBox="1"/>
          <p:nvPr/>
        </p:nvSpPr>
        <p:spPr>
          <a:xfrm>
            <a:off x="3787049" y="4498586"/>
            <a:ext cx="917658" cy="215442"/>
          </a:xfrm>
          <a:prstGeom prst="rect">
            <a:avLst/>
          </a:prstGeom>
          <a:solidFill>
            <a:srgbClr val="548ED4"/>
          </a:solidFill>
        </p:spPr>
        <p:txBody>
          <a:bodyPr vert="horz" wrap="square" lIns="0" tIns="4887" rIns="0" bIns="0" rtlCol="0">
            <a:spAutoFit/>
          </a:bodyPr>
          <a:lstStyle/>
          <a:p>
            <a:pPr marL="285069">
              <a:spcBef>
                <a:spcPts val="38"/>
              </a:spcBef>
            </a:pPr>
            <a:r>
              <a:rPr sz="1368" b="1" spc="-34" dirty="0">
                <a:solidFill>
                  <a:srgbClr val="FFFFFF"/>
                </a:solidFill>
                <a:latin typeface="Meiryo UI"/>
                <a:cs typeface="Meiryo UI"/>
              </a:rPr>
              <a:t>分野</a:t>
            </a:r>
            <a:endParaRPr sz="1368">
              <a:latin typeface="Meiryo UI"/>
              <a:cs typeface="Meiryo UI"/>
            </a:endParaRPr>
          </a:p>
        </p:txBody>
      </p:sp>
      <p:sp>
        <p:nvSpPr>
          <p:cNvPr id="63" name="object 63"/>
          <p:cNvSpPr txBox="1"/>
          <p:nvPr/>
        </p:nvSpPr>
        <p:spPr>
          <a:xfrm>
            <a:off x="3097665" y="5224459"/>
            <a:ext cx="917658" cy="215442"/>
          </a:xfrm>
          <a:prstGeom prst="rect">
            <a:avLst/>
          </a:prstGeom>
          <a:solidFill>
            <a:srgbClr val="548ED4"/>
          </a:solidFill>
        </p:spPr>
        <p:txBody>
          <a:bodyPr vert="horz" wrap="square" lIns="0" tIns="4887" rIns="0" bIns="0" rtlCol="0">
            <a:spAutoFit/>
          </a:bodyPr>
          <a:lstStyle/>
          <a:p>
            <a:pPr marL="173213">
              <a:spcBef>
                <a:spcPts val="38"/>
              </a:spcBef>
            </a:pPr>
            <a:r>
              <a:rPr sz="1368" b="1" spc="-26" dirty="0">
                <a:solidFill>
                  <a:srgbClr val="FFFFFF"/>
                </a:solidFill>
                <a:latin typeface="Meiryo UI"/>
                <a:cs typeface="Meiryo UI"/>
              </a:rPr>
              <a:t>プロセス</a:t>
            </a:r>
            <a:endParaRPr sz="1368">
              <a:latin typeface="Meiryo UI"/>
              <a:cs typeface="Meiryo UI"/>
            </a:endParaRPr>
          </a:p>
        </p:txBody>
      </p:sp>
      <p:sp>
        <p:nvSpPr>
          <p:cNvPr id="64" name="object 64"/>
          <p:cNvSpPr txBox="1"/>
          <p:nvPr/>
        </p:nvSpPr>
        <p:spPr>
          <a:xfrm>
            <a:off x="4437338" y="5219247"/>
            <a:ext cx="917658" cy="213797"/>
          </a:xfrm>
          <a:prstGeom prst="rect">
            <a:avLst/>
          </a:prstGeom>
          <a:solidFill>
            <a:srgbClr val="548ED4"/>
          </a:solidFill>
        </p:spPr>
        <p:txBody>
          <a:bodyPr vert="horz" wrap="square" lIns="0" tIns="3258" rIns="0" bIns="0" rtlCol="0">
            <a:spAutoFit/>
          </a:bodyPr>
          <a:lstStyle/>
          <a:p>
            <a:pPr marL="199277">
              <a:spcBef>
                <a:spcPts val="26"/>
              </a:spcBef>
            </a:pPr>
            <a:r>
              <a:rPr sz="1368" b="1" spc="-30" dirty="0">
                <a:solidFill>
                  <a:srgbClr val="FFFFFF"/>
                </a:solidFill>
                <a:latin typeface="Meiryo UI"/>
                <a:cs typeface="Meiryo UI"/>
              </a:rPr>
              <a:t>時間軸</a:t>
            </a:r>
            <a:endParaRPr sz="1368">
              <a:latin typeface="Meiryo UI"/>
              <a:cs typeface="Meiryo UI"/>
            </a:endParaRPr>
          </a:p>
        </p:txBody>
      </p:sp>
      <p:sp>
        <p:nvSpPr>
          <p:cNvPr id="65" name="object 65"/>
          <p:cNvSpPr txBox="1"/>
          <p:nvPr/>
        </p:nvSpPr>
        <p:spPr>
          <a:xfrm>
            <a:off x="1358786" y="4214059"/>
            <a:ext cx="1167761" cy="274115"/>
          </a:xfrm>
          <a:prstGeom prst="rect">
            <a:avLst/>
          </a:prstGeom>
        </p:spPr>
        <p:txBody>
          <a:bodyPr vert="horz" wrap="square" lIns="0" tIns="10860" rIns="0" bIns="0" rtlCol="0">
            <a:spAutoFit/>
          </a:bodyPr>
          <a:lstStyle/>
          <a:p>
            <a:pPr marL="10860">
              <a:spcBef>
                <a:spcPts val="86"/>
              </a:spcBef>
            </a:pPr>
            <a:r>
              <a:rPr sz="1710" b="1" spc="-9" dirty="0">
                <a:latin typeface="Meiryo UI"/>
                <a:cs typeface="Meiryo UI"/>
              </a:rPr>
              <a:t>【発注者】</a:t>
            </a:r>
            <a:endParaRPr sz="1710" dirty="0">
              <a:latin typeface="Meiryo UI"/>
              <a:cs typeface="Meiryo UI"/>
            </a:endParaRPr>
          </a:p>
        </p:txBody>
      </p:sp>
      <p:sp>
        <p:nvSpPr>
          <p:cNvPr id="66" name="object 66"/>
          <p:cNvSpPr txBox="1"/>
          <p:nvPr/>
        </p:nvSpPr>
        <p:spPr>
          <a:xfrm>
            <a:off x="3896083" y="4215362"/>
            <a:ext cx="1041677" cy="274115"/>
          </a:xfrm>
          <a:prstGeom prst="rect">
            <a:avLst/>
          </a:prstGeom>
        </p:spPr>
        <p:txBody>
          <a:bodyPr vert="horz" wrap="square" lIns="0" tIns="10860" rIns="0" bIns="0" rtlCol="0">
            <a:spAutoFit/>
          </a:bodyPr>
          <a:lstStyle/>
          <a:p>
            <a:pPr marL="10860">
              <a:spcBef>
                <a:spcPts val="86"/>
              </a:spcBef>
            </a:pPr>
            <a:r>
              <a:rPr sz="1710" b="1" spc="-13" dirty="0">
                <a:latin typeface="Meiryo UI"/>
                <a:cs typeface="Meiryo UI"/>
              </a:rPr>
              <a:t>【業務】</a:t>
            </a:r>
            <a:endParaRPr sz="1710" dirty="0">
              <a:latin typeface="Meiryo UI"/>
              <a:cs typeface="Meiryo UI"/>
            </a:endParaRPr>
          </a:p>
        </p:txBody>
      </p:sp>
      <p:sp>
        <p:nvSpPr>
          <p:cNvPr id="67" name="object 67"/>
          <p:cNvSpPr txBox="1"/>
          <p:nvPr/>
        </p:nvSpPr>
        <p:spPr>
          <a:xfrm>
            <a:off x="4280522" y="2155030"/>
            <a:ext cx="500096" cy="590455"/>
          </a:xfrm>
          <a:prstGeom prst="rect">
            <a:avLst/>
          </a:prstGeom>
        </p:spPr>
        <p:txBody>
          <a:bodyPr vert="horz" wrap="square" lIns="0" tIns="11403" rIns="0" bIns="0" rtlCol="0">
            <a:spAutoFit/>
          </a:bodyPr>
          <a:lstStyle/>
          <a:p>
            <a:pPr marL="10860">
              <a:spcBef>
                <a:spcPts val="90"/>
              </a:spcBef>
            </a:pPr>
            <a:r>
              <a:rPr sz="3762" b="1" spc="-43" dirty="0">
                <a:latin typeface="Meiryo UI"/>
                <a:cs typeface="Meiryo UI"/>
              </a:rPr>
              <a:t>＋</a:t>
            </a:r>
            <a:endParaRPr sz="3762">
              <a:latin typeface="Meiryo UI"/>
              <a:cs typeface="Meiryo UI"/>
            </a:endParaRPr>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sldNum" sz="quarter" idx="7"/>
          </p:nvPr>
        </p:nvSpPr>
        <p:spPr>
          <a:xfrm>
            <a:off x="0" y="195477"/>
            <a:ext cx="0" cy="231342"/>
          </a:xfrm>
          <a:prstGeom prst="rect">
            <a:avLst/>
          </a:prstGeom>
        </p:spPr>
        <p:txBody>
          <a:bodyPr vert="horz" wrap="square" lIns="0" tIns="20634" rIns="0" bIns="0" rtlCol="0">
            <a:spAutoFit/>
          </a:bodyPr>
          <a:lstStyle/>
          <a:p>
            <a:pPr marL="157467">
              <a:spcBef>
                <a:spcPts val="162"/>
              </a:spcBef>
            </a:pPr>
            <a:r>
              <a:rPr spc="-43" dirty="0"/>
              <a:t>8</a:t>
            </a:r>
          </a:p>
        </p:txBody>
      </p:sp>
      <p:sp>
        <p:nvSpPr>
          <p:cNvPr id="2" name="object 2"/>
          <p:cNvSpPr txBox="1">
            <a:spLocks noGrp="1"/>
          </p:cNvSpPr>
          <p:nvPr>
            <p:ph type="title"/>
          </p:nvPr>
        </p:nvSpPr>
        <p:spPr>
          <a:xfrm>
            <a:off x="1955643" y="2686728"/>
            <a:ext cx="5227935" cy="1432253"/>
          </a:xfrm>
          <a:prstGeom prst="rect">
            <a:avLst/>
          </a:prstGeom>
        </p:spPr>
        <p:txBody>
          <a:bodyPr vert="horz" wrap="square" lIns="0" tIns="10860" rIns="0" bIns="0" rtlCol="0">
            <a:spAutoFit/>
          </a:bodyPr>
          <a:lstStyle/>
          <a:p>
            <a:pPr marL="10860">
              <a:lnSpc>
                <a:spcPct val="100000"/>
              </a:lnSpc>
              <a:spcBef>
                <a:spcPts val="86"/>
              </a:spcBef>
            </a:pPr>
            <a:r>
              <a:rPr sz="4618" spc="-30" dirty="0">
                <a:solidFill>
                  <a:srgbClr val="4BACC6"/>
                </a:solidFill>
              </a:rPr>
              <a:t>これまでの取組と課題</a:t>
            </a:r>
            <a:endParaRPr sz="4618"/>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454205" y="495210"/>
            <a:ext cx="1339672" cy="277577"/>
          </a:xfrm>
          <a:prstGeom prst="rect">
            <a:avLst/>
          </a:prstGeom>
        </p:spPr>
      </p:pic>
      <p:sp>
        <p:nvSpPr>
          <p:cNvPr id="3" name="object 3"/>
          <p:cNvSpPr txBox="1">
            <a:spLocks noGrp="1"/>
          </p:cNvSpPr>
          <p:nvPr>
            <p:ph type="title"/>
          </p:nvPr>
        </p:nvSpPr>
        <p:spPr>
          <a:xfrm flipH="1">
            <a:off x="-1" y="309716"/>
            <a:ext cx="7949199" cy="274115"/>
          </a:xfrm>
          <a:prstGeom prst="rect">
            <a:avLst/>
          </a:prstGeom>
        </p:spPr>
        <p:txBody>
          <a:bodyPr vert="horz" wrap="square" lIns="0" tIns="10860" rIns="0" bIns="0" rtlCol="0">
            <a:spAutoFit/>
          </a:bodyPr>
          <a:lstStyle/>
          <a:p>
            <a:pPr>
              <a:lnSpc>
                <a:spcPct val="100000"/>
              </a:lnSpc>
              <a:spcBef>
                <a:spcPts val="86"/>
              </a:spcBef>
            </a:pPr>
            <a:r>
              <a:rPr sz="1710" dirty="0"/>
              <a:t>【</a:t>
            </a:r>
            <a:r>
              <a:rPr sz="1710" spc="-13" dirty="0">
                <a:solidFill>
                  <a:srgbClr val="006600"/>
                </a:solidFill>
              </a:rPr>
              <a:t>自治体・事業者間の役割分担</a:t>
            </a:r>
            <a:r>
              <a:rPr sz="1710" spc="-30" dirty="0"/>
              <a:t>】インフラメンテナンスの民間委託のイメージ(案)</a:t>
            </a:r>
            <a:endParaRPr sz="1710" dirty="0"/>
          </a:p>
        </p:txBody>
      </p:sp>
      <p:sp>
        <p:nvSpPr>
          <p:cNvPr id="4" name="object 4"/>
          <p:cNvSpPr/>
          <p:nvPr/>
        </p:nvSpPr>
        <p:spPr>
          <a:xfrm>
            <a:off x="501725" y="6117145"/>
            <a:ext cx="8079734" cy="162898"/>
          </a:xfrm>
          <a:custGeom>
            <a:avLst/>
            <a:gdLst/>
            <a:ahLst/>
            <a:cxnLst/>
            <a:rect l="l" t="t" r="r" b="b"/>
            <a:pathLst>
              <a:path w="9448800" h="190500">
                <a:moveTo>
                  <a:pt x="9258300" y="0"/>
                </a:moveTo>
                <a:lnTo>
                  <a:pt x="9258300" y="190499"/>
                </a:lnTo>
                <a:lnTo>
                  <a:pt x="9411929" y="114299"/>
                </a:lnTo>
                <a:lnTo>
                  <a:pt x="9276588" y="114299"/>
                </a:lnTo>
                <a:lnTo>
                  <a:pt x="9276588" y="76199"/>
                </a:lnTo>
                <a:lnTo>
                  <a:pt x="9409490" y="76199"/>
                </a:lnTo>
                <a:lnTo>
                  <a:pt x="9258300" y="0"/>
                </a:lnTo>
                <a:close/>
              </a:path>
              <a:path w="9448800" h="190500">
                <a:moveTo>
                  <a:pt x="9258300" y="76199"/>
                </a:moveTo>
                <a:lnTo>
                  <a:pt x="0" y="76199"/>
                </a:lnTo>
                <a:lnTo>
                  <a:pt x="0" y="114299"/>
                </a:lnTo>
                <a:lnTo>
                  <a:pt x="9258300" y="114299"/>
                </a:lnTo>
                <a:lnTo>
                  <a:pt x="9258300" y="76199"/>
                </a:lnTo>
                <a:close/>
              </a:path>
              <a:path w="9448800" h="190500">
                <a:moveTo>
                  <a:pt x="9409490" y="76199"/>
                </a:moveTo>
                <a:lnTo>
                  <a:pt x="9276588" y="76199"/>
                </a:lnTo>
                <a:lnTo>
                  <a:pt x="9276588" y="114299"/>
                </a:lnTo>
                <a:lnTo>
                  <a:pt x="9411929" y="114299"/>
                </a:lnTo>
                <a:lnTo>
                  <a:pt x="9448800" y="96011"/>
                </a:lnTo>
                <a:lnTo>
                  <a:pt x="9409490" y="76199"/>
                </a:lnTo>
                <a:close/>
              </a:path>
            </a:pathLst>
          </a:custGeom>
          <a:solidFill>
            <a:srgbClr val="000000"/>
          </a:solidFill>
        </p:spPr>
        <p:txBody>
          <a:bodyPr wrap="square" lIns="0" tIns="0" rIns="0" bIns="0" rtlCol="0"/>
          <a:lstStyle/>
          <a:p>
            <a:endParaRPr sz="1749"/>
          </a:p>
        </p:txBody>
      </p:sp>
      <p:sp>
        <p:nvSpPr>
          <p:cNvPr id="5" name="object 5"/>
          <p:cNvSpPr txBox="1"/>
          <p:nvPr/>
        </p:nvSpPr>
        <p:spPr>
          <a:xfrm>
            <a:off x="242581" y="1803122"/>
            <a:ext cx="194092" cy="674940"/>
          </a:xfrm>
          <a:prstGeom prst="rect">
            <a:avLst/>
          </a:prstGeom>
        </p:spPr>
        <p:txBody>
          <a:bodyPr vert="eaVert" wrap="square" lIns="0" tIns="0" rIns="0" bIns="0" rtlCol="0">
            <a:spAutoFit/>
          </a:bodyPr>
          <a:lstStyle/>
          <a:p>
            <a:pPr marL="10860">
              <a:lnSpc>
                <a:spcPct val="65000"/>
              </a:lnSpc>
            </a:pPr>
            <a:r>
              <a:rPr sz="1710" b="1" dirty="0">
                <a:latin typeface="Meiryo UI"/>
                <a:cs typeface="Meiryo UI"/>
              </a:rPr>
              <a:t>専門性</a:t>
            </a:r>
            <a:endParaRPr sz="1710" dirty="0">
              <a:latin typeface="Meiryo UI"/>
              <a:cs typeface="Meiryo UI"/>
            </a:endParaRPr>
          </a:p>
        </p:txBody>
      </p:sp>
      <p:grpSp>
        <p:nvGrpSpPr>
          <p:cNvPr id="6" name="object 6"/>
          <p:cNvGrpSpPr/>
          <p:nvPr/>
        </p:nvGrpSpPr>
        <p:grpSpPr>
          <a:xfrm>
            <a:off x="73085" y="1083836"/>
            <a:ext cx="7980801" cy="5127482"/>
            <a:chOff x="492251" y="1024763"/>
            <a:chExt cx="8607425" cy="5996305"/>
          </a:xfrm>
        </p:grpSpPr>
        <p:sp>
          <p:nvSpPr>
            <p:cNvPr id="7" name="object 7"/>
            <p:cNvSpPr/>
            <p:nvPr/>
          </p:nvSpPr>
          <p:spPr>
            <a:xfrm>
              <a:off x="492251" y="1475232"/>
              <a:ext cx="190500" cy="5546090"/>
            </a:xfrm>
            <a:custGeom>
              <a:avLst/>
              <a:gdLst/>
              <a:ahLst/>
              <a:cxnLst/>
              <a:rect l="l" t="t" r="r" b="b"/>
              <a:pathLst>
                <a:path w="190500" h="5546090">
                  <a:moveTo>
                    <a:pt x="114300" y="172212"/>
                  </a:moveTo>
                  <a:lnTo>
                    <a:pt x="76200" y="172212"/>
                  </a:lnTo>
                  <a:lnTo>
                    <a:pt x="76200" y="5545841"/>
                  </a:lnTo>
                  <a:lnTo>
                    <a:pt x="114300" y="5545841"/>
                  </a:lnTo>
                  <a:lnTo>
                    <a:pt x="114300" y="172212"/>
                  </a:lnTo>
                  <a:close/>
                </a:path>
                <a:path w="190500" h="5546090">
                  <a:moveTo>
                    <a:pt x="94488" y="0"/>
                  </a:moveTo>
                  <a:lnTo>
                    <a:pt x="0" y="190500"/>
                  </a:lnTo>
                  <a:lnTo>
                    <a:pt x="76200" y="190500"/>
                  </a:lnTo>
                  <a:lnTo>
                    <a:pt x="76200" y="172212"/>
                  </a:lnTo>
                  <a:lnTo>
                    <a:pt x="181282" y="172212"/>
                  </a:lnTo>
                  <a:lnTo>
                    <a:pt x="94488" y="0"/>
                  </a:lnTo>
                  <a:close/>
                </a:path>
                <a:path w="190500" h="5546090">
                  <a:moveTo>
                    <a:pt x="181282" y="172212"/>
                  </a:moveTo>
                  <a:lnTo>
                    <a:pt x="114300" y="172212"/>
                  </a:lnTo>
                  <a:lnTo>
                    <a:pt x="114300" y="190500"/>
                  </a:lnTo>
                  <a:lnTo>
                    <a:pt x="190500" y="190500"/>
                  </a:lnTo>
                  <a:lnTo>
                    <a:pt x="181282" y="172212"/>
                  </a:lnTo>
                  <a:close/>
                </a:path>
              </a:pathLst>
            </a:custGeom>
            <a:solidFill>
              <a:srgbClr val="000000"/>
            </a:solidFill>
          </p:spPr>
          <p:txBody>
            <a:bodyPr wrap="square" lIns="0" tIns="0" rIns="0" bIns="0" rtlCol="0"/>
            <a:lstStyle/>
            <a:p>
              <a:endParaRPr sz="1749"/>
            </a:p>
          </p:txBody>
        </p:sp>
        <p:sp>
          <p:nvSpPr>
            <p:cNvPr id="8" name="object 8"/>
            <p:cNvSpPr/>
            <p:nvPr/>
          </p:nvSpPr>
          <p:spPr>
            <a:xfrm>
              <a:off x="5018531" y="1039368"/>
              <a:ext cx="4066540" cy="4067810"/>
            </a:xfrm>
            <a:custGeom>
              <a:avLst/>
              <a:gdLst/>
              <a:ahLst/>
              <a:cxnLst/>
              <a:rect l="l" t="t" r="r" b="b"/>
              <a:pathLst>
                <a:path w="4066540" h="4067810">
                  <a:moveTo>
                    <a:pt x="2033015" y="0"/>
                  </a:moveTo>
                  <a:lnTo>
                    <a:pt x="1985012" y="555"/>
                  </a:lnTo>
                  <a:lnTo>
                    <a:pt x="1937281" y="2215"/>
                  </a:lnTo>
                  <a:lnTo>
                    <a:pt x="1889836" y="4966"/>
                  </a:lnTo>
                  <a:lnTo>
                    <a:pt x="1842689" y="8797"/>
                  </a:lnTo>
                  <a:lnTo>
                    <a:pt x="1795852" y="13694"/>
                  </a:lnTo>
                  <a:lnTo>
                    <a:pt x="1749337" y="19646"/>
                  </a:lnTo>
                  <a:lnTo>
                    <a:pt x="1703156" y="26641"/>
                  </a:lnTo>
                  <a:lnTo>
                    <a:pt x="1657322" y="34665"/>
                  </a:lnTo>
                  <a:lnTo>
                    <a:pt x="1611847" y="43708"/>
                  </a:lnTo>
                  <a:lnTo>
                    <a:pt x="1566743" y="53757"/>
                  </a:lnTo>
                  <a:lnTo>
                    <a:pt x="1522021" y="64799"/>
                  </a:lnTo>
                  <a:lnTo>
                    <a:pt x="1477695" y="76823"/>
                  </a:lnTo>
                  <a:lnTo>
                    <a:pt x="1433777" y="89816"/>
                  </a:lnTo>
                  <a:lnTo>
                    <a:pt x="1390278" y="103766"/>
                  </a:lnTo>
                  <a:lnTo>
                    <a:pt x="1347211" y="118660"/>
                  </a:lnTo>
                  <a:lnTo>
                    <a:pt x="1304587" y="134487"/>
                  </a:lnTo>
                  <a:lnTo>
                    <a:pt x="1262420" y="151233"/>
                  </a:lnTo>
                  <a:lnTo>
                    <a:pt x="1220722" y="168888"/>
                  </a:lnTo>
                  <a:lnTo>
                    <a:pt x="1179504" y="187439"/>
                  </a:lnTo>
                  <a:lnTo>
                    <a:pt x="1138779" y="206873"/>
                  </a:lnTo>
                  <a:lnTo>
                    <a:pt x="1098558" y="227178"/>
                  </a:lnTo>
                  <a:lnTo>
                    <a:pt x="1058855" y="248342"/>
                  </a:lnTo>
                  <a:lnTo>
                    <a:pt x="1019681" y="270353"/>
                  </a:lnTo>
                  <a:lnTo>
                    <a:pt x="981048" y="293198"/>
                  </a:lnTo>
                  <a:lnTo>
                    <a:pt x="942970" y="316865"/>
                  </a:lnTo>
                  <a:lnTo>
                    <a:pt x="905456" y="341343"/>
                  </a:lnTo>
                  <a:lnTo>
                    <a:pt x="868521" y="366618"/>
                  </a:lnTo>
                  <a:lnTo>
                    <a:pt x="832177" y="392679"/>
                  </a:lnTo>
                  <a:lnTo>
                    <a:pt x="796434" y="419514"/>
                  </a:lnTo>
                  <a:lnTo>
                    <a:pt x="761306" y="447109"/>
                  </a:lnTo>
                  <a:lnTo>
                    <a:pt x="726805" y="475453"/>
                  </a:lnTo>
                  <a:lnTo>
                    <a:pt x="692943" y="504534"/>
                  </a:lnTo>
                  <a:lnTo>
                    <a:pt x="659732" y="534339"/>
                  </a:lnTo>
                  <a:lnTo>
                    <a:pt x="627184" y="564857"/>
                  </a:lnTo>
                  <a:lnTo>
                    <a:pt x="595312" y="596074"/>
                  </a:lnTo>
                  <a:lnTo>
                    <a:pt x="564127" y="627979"/>
                  </a:lnTo>
                  <a:lnTo>
                    <a:pt x="533643" y="660559"/>
                  </a:lnTo>
                  <a:lnTo>
                    <a:pt x="503870" y="693803"/>
                  </a:lnTo>
                  <a:lnTo>
                    <a:pt x="474821" y="727697"/>
                  </a:lnTo>
                  <a:lnTo>
                    <a:pt x="446509" y="762231"/>
                  </a:lnTo>
                  <a:lnTo>
                    <a:pt x="418946" y="797390"/>
                  </a:lnTo>
                  <a:lnTo>
                    <a:pt x="392143" y="833164"/>
                  </a:lnTo>
                  <a:lnTo>
                    <a:pt x="366113" y="869540"/>
                  </a:lnTo>
                  <a:lnTo>
                    <a:pt x="340868" y="906506"/>
                  </a:lnTo>
                  <a:lnTo>
                    <a:pt x="316421" y="944049"/>
                  </a:lnTo>
                  <a:lnTo>
                    <a:pt x="292783" y="982158"/>
                  </a:lnTo>
                  <a:lnTo>
                    <a:pt x="269967" y="1020819"/>
                  </a:lnTo>
                  <a:lnTo>
                    <a:pt x="247985" y="1060022"/>
                  </a:lnTo>
                  <a:lnTo>
                    <a:pt x="226848" y="1099753"/>
                  </a:lnTo>
                  <a:lnTo>
                    <a:pt x="206570" y="1140000"/>
                  </a:lnTo>
                  <a:lnTo>
                    <a:pt x="187163" y="1180752"/>
                  </a:lnTo>
                  <a:lnTo>
                    <a:pt x="168638" y="1221995"/>
                  </a:lnTo>
                  <a:lnTo>
                    <a:pt x="151007" y="1263718"/>
                  </a:lnTo>
                  <a:lnTo>
                    <a:pt x="134284" y="1305909"/>
                  </a:lnTo>
                  <a:lnTo>
                    <a:pt x="118480" y="1348555"/>
                  </a:lnTo>
                  <a:lnTo>
                    <a:pt x="103607" y="1391643"/>
                  </a:lnTo>
                  <a:lnTo>
                    <a:pt x="89678" y="1435162"/>
                  </a:lnTo>
                  <a:lnTo>
                    <a:pt x="76704" y="1479100"/>
                  </a:lnTo>
                  <a:lnTo>
                    <a:pt x="64698" y="1523444"/>
                  </a:lnTo>
                  <a:lnTo>
                    <a:pt x="53673" y="1568182"/>
                  </a:lnTo>
                  <a:lnTo>
                    <a:pt x="43639" y="1613302"/>
                  </a:lnTo>
                  <a:lnTo>
                    <a:pt x="34610" y="1658791"/>
                  </a:lnTo>
                  <a:lnTo>
                    <a:pt x="26598" y="1704638"/>
                  </a:lnTo>
                  <a:lnTo>
                    <a:pt x="19614" y="1750829"/>
                  </a:lnTo>
                  <a:lnTo>
                    <a:pt x="13672" y="1797354"/>
                  </a:lnTo>
                  <a:lnTo>
                    <a:pt x="8782" y="1844199"/>
                  </a:lnTo>
                  <a:lnTo>
                    <a:pt x="4958" y="1891352"/>
                  </a:lnTo>
                  <a:lnTo>
                    <a:pt x="2211" y="1938801"/>
                  </a:lnTo>
                  <a:lnTo>
                    <a:pt x="555" y="1986535"/>
                  </a:lnTo>
                  <a:lnTo>
                    <a:pt x="0" y="2034540"/>
                  </a:lnTo>
                  <a:lnTo>
                    <a:pt x="555" y="2082543"/>
                  </a:lnTo>
                  <a:lnTo>
                    <a:pt x="2211" y="2130274"/>
                  </a:lnTo>
                  <a:lnTo>
                    <a:pt x="4958" y="2177719"/>
                  </a:lnTo>
                  <a:lnTo>
                    <a:pt x="8782" y="2224866"/>
                  </a:lnTo>
                  <a:lnTo>
                    <a:pt x="13672" y="2271703"/>
                  </a:lnTo>
                  <a:lnTo>
                    <a:pt x="19614" y="2318218"/>
                  </a:lnTo>
                  <a:lnTo>
                    <a:pt x="26598" y="2364399"/>
                  </a:lnTo>
                  <a:lnTo>
                    <a:pt x="34610" y="2410233"/>
                  </a:lnTo>
                  <a:lnTo>
                    <a:pt x="43639" y="2455708"/>
                  </a:lnTo>
                  <a:lnTo>
                    <a:pt x="53673" y="2500812"/>
                  </a:lnTo>
                  <a:lnTo>
                    <a:pt x="64698" y="2545534"/>
                  </a:lnTo>
                  <a:lnTo>
                    <a:pt x="76704" y="2589860"/>
                  </a:lnTo>
                  <a:lnTo>
                    <a:pt x="89678" y="2633778"/>
                  </a:lnTo>
                  <a:lnTo>
                    <a:pt x="103607" y="2677277"/>
                  </a:lnTo>
                  <a:lnTo>
                    <a:pt x="118480" y="2720344"/>
                  </a:lnTo>
                  <a:lnTo>
                    <a:pt x="134284" y="2762968"/>
                  </a:lnTo>
                  <a:lnTo>
                    <a:pt x="151007" y="2805135"/>
                  </a:lnTo>
                  <a:lnTo>
                    <a:pt x="168638" y="2846833"/>
                  </a:lnTo>
                  <a:lnTo>
                    <a:pt x="187163" y="2888051"/>
                  </a:lnTo>
                  <a:lnTo>
                    <a:pt x="206570" y="2928776"/>
                  </a:lnTo>
                  <a:lnTo>
                    <a:pt x="226848" y="2968997"/>
                  </a:lnTo>
                  <a:lnTo>
                    <a:pt x="247985" y="3008700"/>
                  </a:lnTo>
                  <a:lnTo>
                    <a:pt x="269967" y="3047874"/>
                  </a:lnTo>
                  <a:lnTo>
                    <a:pt x="292783" y="3086507"/>
                  </a:lnTo>
                  <a:lnTo>
                    <a:pt x="316421" y="3124585"/>
                  </a:lnTo>
                  <a:lnTo>
                    <a:pt x="340868" y="3162099"/>
                  </a:lnTo>
                  <a:lnTo>
                    <a:pt x="366113" y="3199034"/>
                  </a:lnTo>
                  <a:lnTo>
                    <a:pt x="392143" y="3235378"/>
                  </a:lnTo>
                  <a:lnTo>
                    <a:pt x="418946" y="3271121"/>
                  </a:lnTo>
                  <a:lnTo>
                    <a:pt x="446509" y="3306249"/>
                  </a:lnTo>
                  <a:lnTo>
                    <a:pt x="474821" y="3340750"/>
                  </a:lnTo>
                  <a:lnTo>
                    <a:pt x="503870" y="3374612"/>
                  </a:lnTo>
                  <a:lnTo>
                    <a:pt x="533643" y="3407823"/>
                  </a:lnTo>
                  <a:lnTo>
                    <a:pt x="564127" y="3440371"/>
                  </a:lnTo>
                  <a:lnTo>
                    <a:pt x="595312" y="3472243"/>
                  </a:lnTo>
                  <a:lnTo>
                    <a:pt x="627184" y="3503428"/>
                  </a:lnTo>
                  <a:lnTo>
                    <a:pt x="659732" y="3533912"/>
                  </a:lnTo>
                  <a:lnTo>
                    <a:pt x="692943" y="3563685"/>
                  </a:lnTo>
                  <a:lnTo>
                    <a:pt x="726805" y="3592734"/>
                  </a:lnTo>
                  <a:lnTo>
                    <a:pt x="761306" y="3621046"/>
                  </a:lnTo>
                  <a:lnTo>
                    <a:pt x="796434" y="3648609"/>
                  </a:lnTo>
                  <a:lnTo>
                    <a:pt x="832177" y="3675412"/>
                  </a:lnTo>
                  <a:lnTo>
                    <a:pt x="868521" y="3701442"/>
                  </a:lnTo>
                  <a:lnTo>
                    <a:pt x="905456" y="3726687"/>
                  </a:lnTo>
                  <a:lnTo>
                    <a:pt x="942970" y="3751134"/>
                  </a:lnTo>
                  <a:lnTo>
                    <a:pt x="981048" y="3774772"/>
                  </a:lnTo>
                  <a:lnTo>
                    <a:pt x="1019681" y="3797588"/>
                  </a:lnTo>
                  <a:lnTo>
                    <a:pt x="1058855" y="3819570"/>
                  </a:lnTo>
                  <a:lnTo>
                    <a:pt x="1098558" y="3840707"/>
                  </a:lnTo>
                  <a:lnTo>
                    <a:pt x="1138779" y="3860985"/>
                  </a:lnTo>
                  <a:lnTo>
                    <a:pt x="1179504" y="3880392"/>
                  </a:lnTo>
                  <a:lnTo>
                    <a:pt x="1220722" y="3898917"/>
                  </a:lnTo>
                  <a:lnTo>
                    <a:pt x="1262420" y="3916548"/>
                  </a:lnTo>
                  <a:lnTo>
                    <a:pt x="1304587" y="3933271"/>
                  </a:lnTo>
                  <a:lnTo>
                    <a:pt x="1347211" y="3949075"/>
                  </a:lnTo>
                  <a:lnTo>
                    <a:pt x="1390278" y="3963948"/>
                  </a:lnTo>
                  <a:lnTo>
                    <a:pt x="1433777" y="3977877"/>
                  </a:lnTo>
                  <a:lnTo>
                    <a:pt x="1477695" y="3990851"/>
                  </a:lnTo>
                  <a:lnTo>
                    <a:pt x="1522021" y="4002857"/>
                  </a:lnTo>
                  <a:lnTo>
                    <a:pt x="1566743" y="4013882"/>
                  </a:lnTo>
                  <a:lnTo>
                    <a:pt x="1611847" y="4023916"/>
                  </a:lnTo>
                  <a:lnTo>
                    <a:pt x="1657322" y="4032945"/>
                  </a:lnTo>
                  <a:lnTo>
                    <a:pt x="1703156" y="4040957"/>
                  </a:lnTo>
                  <a:lnTo>
                    <a:pt x="1749337" y="4047941"/>
                  </a:lnTo>
                  <a:lnTo>
                    <a:pt x="1795852" y="4053883"/>
                  </a:lnTo>
                  <a:lnTo>
                    <a:pt x="1842689" y="4058773"/>
                  </a:lnTo>
                  <a:lnTo>
                    <a:pt x="1889836" y="4062597"/>
                  </a:lnTo>
                  <a:lnTo>
                    <a:pt x="1937281" y="4065344"/>
                  </a:lnTo>
                  <a:lnTo>
                    <a:pt x="1985012" y="4067000"/>
                  </a:lnTo>
                  <a:lnTo>
                    <a:pt x="2033015" y="4067556"/>
                  </a:lnTo>
                  <a:lnTo>
                    <a:pt x="2081019" y="4067000"/>
                  </a:lnTo>
                  <a:lnTo>
                    <a:pt x="2128750" y="4065344"/>
                  </a:lnTo>
                  <a:lnTo>
                    <a:pt x="2176195" y="4062597"/>
                  </a:lnTo>
                  <a:lnTo>
                    <a:pt x="2223342" y="4058773"/>
                  </a:lnTo>
                  <a:lnTo>
                    <a:pt x="2270179" y="4053883"/>
                  </a:lnTo>
                  <a:lnTo>
                    <a:pt x="2316694" y="4047941"/>
                  </a:lnTo>
                  <a:lnTo>
                    <a:pt x="2362875" y="4040957"/>
                  </a:lnTo>
                  <a:lnTo>
                    <a:pt x="2408709" y="4032945"/>
                  </a:lnTo>
                  <a:lnTo>
                    <a:pt x="2454184" y="4023916"/>
                  </a:lnTo>
                  <a:lnTo>
                    <a:pt x="2499288" y="4013882"/>
                  </a:lnTo>
                  <a:lnTo>
                    <a:pt x="2544010" y="4002857"/>
                  </a:lnTo>
                  <a:lnTo>
                    <a:pt x="2588336" y="3990851"/>
                  </a:lnTo>
                  <a:lnTo>
                    <a:pt x="2632254" y="3977877"/>
                  </a:lnTo>
                  <a:lnTo>
                    <a:pt x="2675753" y="3963948"/>
                  </a:lnTo>
                  <a:lnTo>
                    <a:pt x="2718820" y="3949075"/>
                  </a:lnTo>
                  <a:lnTo>
                    <a:pt x="2761444" y="3933271"/>
                  </a:lnTo>
                  <a:lnTo>
                    <a:pt x="2803611" y="3916548"/>
                  </a:lnTo>
                  <a:lnTo>
                    <a:pt x="2845309" y="3898917"/>
                  </a:lnTo>
                  <a:lnTo>
                    <a:pt x="2886527" y="3880392"/>
                  </a:lnTo>
                  <a:lnTo>
                    <a:pt x="2927252" y="3860985"/>
                  </a:lnTo>
                  <a:lnTo>
                    <a:pt x="2967473" y="3840707"/>
                  </a:lnTo>
                  <a:lnTo>
                    <a:pt x="3007176" y="3819570"/>
                  </a:lnTo>
                  <a:lnTo>
                    <a:pt x="3046350" y="3797588"/>
                  </a:lnTo>
                  <a:lnTo>
                    <a:pt x="3084983" y="3774772"/>
                  </a:lnTo>
                  <a:lnTo>
                    <a:pt x="3123061" y="3751134"/>
                  </a:lnTo>
                  <a:lnTo>
                    <a:pt x="3160575" y="3726687"/>
                  </a:lnTo>
                  <a:lnTo>
                    <a:pt x="3197510" y="3701442"/>
                  </a:lnTo>
                  <a:lnTo>
                    <a:pt x="3233854" y="3675412"/>
                  </a:lnTo>
                  <a:lnTo>
                    <a:pt x="3269597" y="3648609"/>
                  </a:lnTo>
                  <a:lnTo>
                    <a:pt x="3304725" y="3621046"/>
                  </a:lnTo>
                  <a:lnTo>
                    <a:pt x="3339226" y="3592734"/>
                  </a:lnTo>
                  <a:lnTo>
                    <a:pt x="3373088" y="3563685"/>
                  </a:lnTo>
                  <a:lnTo>
                    <a:pt x="3406299" y="3533912"/>
                  </a:lnTo>
                  <a:lnTo>
                    <a:pt x="3438847" y="3503428"/>
                  </a:lnTo>
                  <a:lnTo>
                    <a:pt x="3470719" y="3472243"/>
                  </a:lnTo>
                  <a:lnTo>
                    <a:pt x="3501904" y="3440371"/>
                  </a:lnTo>
                  <a:lnTo>
                    <a:pt x="3532388" y="3407823"/>
                  </a:lnTo>
                  <a:lnTo>
                    <a:pt x="3562161" y="3374612"/>
                  </a:lnTo>
                  <a:lnTo>
                    <a:pt x="3591210" y="3340750"/>
                  </a:lnTo>
                  <a:lnTo>
                    <a:pt x="3619522" y="3306249"/>
                  </a:lnTo>
                  <a:lnTo>
                    <a:pt x="3647085" y="3271121"/>
                  </a:lnTo>
                  <a:lnTo>
                    <a:pt x="3673888" y="3235378"/>
                  </a:lnTo>
                  <a:lnTo>
                    <a:pt x="3699918" y="3199034"/>
                  </a:lnTo>
                  <a:lnTo>
                    <a:pt x="3725163" y="3162099"/>
                  </a:lnTo>
                  <a:lnTo>
                    <a:pt x="3749610" y="3124585"/>
                  </a:lnTo>
                  <a:lnTo>
                    <a:pt x="3773248" y="3086507"/>
                  </a:lnTo>
                  <a:lnTo>
                    <a:pt x="3796064" y="3047874"/>
                  </a:lnTo>
                  <a:lnTo>
                    <a:pt x="3818046" y="3008700"/>
                  </a:lnTo>
                  <a:lnTo>
                    <a:pt x="3839183" y="2968997"/>
                  </a:lnTo>
                  <a:lnTo>
                    <a:pt x="3859461" y="2928776"/>
                  </a:lnTo>
                  <a:lnTo>
                    <a:pt x="3878868" y="2888051"/>
                  </a:lnTo>
                  <a:lnTo>
                    <a:pt x="3897393" y="2846833"/>
                  </a:lnTo>
                  <a:lnTo>
                    <a:pt x="3915024" y="2805135"/>
                  </a:lnTo>
                  <a:lnTo>
                    <a:pt x="3931747" y="2762968"/>
                  </a:lnTo>
                  <a:lnTo>
                    <a:pt x="3947551" y="2720344"/>
                  </a:lnTo>
                  <a:lnTo>
                    <a:pt x="3962424" y="2677277"/>
                  </a:lnTo>
                  <a:lnTo>
                    <a:pt x="3976353" y="2633778"/>
                  </a:lnTo>
                  <a:lnTo>
                    <a:pt x="3989327" y="2589860"/>
                  </a:lnTo>
                  <a:lnTo>
                    <a:pt x="4001333" y="2545534"/>
                  </a:lnTo>
                  <a:lnTo>
                    <a:pt x="4012358" y="2500812"/>
                  </a:lnTo>
                  <a:lnTo>
                    <a:pt x="4022392" y="2455708"/>
                  </a:lnTo>
                  <a:lnTo>
                    <a:pt x="4031421" y="2410233"/>
                  </a:lnTo>
                  <a:lnTo>
                    <a:pt x="4039433" y="2364399"/>
                  </a:lnTo>
                  <a:lnTo>
                    <a:pt x="4046417" y="2318218"/>
                  </a:lnTo>
                  <a:lnTo>
                    <a:pt x="4052359" y="2271703"/>
                  </a:lnTo>
                  <a:lnTo>
                    <a:pt x="4057249" y="2224866"/>
                  </a:lnTo>
                  <a:lnTo>
                    <a:pt x="4061073" y="2177719"/>
                  </a:lnTo>
                  <a:lnTo>
                    <a:pt x="4063820" y="2130274"/>
                  </a:lnTo>
                  <a:lnTo>
                    <a:pt x="4065476" y="2082543"/>
                  </a:lnTo>
                  <a:lnTo>
                    <a:pt x="4066032" y="2034540"/>
                  </a:lnTo>
                  <a:lnTo>
                    <a:pt x="4065476" y="1986535"/>
                  </a:lnTo>
                  <a:lnTo>
                    <a:pt x="4063820" y="1938801"/>
                  </a:lnTo>
                  <a:lnTo>
                    <a:pt x="4061073" y="1891352"/>
                  </a:lnTo>
                  <a:lnTo>
                    <a:pt x="4057249" y="1844199"/>
                  </a:lnTo>
                  <a:lnTo>
                    <a:pt x="4052359" y="1797354"/>
                  </a:lnTo>
                  <a:lnTo>
                    <a:pt x="4046417" y="1750829"/>
                  </a:lnTo>
                  <a:lnTo>
                    <a:pt x="4039433" y="1704638"/>
                  </a:lnTo>
                  <a:lnTo>
                    <a:pt x="4031421" y="1658791"/>
                  </a:lnTo>
                  <a:lnTo>
                    <a:pt x="4022392" y="1613302"/>
                  </a:lnTo>
                  <a:lnTo>
                    <a:pt x="4012358" y="1568182"/>
                  </a:lnTo>
                  <a:lnTo>
                    <a:pt x="4001333" y="1523444"/>
                  </a:lnTo>
                  <a:lnTo>
                    <a:pt x="3989327" y="1479100"/>
                  </a:lnTo>
                  <a:lnTo>
                    <a:pt x="3976353" y="1435162"/>
                  </a:lnTo>
                  <a:lnTo>
                    <a:pt x="3962424" y="1391643"/>
                  </a:lnTo>
                  <a:lnTo>
                    <a:pt x="3947551" y="1348555"/>
                  </a:lnTo>
                  <a:lnTo>
                    <a:pt x="3931747" y="1305909"/>
                  </a:lnTo>
                  <a:lnTo>
                    <a:pt x="3915024" y="1263718"/>
                  </a:lnTo>
                  <a:lnTo>
                    <a:pt x="3897393" y="1221995"/>
                  </a:lnTo>
                  <a:lnTo>
                    <a:pt x="3878868" y="1180752"/>
                  </a:lnTo>
                  <a:lnTo>
                    <a:pt x="3859461" y="1140000"/>
                  </a:lnTo>
                  <a:lnTo>
                    <a:pt x="3839183" y="1099753"/>
                  </a:lnTo>
                  <a:lnTo>
                    <a:pt x="3818046" y="1060022"/>
                  </a:lnTo>
                  <a:lnTo>
                    <a:pt x="3796064" y="1020819"/>
                  </a:lnTo>
                  <a:lnTo>
                    <a:pt x="3773248" y="982158"/>
                  </a:lnTo>
                  <a:lnTo>
                    <a:pt x="3749610" y="944049"/>
                  </a:lnTo>
                  <a:lnTo>
                    <a:pt x="3725163" y="906506"/>
                  </a:lnTo>
                  <a:lnTo>
                    <a:pt x="3699918" y="869540"/>
                  </a:lnTo>
                  <a:lnTo>
                    <a:pt x="3673888" y="833164"/>
                  </a:lnTo>
                  <a:lnTo>
                    <a:pt x="3647085" y="797390"/>
                  </a:lnTo>
                  <a:lnTo>
                    <a:pt x="3619522" y="762231"/>
                  </a:lnTo>
                  <a:lnTo>
                    <a:pt x="3591210" y="727697"/>
                  </a:lnTo>
                  <a:lnTo>
                    <a:pt x="3562161" y="693803"/>
                  </a:lnTo>
                  <a:lnTo>
                    <a:pt x="3532388" y="660559"/>
                  </a:lnTo>
                  <a:lnTo>
                    <a:pt x="3501904" y="627979"/>
                  </a:lnTo>
                  <a:lnTo>
                    <a:pt x="3470719" y="596074"/>
                  </a:lnTo>
                  <a:lnTo>
                    <a:pt x="3438847" y="564857"/>
                  </a:lnTo>
                  <a:lnTo>
                    <a:pt x="3406299" y="534339"/>
                  </a:lnTo>
                  <a:lnTo>
                    <a:pt x="3373088" y="504534"/>
                  </a:lnTo>
                  <a:lnTo>
                    <a:pt x="3339226" y="475453"/>
                  </a:lnTo>
                  <a:lnTo>
                    <a:pt x="3304725" y="447109"/>
                  </a:lnTo>
                  <a:lnTo>
                    <a:pt x="3269597" y="419514"/>
                  </a:lnTo>
                  <a:lnTo>
                    <a:pt x="3233854" y="392679"/>
                  </a:lnTo>
                  <a:lnTo>
                    <a:pt x="3197510" y="366618"/>
                  </a:lnTo>
                  <a:lnTo>
                    <a:pt x="3160575" y="341343"/>
                  </a:lnTo>
                  <a:lnTo>
                    <a:pt x="3123061" y="316865"/>
                  </a:lnTo>
                  <a:lnTo>
                    <a:pt x="3084983" y="293198"/>
                  </a:lnTo>
                  <a:lnTo>
                    <a:pt x="3046350" y="270353"/>
                  </a:lnTo>
                  <a:lnTo>
                    <a:pt x="3007176" y="248342"/>
                  </a:lnTo>
                  <a:lnTo>
                    <a:pt x="2967473" y="227178"/>
                  </a:lnTo>
                  <a:lnTo>
                    <a:pt x="2927252" y="206873"/>
                  </a:lnTo>
                  <a:lnTo>
                    <a:pt x="2886527" y="187439"/>
                  </a:lnTo>
                  <a:lnTo>
                    <a:pt x="2845309" y="168888"/>
                  </a:lnTo>
                  <a:lnTo>
                    <a:pt x="2803611" y="151233"/>
                  </a:lnTo>
                  <a:lnTo>
                    <a:pt x="2761444" y="134487"/>
                  </a:lnTo>
                  <a:lnTo>
                    <a:pt x="2718820" y="118660"/>
                  </a:lnTo>
                  <a:lnTo>
                    <a:pt x="2675753" y="103766"/>
                  </a:lnTo>
                  <a:lnTo>
                    <a:pt x="2632254" y="89816"/>
                  </a:lnTo>
                  <a:lnTo>
                    <a:pt x="2588336" y="76823"/>
                  </a:lnTo>
                  <a:lnTo>
                    <a:pt x="2544010" y="64799"/>
                  </a:lnTo>
                  <a:lnTo>
                    <a:pt x="2499288" y="53757"/>
                  </a:lnTo>
                  <a:lnTo>
                    <a:pt x="2454184" y="43708"/>
                  </a:lnTo>
                  <a:lnTo>
                    <a:pt x="2408709" y="34665"/>
                  </a:lnTo>
                  <a:lnTo>
                    <a:pt x="2362875" y="26641"/>
                  </a:lnTo>
                  <a:lnTo>
                    <a:pt x="2316694" y="19646"/>
                  </a:lnTo>
                  <a:lnTo>
                    <a:pt x="2270179" y="13694"/>
                  </a:lnTo>
                  <a:lnTo>
                    <a:pt x="2223342" y="8797"/>
                  </a:lnTo>
                  <a:lnTo>
                    <a:pt x="2176195" y="4966"/>
                  </a:lnTo>
                  <a:lnTo>
                    <a:pt x="2128750" y="2215"/>
                  </a:lnTo>
                  <a:lnTo>
                    <a:pt x="2081019" y="555"/>
                  </a:lnTo>
                  <a:lnTo>
                    <a:pt x="2033015" y="0"/>
                  </a:lnTo>
                  <a:close/>
                </a:path>
              </a:pathLst>
            </a:custGeom>
            <a:solidFill>
              <a:srgbClr val="B5CDED"/>
            </a:solidFill>
          </p:spPr>
          <p:txBody>
            <a:bodyPr wrap="square" lIns="0" tIns="0" rIns="0" bIns="0" rtlCol="0"/>
            <a:lstStyle/>
            <a:p>
              <a:endParaRPr sz="1749"/>
            </a:p>
          </p:txBody>
        </p:sp>
        <p:sp>
          <p:nvSpPr>
            <p:cNvPr id="9" name="object 9"/>
            <p:cNvSpPr/>
            <p:nvPr/>
          </p:nvSpPr>
          <p:spPr>
            <a:xfrm>
              <a:off x="5018531" y="1039368"/>
              <a:ext cx="4066540" cy="4067810"/>
            </a:xfrm>
            <a:custGeom>
              <a:avLst/>
              <a:gdLst/>
              <a:ahLst/>
              <a:cxnLst/>
              <a:rect l="l" t="t" r="r" b="b"/>
              <a:pathLst>
                <a:path w="4066540" h="4067810">
                  <a:moveTo>
                    <a:pt x="0" y="2034540"/>
                  </a:moveTo>
                  <a:lnTo>
                    <a:pt x="555" y="1986535"/>
                  </a:lnTo>
                  <a:lnTo>
                    <a:pt x="2211" y="1938801"/>
                  </a:lnTo>
                  <a:lnTo>
                    <a:pt x="4958" y="1891352"/>
                  </a:lnTo>
                  <a:lnTo>
                    <a:pt x="8782" y="1844199"/>
                  </a:lnTo>
                  <a:lnTo>
                    <a:pt x="13672" y="1797354"/>
                  </a:lnTo>
                  <a:lnTo>
                    <a:pt x="19614" y="1750829"/>
                  </a:lnTo>
                  <a:lnTo>
                    <a:pt x="26598" y="1704638"/>
                  </a:lnTo>
                  <a:lnTo>
                    <a:pt x="34610" y="1658791"/>
                  </a:lnTo>
                  <a:lnTo>
                    <a:pt x="43639" y="1613302"/>
                  </a:lnTo>
                  <a:lnTo>
                    <a:pt x="53673" y="1568182"/>
                  </a:lnTo>
                  <a:lnTo>
                    <a:pt x="64698" y="1523444"/>
                  </a:lnTo>
                  <a:lnTo>
                    <a:pt x="76704" y="1479100"/>
                  </a:lnTo>
                  <a:lnTo>
                    <a:pt x="89678" y="1435162"/>
                  </a:lnTo>
                  <a:lnTo>
                    <a:pt x="103607" y="1391643"/>
                  </a:lnTo>
                  <a:lnTo>
                    <a:pt x="118480" y="1348555"/>
                  </a:lnTo>
                  <a:lnTo>
                    <a:pt x="134284" y="1305909"/>
                  </a:lnTo>
                  <a:lnTo>
                    <a:pt x="151007" y="1263718"/>
                  </a:lnTo>
                  <a:lnTo>
                    <a:pt x="168638" y="1221995"/>
                  </a:lnTo>
                  <a:lnTo>
                    <a:pt x="187163" y="1180752"/>
                  </a:lnTo>
                  <a:lnTo>
                    <a:pt x="206570" y="1140000"/>
                  </a:lnTo>
                  <a:lnTo>
                    <a:pt x="226848" y="1099753"/>
                  </a:lnTo>
                  <a:lnTo>
                    <a:pt x="247985" y="1060022"/>
                  </a:lnTo>
                  <a:lnTo>
                    <a:pt x="269967" y="1020819"/>
                  </a:lnTo>
                  <a:lnTo>
                    <a:pt x="292783" y="982158"/>
                  </a:lnTo>
                  <a:lnTo>
                    <a:pt x="316421" y="944049"/>
                  </a:lnTo>
                  <a:lnTo>
                    <a:pt x="340868" y="906506"/>
                  </a:lnTo>
                  <a:lnTo>
                    <a:pt x="366113" y="869540"/>
                  </a:lnTo>
                  <a:lnTo>
                    <a:pt x="392143" y="833164"/>
                  </a:lnTo>
                  <a:lnTo>
                    <a:pt x="418946" y="797390"/>
                  </a:lnTo>
                  <a:lnTo>
                    <a:pt x="446509" y="762231"/>
                  </a:lnTo>
                  <a:lnTo>
                    <a:pt x="474821" y="727697"/>
                  </a:lnTo>
                  <a:lnTo>
                    <a:pt x="503870" y="693803"/>
                  </a:lnTo>
                  <a:lnTo>
                    <a:pt x="533643" y="660559"/>
                  </a:lnTo>
                  <a:lnTo>
                    <a:pt x="564127" y="627979"/>
                  </a:lnTo>
                  <a:lnTo>
                    <a:pt x="595312" y="596074"/>
                  </a:lnTo>
                  <a:lnTo>
                    <a:pt x="627184" y="564857"/>
                  </a:lnTo>
                  <a:lnTo>
                    <a:pt x="659732" y="534339"/>
                  </a:lnTo>
                  <a:lnTo>
                    <a:pt x="692943" y="504534"/>
                  </a:lnTo>
                  <a:lnTo>
                    <a:pt x="726805" y="475453"/>
                  </a:lnTo>
                  <a:lnTo>
                    <a:pt x="761306" y="447109"/>
                  </a:lnTo>
                  <a:lnTo>
                    <a:pt x="796434" y="419514"/>
                  </a:lnTo>
                  <a:lnTo>
                    <a:pt x="832177" y="392679"/>
                  </a:lnTo>
                  <a:lnTo>
                    <a:pt x="868521" y="366618"/>
                  </a:lnTo>
                  <a:lnTo>
                    <a:pt x="905456" y="341343"/>
                  </a:lnTo>
                  <a:lnTo>
                    <a:pt x="942970" y="316865"/>
                  </a:lnTo>
                  <a:lnTo>
                    <a:pt x="981048" y="293198"/>
                  </a:lnTo>
                  <a:lnTo>
                    <a:pt x="1019681" y="270353"/>
                  </a:lnTo>
                  <a:lnTo>
                    <a:pt x="1058855" y="248342"/>
                  </a:lnTo>
                  <a:lnTo>
                    <a:pt x="1098558" y="227178"/>
                  </a:lnTo>
                  <a:lnTo>
                    <a:pt x="1138779" y="206873"/>
                  </a:lnTo>
                  <a:lnTo>
                    <a:pt x="1179504" y="187439"/>
                  </a:lnTo>
                  <a:lnTo>
                    <a:pt x="1220722" y="168888"/>
                  </a:lnTo>
                  <a:lnTo>
                    <a:pt x="1262420" y="151233"/>
                  </a:lnTo>
                  <a:lnTo>
                    <a:pt x="1304587" y="134487"/>
                  </a:lnTo>
                  <a:lnTo>
                    <a:pt x="1347211" y="118660"/>
                  </a:lnTo>
                  <a:lnTo>
                    <a:pt x="1390278" y="103766"/>
                  </a:lnTo>
                  <a:lnTo>
                    <a:pt x="1433777" y="89816"/>
                  </a:lnTo>
                  <a:lnTo>
                    <a:pt x="1477695" y="76823"/>
                  </a:lnTo>
                  <a:lnTo>
                    <a:pt x="1522021" y="64799"/>
                  </a:lnTo>
                  <a:lnTo>
                    <a:pt x="1566743" y="53757"/>
                  </a:lnTo>
                  <a:lnTo>
                    <a:pt x="1611847" y="43708"/>
                  </a:lnTo>
                  <a:lnTo>
                    <a:pt x="1657322" y="34665"/>
                  </a:lnTo>
                  <a:lnTo>
                    <a:pt x="1703156" y="26641"/>
                  </a:lnTo>
                  <a:lnTo>
                    <a:pt x="1749337" y="19646"/>
                  </a:lnTo>
                  <a:lnTo>
                    <a:pt x="1795852" y="13694"/>
                  </a:lnTo>
                  <a:lnTo>
                    <a:pt x="1842689" y="8797"/>
                  </a:lnTo>
                  <a:lnTo>
                    <a:pt x="1889836" y="4966"/>
                  </a:lnTo>
                  <a:lnTo>
                    <a:pt x="1937281" y="2215"/>
                  </a:lnTo>
                  <a:lnTo>
                    <a:pt x="1985012" y="555"/>
                  </a:lnTo>
                  <a:lnTo>
                    <a:pt x="2033015" y="0"/>
                  </a:lnTo>
                  <a:lnTo>
                    <a:pt x="2081019" y="555"/>
                  </a:lnTo>
                  <a:lnTo>
                    <a:pt x="2128750" y="2215"/>
                  </a:lnTo>
                  <a:lnTo>
                    <a:pt x="2176195" y="4966"/>
                  </a:lnTo>
                  <a:lnTo>
                    <a:pt x="2223342" y="8797"/>
                  </a:lnTo>
                  <a:lnTo>
                    <a:pt x="2270179" y="13694"/>
                  </a:lnTo>
                  <a:lnTo>
                    <a:pt x="2316694" y="19646"/>
                  </a:lnTo>
                  <a:lnTo>
                    <a:pt x="2362875" y="26641"/>
                  </a:lnTo>
                  <a:lnTo>
                    <a:pt x="2408709" y="34665"/>
                  </a:lnTo>
                  <a:lnTo>
                    <a:pt x="2454184" y="43708"/>
                  </a:lnTo>
                  <a:lnTo>
                    <a:pt x="2499288" y="53757"/>
                  </a:lnTo>
                  <a:lnTo>
                    <a:pt x="2544010" y="64799"/>
                  </a:lnTo>
                  <a:lnTo>
                    <a:pt x="2588336" y="76823"/>
                  </a:lnTo>
                  <a:lnTo>
                    <a:pt x="2632254" y="89816"/>
                  </a:lnTo>
                  <a:lnTo>
                    <a:pt x="2675753" y="103766"/>
                  </a:lnTo>
                  <a:lnTo>
                    <a:pt x="2718820" y="118660"/>
                  </a:lnTo>
                  <a:lnTo>
                    <a:pt x="2761444" y="134487"/>
                  </a:lnTo>
                  <a:lnTo>
                    <a:pt x="2803611" y="151233"/>
                  </a:lnTo>
                  <a:lnTo>
                    <a:pt x="2845309" y="168888"/>
                  </a:lnTo>
                  <a:lnTo>
                    <a:pt x="2886527" y="187439"/>
                  </a:lnTo>
                  <a:lnTo>
                    <a:pt x="2927252" y="206873"/>
                  </a:lnTo>
                  <a:lnTo>
                    <a:pt x="2967473" y="227178"/>
                  </a:lnTo>
                  <a:lnTo>
                    <a:pt x="3007176" y="248342"/>
                  </a:lnTo>
                  <a:lnTo>
                    <a:pt x="3046350" y="270353"/>
                  </a:lnTo>
                  <a:lnTo>
                    <a:pt x="3084983" y="293198"/>
                  </a:lnTo>
                  <a:lnTo>
                    <a:pt x="3123061" y="316865"/>
                  </a:lnTo>
                  <a:lnTo>
                    <a:pt x="3160575" y="341343"/>
                  </a:lnTo>
                  <a:lnTo>
                    <a:pt x="3197510" y="366618"/>
                  </a:lnTo>
                  <a:lnTo>
                    <a:pt x="3233854" y="392679"/>
                  </a:lnTo>
                  <a:lnTo>
                    <a:pt x="3269597" y="419514"/>
                  </a:lnTo>
                  <a:lnTo>
                    <a:pt x="3304725" y="447109"/>
                  </a:lnTo>
                  <a:lnTo>
                    <a:pt x="3339226" y="475453"/>
                  </a:lnTo>
                  <a:lnTo>
                    <a:pt x="3373088" y="504534"/>
                  </a:lnTo>
                  <a:lnTo>
                    <a:pt x="3406299" y="534339"/>
                  </a:lnTo>
                  <a:lnTo>
                    <a:pt x="3438847" y="564857"/>
                  </a:lnTo>
                  <a:lnTo>
                    <a:pt x="3470719" y="596074"/>
                  </a:lnTo>
                  <a:lnTo>
                    <a:pt x="3501904" y="627979"/>
                  </a:lnTo>
                  <a:lnTo>
                    <a:pt x="3532388" y="660559"/>
                  </a:lnTo>
                  <a:lnTo>
                    <a:pt x="3562161" y="693803"/>
                  </a:lnTo>
                  <a:lnTo>
                    <a:pt x="3591210" y="727697"/>
                  </a:lnTo>
                  <a:lnTo>
                    <a:pt x="3619522" y="762231"/>
                  </a:lnTo>
                  <a:lnTo>
                    <a:pt x="3647085" y="797390"/>
                  </a:lnTo>
                  <a:lnTo>
                    <a:pt x="3673888" y="833164"/>
                  </a:lnTo>
                  <a:lnTo>
                    <a:pt x="3699918" y="869540"/>
                  </a:lnTo>
                  <a:lnTo>
                    <a:pt x="3725163" y="906506"/>
                  </a:lnTo>
                  <a:lnTo>
                    <a:pt x="3749610" y="944049"/>
                  </a:lnTo>
                  <a:lnTo>
                    <a:pt x="3773248" y="982158"/>
                  </a:lnTo>
                  <a:lnTo>
                    <a:pt x="3796064" y="1020819"/>
                  </a:lnTo>
                  <a:lnTo>
                    <a:pt x="3818046" y="1060022"/>
                  </a:lnTo>
                  <a:lnTo>
                    <a:pt x="3839183" y="1099753"/>
                  </a:lnTo>
                  <a:lnTo>
                    <a:pt x="3859461" y="1140000"/>
                  </a:lnTo>
                  <a:lnTo>
                    <a:pt x="3878868" y="1180752"/>
                  </a:lnTo>
                  <a:lnTo>
                    <a:pt x="3897393" y="1221995"/>
                  </a:lnTo>
                  <a:lnTo>
                    <a:pt x="3915024" y="1263718"/>
                  </a:lnTo>
                  <a:lnTo>
                    <a:pt x="3931747" y="1305909"/>
                  </a:lnTo>
                  <a:lnTo>
                    <a:pt x="3947551" y="1348555"/>
                  </a:lnTo>
                  <a:lnTo>
                    <a:pt x="3962424" y="1391643"/>
                  </a:lnTo>
                  <a:lnTo>
                    <a:pt x="3976353" y="1435162"/>
                  </a:lnTo>
                  <a:lnTo>
                    <a:pt x="3989327" y="1479100"/>
                  </a:lnTo>
                  <a:lnTo>
                    <a:pt x="4001333" y="1523444"/>
                  </a:lnTo>
                  <a:lnTo>
                    <a:pt x="4012358" y="1568182"/>
                  </a:lnTo>
                  <a:lnTo>
                    <a:pt x="4022392" y="1613302"/>
                  </a:lnTo>
                  <a:lnTo>
                    <a:pt x="4031421" y="1658791"/>
                  </a:lnTo>
                  <a:lnTo>
                    <a:pt x="4039433" y="1704638"/>
                  </a:lnTo>
                  <a:lnTo>
                    <a:pt x="4046417" y="1750829"/>
                  </a:lnTo>
                  <a:lnTo>
                    <a:pt x="4052359" y="1797354"/>
                  </a:lnTo>
                  <a:lnTo>
                    <a:pt x="4057249" y="1844199"/>
                  </a:lnTo>
                  <a:lnTo>
                    <a:pt x="4061073" y="1891352"/>
                  </a:lnTo>
                  <a:lnTo>
                    <a:pt x="4063820" y="1938801"/>
                  </a:lnTo>
                  <a:lnTo>
                    <a:pt x="4065476" y="1986535"/>
                  </a:lnTo>
                  <a:lnTo>
                    <a:pt x="4066032" y="2034540"/>
                  </a:lnTo>
                  <a:lnTo>
                    <a:pt x="4065476" y="2082543"/>
                  </a:lnTo>
                  <a:lnTo>
                    <a:pt x="4063820" y="2130274"/>
                  </a:lnTo>
                  <a:lnTo>
                    <a:pt x="4061073" y="2177719"/>
                  </a:lnTo>
                  <a:lnTo>
                    <a:pt x="4057249" y="2224866"/>
                  </a:lnTo>
                  <a:lnTo>
                    <a:pt x="4052359" y="2271703"/>
                  </a:lnTo>
                  <a:lnTo>
                    <a:pt x="4046417" y="2318218"/>
                  </a:lnTo>
                  <a:lnTo>
                    <a:pt x="4039433" y="2364399"/>
                  </a:lnTo>
                  <a:lnTo>
                    <a:pt x="4031421" y="2410233"/>
                  </a:lnTo>
                  <a:lnTo>
                    <a:pt x="4022392" y="2455708"/>
                  </a:lnTo>
                  <a:lnTo>
                    <a:pt x="4012358" y="2500812"/>
                  </a:lnTo>
                  <a:lnTo>
                    <a:pt x="4001333" y="2545534"/>
                  </a:lnTo>
                  <a:lnTo>
                    <a:pt x="3989327" y="2589860"/>
                  </a:lnTo>
                  <a:lnTo>
                    <a:pt x="3976353" y="2633778"/>
                  </a:lnTo>
                  <a:lnTo>
                    <a:pt x="3962424" y="2677277"/>
                  </a:lnTo>
                  <a:lnTo>
                    <a:pt x="3947551" y="2720344"/>
                  </a:lnTo>
                  <a:lnTo>
                    <a:pt x="3931747" y="2762968"/>
                  </a:lnTo>
                  <a:lnTo>
                    <a:pt x="3915024" y="2805135"/>
                  </a:lnTo>
                  <a:lnTo>
                    <a:pt x="3897393" y="2846833"/>
                  </a:lnTo>
                  <a:lnTo>
                    <a:pt x="3878868" y="2888051"/>
                  </a:lnTo>
                  <a:lnTo>
                    <a:pt x="3859461" y="2928776"/>
                  </a:lnTo>
                  <a:lnTo>
                    <a:pt x="3839183" y="2968997"/>
                  </a:lnTo>
                  <a:lnTo>
                    <a:pt x="3818046" y="3008700"/>
                  </a:lnTo>
                  <a:lnTo>
                    <a:pt x="3796064" y="3047874"/>
                  </a:lnTo>
                  <a:lnTo>
                    <a:pt x="3773248" y="3086507"/>
                  </a:lnTo>
                  <a:lnTo>
                    <a:pt x="3749610" y="3124585"/>
                  </a:lnTo>
                  <a:lnTo>
                    <a:pt x="3725163" y="3162099"/>
                  </a:lnTo>
                  <a:lnTo>
                    <a:pt x="3699918" y="3199034"/>
                  </a:lnTo>
                  <a:lnTo>
                    <a:pt x="3673888" y="3235378"/>
                  </a:lnTo>
                  <a:lnTo>
                    <a:pt x="3647085" y="3271121"/>
                  </a:lnTo>
                  <a:lnTo>
                    <a:pt x="3619522" y="3306249"/>
                  </a:lnTo>
                  <a:lnTo>
                    <a:pt x="3591210" y="3340750"/>
                  </a:lnTo>
                  <a:lnTo>
                    <a:pt x="3562161" y="3374612"/>
                  </a:lnTo>
                  <a:lnTo>
                    <a:pt x="3532388" y="3407823"/>
                  </a:lnTo>
                  <a:lnTo>
                    <a:pt x="3501904" y="3440371"/>
                  </a:lnTo>
                  <a:lnTo>
                    <a:pt x="3470719" y="3472243"/>
                  </a:lnTo>
                  <a:lnTo>
                    <a:pt x="3438847" y="3503428"/>
                  </a:lnTo>
                  <a:lnTo>
                    <a:pt x="3406299" y="3533912"/>
                  </a:lnTo>
                  <a:lnTo>
                    <a:pt x="3373088" y="3563685"/>
                  </a:lnTo>
                  <a:lnTo>
                    <a:pt x="3339226" y="3592734"/>
                  </a:lnTo>
                  <a:lnTo>
                    <a:pt x="3304725" y="3621046"/>
                  </a:lnTo>
                  <a:lnTo>
                    <a:pt x="3269597" y="3648609"/>
                  </a:lnTo>
                  <a:lnTo>
                    <a:pt x="3233854" y="3675412"/>
                  </a:lnTo>
                  <a:lnTo>
                    <a:pt x="3197510" y="3701442"/>
                  </a:lnTo>
                  <a:lnTo>
                    <a:pt x="3160575" y="3726687"/>
                  </a:lnTo>
                  <a:lnTo>
                    <a:pt x="3123061" y="3751134"/>
                  </a:lnTo>
                  <a:lnTo>
                    <a:pt x="3084983" y="3774772"/>
                  </a:lnTo>
                  <a:lnTo>
                    <a:pt x="3046350" y="3797588"/>
                  </a:lnTo>
                  <a:lnTo>
                    <a:pt x="3007176" y="3819570"/>
                  </a:lnTo>
                  <a:lnTo>
                    <a:pt x="2967473" y="3840707"/>
                  </a:lnTo>
                  <a:lnTo>
                    <a:pt x="2927252" y="3860985"/>
                  </a:lnTo>
                  <a:lnTo>
                    <a:pt x="2886527" y="3880392"/>
                  </a:lnTo>
                  <a:lnTo>
                    <a:pt x="2845309" y="3898917"/>
                  </a:lnTo>
                  <a:lnTo>
                    <a:pt x="2803611" y="3916548"/>
                  </a:lnTo>
                  <a:lnTo>
                    <a:pt x="2761444" y="3933271"/>
                  </a:lnTo>
                  <a:lnTo>
                    <a:pt x="2718820" y="3949075"/>
                  </a:lnTo>
                  <a:lnTo>
                    <a:pt x="2675753" y="3963948"/>
                  </a:lnTo>
                  <a:lnTo>
                    <a:pt x="2632254" y="3977877"/>
                  </a:lnTo>
                  <a:lnTo>
                    <a:pt x="2588336" y="3990851"/>
                  </a:lnTo>
                  <a:lnTo>
                    <a:pt x="2544010" y="4002857"/>
                  </a:lnTo>
                  <a:lnTo>
                    <a:pt x="2499288" y="4013882"/>
                  </a:lnTo>
                  <a:lnTo>
                    <a:pt x="2454184" y="4023916"/>
                  </a:lnTo>
                  <a:lnTo>
                    <a:pt x="2408709" y="4032945"/>
                  </a:lnTo>
                  <a:lnTo>
                    <a:pt x="2362875" y="4040957"/>
                  </a:lnTo>
                  <a:lnTo>
                    <a:pt x="2316694" y="4047941"/>
                  </a:lnTo>
                  <a:lnTo>
                    <a:pt x="2270179" y="4053883"/>
                  </a:lnTo>
                  <a:lnTo>
                    <a:pt x="2223342" y="4058773"/>
                  </a:lnTo>
                  <a:lnTo>
                    <a:pt x="2176195" y="4062597"/>
                  </a:lnTo>
                  <a:lnTo>
                    <a:pt x="2128750" y="4065344"/>
                  </a:lnTo>
                  <a:lnTo>
                    <a:pt x="2081019" y="4067000"/>
                  </a:lnTo>
                  <a:lnTo>
                    <a:pt x="2033015" y="4067556"/>
                  </a:lnTo>
                  <a:lnTo>
                    <a:pt x="1985012" y="4067000"/>
                  </a:lnTo>
                  <a:lnTo>
                    <a:pt x="1937281" y="4065344"/>
                  </a:lnTo>
                  <a:lnTo>
                    <a:pt x="1889836" y="4062597"/>
                  </a:lnTo>
                  <a:lnTo>
                    <a:pt x="1842689" y="4058773"/>
                  </a:lnTo>
                  <a:lnTo>
                    <a:pt x="1795852" y="4053883"/>
                  </a:lnTo>
                  <a:lnTo>
                    <a:pt x="1749337" y="4047941"/>
                  </a:lnTo>
                  <a:lnTo>
                    <a:pt x="1703156" y="4040957"/>
                  </a:lnTo>
                  <a:lnTo>
                    <a:pt x="1657322" y="4032945"/>
                  </a:lnTo>
                  <a:lnTo>
                    <a:pt x="1611847" y="4023916"/>
                  </a:lnTo>
                  <a:lnTo>
                    <a:pt x="1566743" y="4013882"/>
                  </a:lnTo>
                  <a:lnTo>
                    <a:pt x="1522021" y="4002857"/>
                  </a:lnTo>
                  <a:lnTo>
                    <a:pt x="1477695" y="3990851"/>
                  </a:lnTo>
                  <a:lnTo>
                    <a:pt x="1433777" y="3977877"/>
                  </a:lnTo>
                  <a:lnTo>
                    <a:pt x="1390278" y="3963948"/>
                  </a:lnTo>
                  <a:lnTo>
                    <a:pt x="1347211" y="3949075"/>
                  </a:lnTo>
                  <a:lnTo>
                    <a:pt x="1304587" y="3933271"/>
                  </a:lnTo>
                  <a:lnTo>
                    <a:pt x="1262420" y="3916548"/>
                  </a:lnTo>
                  <a:lnTo>
                    <a:pt x="1220722" y="3898917"/>
                  </a:lnTo>
                  <a:lnTo>
                    <a:pt x="1179504" y="3880392"/>
                  </a:lnTo>
                  <a:lnTo>
                    <a:pt x="1138779" y="3860985"/>
                  </a:lnTo>
                  <a:lnTo>
                    <a:pt x="1098558" y="3840707"/>
                  </a:lnTo>
                  <a:lnTo>
                    <a:pt x="1058855" y="3819570"/>
                  </a:lnTo>
                  <a:lnTo>
                    <a:pt x="1019681" y="3797588"/>
                  </a:lnTo>
                  <a:lnTo>
                    <a:pt x="981048" y="3774772"/>
                  </a:lnTo>
                  <a:lnTo>
                    <a:pt x="942970" y="3751134"/>
                  </a:lnTo>
                  <a:lnTo>
                    <a:pt x="905456" y="3726687"/>
                  </a:lnTo>
                  <a:lnTo>
                    <a:pt x="868521" y="3701442"/>
                  </a:lnTo>
                  <a:lnTo>
                    <a:pt x="832177" y="3675412"/>
                  </a:lnTo>
                  <a:lnTo>
                    <a:pt x="796434" y="3648609"/>
                  </a:lnTo>
                  <a:lnTo>
                    <a:pt x="761306" y="3621046"/>
                  </a:lnTo>
                  <a:lnTo>
                    <a:pt x="726805" y="3592734"/>
                  </a:lnTo>
                  <a:lnTo>
                    <a:pt x="692943" y="3563685"/>
                  </a:lnTo>
                  <a:lnTo>
                    <a:pt x="659732" y="3533912"/>
                  </a:lnTo>
                  <a:lnTo>
                    <a:pt x="627184" y="3503428"/>
                  </a:lnTo>
                  <a:lnTo>
                    <a:pt x="595312" y="3472243"/>
                  </a:lnTo>
                  <a:lnTo>
                    <a:pt x="564127" y="3440371"/>
                  </a:lnTo>
                  <a:lnTo>
                    <a:pt x="533643" y="3407823"/>
                  </a:lnTo>
                  <a:lnTo>
                    <a:pt x="503870" y="3374612"/>
                  </a:lnTo>
                  <a:lnTo>
                    <a:pt x="474821" y="3340750"/>
                  </a:lnTo>
                  <a:lnTo>
                    <a:pt x="446509" y="3306249"/>
                  </a:lnTo>
                  <a:lnTo>
                    <a:pt x="418946" y="3271121"/>
                  </a:lnTo>
                  <a:lnTo>
                    <a:pt x="392143" y="3235378"/>
                  </a:lnTo>
                  <a:lnTo>
                    <a:pt x="366113" y="3199034"/>
                  </a:lnTo>
                  <a:lnTo>
                    <a:pt x="340868" y="3162099"/>
                  </a:lnTo>
                  <a:lnTo>
                    <a:pt x="316421" y="3124585"/>
                  </a:lnTo>
                  <a:lnTo>
                    <a:pt x="292783" y="3086507"/>
                  </a:lnTo>
                  <a:lnTo>
                    <a:pt x="269967" y="3047874"/>
                  </a:lnTo>
                  <a:lnTo>
                    <a:pt x="247985" y="3008700"/>
                  </a:lnTo>
                  <a:lnTo>
                    <a:pt x="226848" y="2968997"/>
                  </a:lnTo>
                  <a:lnTo>
                    <a:pt x="206570" y="2928776"/>
                  </a:lnTo>
                  <a:lnTo>
                    <a:pt x="187163" y="2888051"/>
                  </a:lnTo>
                  <a:lnTo>
                    <a:pt x="168638" y="2846833"/>
                  </a:lnTo>
                  <a:lnTo>
                    <a:pt x="151007" y="2805135"/>
                  </a:lnTo>
                  <a:lnTo>
                    <a:pt x="134284" y="2762968"/>
                  </a:lnTo>
                  <a:lnTo>
                    <a:pt x="118480" y="2720344"/>
                  </a:lnTo>
                  <a:lnTo>
                    <a:pt x="103607" y="2677277"/>
                  </a:lnTo>
                  <a:lnTo>
                    <a:pt x="89678" y="2633778"/>
                  </a:lnTo>
                  <a:lnTo>
                    <a:pt x="76704" y="2589860"/>
                  </a:lnTo>
                  <a:lnTo>
                    <a:pt x="64698" y="2545534"/>
                  </a:lnTo>
                  <a:lnTo>
                    <a:pt x="53673" y="2500812"/>
                  </a:lnTo>
                  <a:lnTo>
                    <a:pt x="43639" y="2455708"/>
                  </a:lnTo>
                  <a:lnTo>
                    <a:pt x="34610" y="2410233"/>
                  </a:lnTo>
                  <a:lnTo>
                    <a:pt x="26598" y="2364399"/>
                  </a:lnTo>
                  <a:lnTo>
                    <a:pt x="19614" y="2318218"/>
                  </a:lnTo>
                  <a:lnTo>
                    <a:pt x="13672" y="2271703"/>
                  </a:lnTo>
                  <a:lnTo>
                    <a:pt x="8782" y="2224866"/>
                  </a:lnTo>
                  <a:lnTo>
                    <a:pt x="4958" y="2177719"/>
                  </a:lnTo>
                  <a:lnTo>
                    <a:pt x="2211" y="2130274"/>
                  </a:lnTo>
                  <a:lnTo>
                    <a:pt x="555" y="2082543"/>
                  </a:lnTo>
                  <a:lnTo>
                    <a:pt x="0" y="2034540"/>
                  </a:lnTo>
                </a:path>
              </a:pathLst>
            </a:custGeom>
            <a:ln w="28956">
              <a:solidFill>
                <a:srgbClr val="1C334D"/>
              </a:solidFill>
            </a:ln>
          </p:spPr>
          <p:txBody>
            <a:bodyPr wrap="square" lIns="0" tIns="0" rIns="0" bIns="0" rtlCol="0"/>
            <a:lstStyle/>
            <a:p>
              <a:endParaRPr sz="1749"/>
            </a:p>
          </p:txBody>
        </p:sp>
        <p:pic>
          <p:nvPicPr>
            <p:cNvPr id="10" name="object 10"/>
            <p:cNvPicPr/>
            <p:nvPr/>
          </p:nvPicPr>
          <p:blipFill>
            <a:blip r:embed="rId3" cstate="print"/>
            <a:stretch>
              <a:fillRect/>
            </a:stretch>
          </p:blipFill>
          <p:spPr>
            <a:xfrm>
              <a:off x="1360931" y="1767840"/>
              <a:ext cx="5166360" cy="4181855"/>
            </a:xfrm>
            <a:prstGeom prst="rect">
              <a:avLst/>
            </a:prstGeom>
          </p:spPr>
        </p:pic>
        <p:sp>
          <p:nvSpPr>
            <p:cNvPr id="11" name="object 11"/>
            <p:cNvSpPr/>
            <p:nvPr/>
          </p:nvSpPr>
          <p:spPr>
            <a:xfrm>
              <a:off x="1261871" y="2258568"/>
              <a:ext cx="3927475" cy="3927475"/>
            </a:xfrm>
            <a:custGeom>
              <a:avLst/>
              <a:gdLst/>
              <a:ahLst/>
              <a:cxnLst/>
              <a:rect l="l" t="t" r="r" b="b"/>
              <a:pathLst>
                <a:path w="3927475" h="3927475">
                  <a:moveTo>
                    <a:pt x="1964436" y="0"/>
                  </a:moveTo>
                  <a:lnTo>
                    <a:pt x="1915989" y="585"/>
                  </a:lnTo>
                  <a:lnTo>
                    <a:pt x="1867831" y="2332"/>
                  </a:lnTo>
                  <a:lnTo>
                    <a:pt x="1819975" y="5228"/>
                  </a:lnTo>
                  <a:lnTo>
                    <a:pt x="1772435" y="9259"/>
                  </a:lnTo>
                  <a:lnTo>
                    <a:pt x="1725223" y="14411"/>
                  </a:lnTo>
                  <a:lnTo>
                    <a:pt x="1678353" y="20672"/>
                  </a:lnTo>
                  <a:lnTo>
                    <a:pt x="1631839" y="28027"/>
                  </a:lnTo>
                  <a:lnTo>
                    <a:pt x="1585694" y="36464"/>
                  </a:lnTo>
                  <a:lnTo>
                    <a:pt x="1539931" y="45968"/>
                  </a:lnTo>
                  <a:lnTo>
                    <a:pt x="1494564" y="56527"/>
                  </a:lnTo>
                  <a:lnTo>
                    <a:pt x="1449607" y="68126"/>
                  </a:lnTo>
                  <a:lnTo>
                    <a:pt x="1405073" y="80754"/>
                  </a:lnTo>
                  <a:lnTo>
                    <a:pt x="1360974" y="94395"/>
                  </a:lnTo>
                  <a:lnTo>
                    <a:pt x="1317326" y="109037"/>
                  </a:lnTo>
                  <a:lnTo>
                    <a:pt x="1274141" y="124666"/>
                  </a:lnTo>
                  <a:lnTo>
                    <a:pt x="1231432" y="141269"/>
                  </a:lnTo>
                  <a:lnTo>
                    <a:pt x="1189213" y="158832"/>
                  </a:lnTo>
                  <a:lnTo>
                    <a:pt x="1147497" y="177342"/>
                  </a:lnTo>
                  <a:lnTo>
                    <a:pt x="1106299" y="196786"/>
                  </a:lnTo>
                  <a:lnTo>
                    <a:pt x="1065631" y="217150"/>
                  </a:lnTo>
                  <a:lnTo>
                    <a:pt x="1025506" y="238420"/>
                  </a:lnTo>
                  <a:lnTo>
                    <a:pt x="985939" y="260583"/>
                  </a:lnTo>
                  <a:lnTo>
                    <a:pt x="946942" y="283626"/>
                  </a:lnTo>
                  <a:lnTo>
                    <a:pt x="908530" y="307535"/>
                  </a:lnTo>
                  <a:lnTo>
                    <a:pt x="870715" y="332298"/>
                  </a:lnTo>
                  <a:lnTo>
                    <a:pt x="833510" y="357899"/>
                  </a:lnTo>
                  <a:lnTo>
                    <a:pt x="796931" y="384327"/>
                  </a:lnTo>
                  <a:lnTo>
                    <a:pt x="760989" y="411567"/>
                  </a:lnTo>
                  <a:lnTo>
                    <a:pt x="725698" y="439606"/>
                  </a:lnTo>
                  <a:lnTo>
                    <a:pt x="691072" y="468430"/>
                  </a:lnTo>
                  <a:lnTo>
                    <a:pt x="657124" y="498027"/>
                  </a:lnTo>
                  <a:lnTo>
                    <a:pt x="623868" y="528383"/>
                  </a:lnTo>
                  <a:lnTo>
                    <a:pt x="591317" y="559484"/>
                  </a:lnTo>
                  <a:lnTo>
                    <a:pt x="559484" y="591317"/>
                  </a:lnTo>
                  <a:lnTo>
                    <a:pt x="528383" y="623868"/>
                  </a:lnTo>
                  <a:lnTo>
                    <a:pt x="498027" y="657124"/>
                  </a:lnTo>
                  <a:lnTo>
                    <a:pt x="468430" y="691072"/>
                  </a:lnTo>
                  <a:lnTo>
                    <a:pt x="439606" y="725698"/>
                  </a:lnTo>
                  <a:lnTo>
                    <a:pt x="411567" y="760989"/>
                  </a:lnTo>
                  <a:lnTo>
                    <a:pt x="384327" y="796931"/>
                  </a:lnTo>
                  <a:lnTo>
                    <a:pt x="357899" y="833510"/>
                  </a:lnTo>
                  <a:lnTo>
                    <a:pt x="332298" y="870715"/>
                  </a:lnTo>
                  <a:lnTo>
                    <a:pt x="307535" y="908530"/>
                  </a:lnTo>
                  <a:lnTo>
                    <a:pt x="283626" y="946942"/>
                  </a:lnTo>
                  <a:lnTo>
                    <a:pt x="260583" y="985939"/>
                  </a:lnTo>
                  <a:lnTo>
                    <a:pt x="238420" y="1025506"/>
                  </a:lnTo>
                  <a:lnTo>
                    <a:pt x="217150" y="1065631"/>
                  </a:lnTo>
                  <a:lnTo>
                    <a:pt x="196786" y="1106299"/>
                  </a:lnTo>
                  <a:lnTo>
                    <a:pt x="177342" y="1147497"/>
                  </a:lnTo>
                  <a:lnTo>
                    <a:pt x="158832" y="1189213"/>
                  </a:lnTo>
                  <a:lnTo>
                    <a:pt x="141269" y="1231432"/>
                  </a:lnTo>
                  <a:lnTo>
                    <a:pt x="124666" y="1274141"/>
                  </a:lnTo>
                  <a:lnTo>
                    <a:pt x="109037" y="1317326"/>
                  </a:lnTo>
                  <a:lnTo>
                    <a:pt x="94395" y="1360974"/>
                  </a:lnTo>
                  <a:lnTo>
                    <a:pt x="80754" y="1405073"/>
                  </a:lnTo>
                  <a:lnTo>
                    <a:pt x="68126" y="1449607"/>
                  </a:lnTo>
                  <a:lnTo>
                    <a:pt x="56527" y="1494564"/>
                  </a:lnTo>
                  <a:lnTo>
                    <a:pt x="45968" y="1539931"/>
                  </a:lnTo>
                  <a:lnTo>
                    <a:pt x="36464" y="1585694"/>
                  </a:lnTo>
                  <a:lnTo>
                    <a:pt x="28027" y="1631839"/>
                  </a:lnTo>
                  <a:lnTo>
                    <a:pt x="20672" y="1678353"/>
                  </a:lnTo>
                  <a:lnTo>
                    <a:pt x="14411" y="1725223"/>
                  </a:lnTo>
                  <a:lnTo>
                    <a:pt x="9259" y="1772435"/>
                  </a:lnTo>
                  <a:lnTo>
                    <a:pt x="5228" y="1819975"/>
                  </a:lnTo>
                  <a:lnTo>
                    <a:pt x="2332" y="1867831"/>
                  </a:lnTo>
                  <a:lnTo>
                    <a:pt x="585" y="1915989"/>
                  </a:lnTo>
                  <a:lnTo>
                    <a:pt x="0" y="1964436"/>
                  </a:lnTo>
                  <a:lnTo>
                    <a:pt x="585" y="2012815"/>
                  </a:lnTo>
                  <a:lnTo>
                    <a:pt x="2332" y="2060907"/>
                  </a:lnTo>
                  <a:lnTo>
                    <a:pt x="5228" y="2108700"/>
                  </a:lnTo>
                  <a:lnTo>
                    <a:pt x="9259" y="2156179"/>
                  </a:lnTo>
                  <a:lnTo>
                    <a:pt x="14411" y="2203332"/>
                  </a:lnTo>
                  <a:lnTo>
                    <a:pt x="20672" y="2250144"/>
                  </a:lnTo>
                  <a:lnTo>
                    <a:pt x="28027" y="2296603"/>
                  </a:lnTo>
                  <a:lnTo>
                    <a:pt x="36464" y="2342694"/>
                  </a:lnTo>
                  <a:lnTo>
                    <a:pt x="45968" y="2388405"/>
                  </a:lnTo>
                  <a:lnTo>
                    <a:pt x="56527" y="2433721"/>
                  </a:lnTo>
                  <a:lnTo>
                    <a:pt x="68126" y="2478630"/>
                  </a:lnTo>
                  <a:lnTo>
                    <a:pt x="80754" y="2523117"/>
                  </a:lnTo>
                  <a:lnTo>
                    <a:pt x="94395" y="2567170"/>
                  </a:lnTo>
                  <a:lnTo>
                    <a:pt x="109037" y="2610775"/>
                  </a:lnTo>
                  <a:lnTo>
                    <a:pt x="124666" y="2653919"/>
                  </a:lnTo>
                  <a:lnTo>
                    <a:pt x="141269" y="2696587"/>
                  </a:lnTo>
                  <a:lnTo>
                    <a:pt x="158832" y="2738768"/>
                  </a:lnTo>
                  <a:lnTo>
                    <a:pt x="177342" y="2780446"/>
                  </a:lnTo>
                  <a:lnTo>
                    <a:pt x="196786" y="2821609"/>
                  </a:lnTo>
                  <a:lnTo>
                    <a:pt x="217150" y="2862242"/>
                  </a:lnTo>
                  <a:lnTo>
                    <a:pt x="238420" y="2902334"/>
                  </a:lnTo>
                  <a:lnTo>
                    <a:pt x="260583" y="2941870"/>
                  </a:lnTo>
                  <a:lnTo>
                    <a:pt x="283626" y="2980836"/>
                  </a:lnTo>
                  <a:lnTo>
                    <a:pt x="307535" y="3019220"/>
                  </a:lnTo>
                  <a:lnTo>
                    <a:pt x="332298" y="3057008"/>
                  </a:lnTo>
                  <a:lnTo>
                    <a:pt x="357899" y="3094186"/>
                  </a:lnTo>
                  <a:lnTo>
                    <a:pt x="384327" y="3130741"/>
                  </a:lnTo>
                  <a:lnTo>
                    <a:pt x="411567" y="3166659"/>
                  </a:lnTo>
                  <a:lnTo>
                    <a:pt x="439606" y="3201927"/>
                  </a:lnTo>
                  <a:lnTo>
                    <a:pt x="468430" y="3236532"/>
                  </a:lnTo>
                  <a:lnTo>
                    <a:pt x="498027" y="3270459"/>
                  </a:lnTo>
                  <a:lnTo>
                    <a:pt x="528383" y="3303696"/>
                  </a:lnTo>
                  <a:lnTo>
                    <a:pt x="559484" y="3336230"/>
                  </a:lnTo>
                  <a:lnTo>
                    <a:pt x="591317" y="3368045"/>
                  </a:lnTo>
                  <a:lnTo>
                    <a:pt x="623868" y="3399130"/>
                  </a:lnTo>
                  <a:lnTo>
                    <a:pt x="657124" y="3429471"/>
                  </a:lnTo>
                  <a:lnTo>
                    <a:pt x="691072" y="3459054"/>
                  </a:lnTo>
                  <a:lnTo>
                    <a:pt x="725698" y="3487865"/>
                  </a:lnTo>
                  <a:lnTo>
                    <a:pt x="760989" y="3515892"/>
                  </a:lnTo>
                  <a:lnTo>
                    <a:pt x="796931" y="3543120"/>
                  </a:lnTo>
                  <a:lnTo>
                    <a:pt x="833510" y="3569537"/>
                  </a:lnTo>
                  <a:lnTo>
                    <a:pt x="870715" y="3595129"/>
                  </a:lnTo>
                  <a:lnTo>
                    <a:pt x="908530" y="3619882"/>
                  </a:lnTo>
                  <a:lnTo>
                    <a:pt x="946942" y="3643782"/>
                  </a:lnTo>
                  <a:lnTo>
                    <a:pt x="985939" y="3666818"/>
                  </a:lnTo>
                  <a:lnTo>
                    <a:pt x="1025506" y="3688974"/>
                  </a:lnTo>
                  <a:lnTo>
                    <a:pt x="1065631" y="3710238"/>
                  </a:lnTo>
                  <a:lnTo>
                    <a:pt x="1106299" y="3730596"/>
                  </a:lnTo>
                  <a:lnTo>
                    <a:pt x="1147497" y="3750034"/>
                  </a:lnTo>
                  <a:lnTo>
                    <a:pt x="1189213" y="3768540"/>
                  </a:lnTo>
                  <a:lnTo>
                    <a:pt x="1231432" y="3786099"/>
                  </a:lnTo>
                  <a:lnTo>
                    <a:pt x="1274141" y="3802698"/>
                  </a:lnTo>
                  <a:lnTo>
                    <a:pt x="1317326" y="3818324"/>
                  </a:lnTo>
                  <a:lnTo>
                    <a:pt x="1360974" y="3832963"/>
                  </a:lnTo>
                  <a:lnTo>
                    <a:pt x="1405073" y="3846602"/>
                  </a:lnTo>
                  <a:lnTo>
                    <a:pt x="1449607" y="3859227"/>
                  </a:lnTo>
                  <a:lnTo>
                    <a:pt x="1494564" y="3870825"/>
                  </a:lnTo>
                  <a:lnTo>
                    <a:pt x="1539931" y="3881383"/>
                  </a:lnTo>
                  <a:lnTo>
                    <a:pt x="1585694" y="3890886"/>
                  </a:lnTo>
                  <a:lnTo>
                    <a:pt x="1631839" y="3899322"/>
                  </a:lnTo>
                  <a:lnTo>
                    <a:pt x="1678353" y="3906676"/>
                  </a:lnTo>
                  <a:lnTo>
                    <a:pt x="1725223" y="3912936"/>
                  </a:lnTo>
                  <a:lnTo>
                    <a:pt x="1772435" y="3918088"/>
                  </a:lnTo>
                  <a:lnTo>
                    <a:pt x="1819975" y="3922119"/>
                  </a:lnTo>
                  <a:lnTo>
                    <a:pt x="1867831" y="3925015"/>
                  </a:lnTo>
                  <a:lnTo>
                    <a:pt x="1915989" y="3926762"/>
                  </a:lnTo>
                  <a:lnTo>
                    <a:pt x="1964436" y="3927348"/>
                  </a:lnTo>
                  <a:lnTo>
                    <a:pt x="2012815" y="3926762"/>
                  </a:lnTo>
                  <a:lnTo>
                    <a:pt x="2060907" y="3925015"/>
                  </a:lnTo>
                  <a:lnTo>
                    <a:pt x="2108700" y="3922119"/>
                  </a:lnTo>
                  <a:lnTo>
                    <a:pt x="2156179" y="3918088"/>
                  </a:lnTo>
                  <a:lnTo>
                    <a:pt x="2203332" y="3912936"/>
                  </a:lnTo>
                  <a:lnTo>
                    <a:pt x="2250144" y="3906676"/>
                  </a:lnTo>
                  <a:lnTo>
                    <a:pt x="2296603" y="3899322"/>
                  </a:lnTo>
                  <a:lnTo>
                    <a:pt x="2342694" y="3890886"/>
                  </a:lnTo>
                  <a:lnTo>
                    <a:pt x="2388405" y="3881383"/>
                  </a:lnTo>
                  <a:lnTo>
                    <a:pt x="2433721" y="3870825"/>
                  </a:lnTo>
                  <a:lnTo>
                    <a:pt x="2478630" y="3859227"/>
                  </a:lnTo>
                  <a:lnTo>
                    <a:pt x="2523117" y="3846602"/>
                  </a:lnTo>
                  <a:lnTo>
                    <a:pt x="2567170" y="3832963"/>
                  </a:lnTo>
                  <a:lnTo>
                    <a:pt x="2610775" y="3818324"/>
                  </a:lnTo>
                  <a:lnTo>
                    <a:pt x="2653919" y="3802698"/>
                  </a:lnTo>
                  <a:lnTo>
                    <a:pt x="2696587" y="3786099"/>
                  </a:lnTo>
                  <a:lnTo>
                    <a:pt x="2738768" y="3768540"/>
                  </a:lnTo>
                  <a:lnTo>
                    <a:pt x="2780446" y="3750034"/>
                  </a:lnTo>
                  <a:lnTo>
                    <a:pt x="2821609" y="3730596"/>
                  </a:lnTo>
                  <a:lnTo>
                    <a:pt x="2862242" y="3710238"/>
                  </a:lnTo>
                  <a:lnTo>
                    <a:pt x="2902334" y="3688974"/>
                  </a:lnTo>
                  <a:lnTo>
                    <a:pt x="2941870" y="3666818"/>
                  </a:lnTo>
                  <a:lnTo>
                    <a:pt x="2980836" y="3643782"/>
                  </a:lnTo>
                  <a:lnTo>
                    <a:pt x="3019220" y="3619882"/>
                  </a:lnTo>
                  <a:lnTo>
                    <a:pt x="3057008" y="3595129"/>
                  </a:lnTo>
                  <a:lnTo>
                    <a:pt x="3094186" y="3569537"/>
                  </a:lnTo>
                  <a:lnTo>
                    <a:pt x="3130741" y="3543120"/>
                  </a:lnTo>
                  <a:lnTo>
                    <a:pt x="3166659" y="3515892"/>
                  </a:lnTo>
                  <a:lnTo>
                    <a:pt x="3201927" y="3487865"/>
                  </a:lnTo>
                  <a:lnTo>
                    <a:pt x="3236532" y="3459054"/>
                  </a:lnTo>
                  <a:lnTo>
                    <a:pt x="3270459" y="3429471"/>
                  </a:lnTo>
                  <a:lnTo>
                    <a:pt x="3303696" y="3399130"/>
                  </a:lnTo>
                  <a:lnTo>
                    <a:pt x="3336230" y="3368045"/>
                  </a:lnTo>
                  <a:lnTo>
                    <a:pt x="3368045" y="3336230"/>
                  </a:lnTo>
                  <a:lnTo>
                    <a:pt x="3399130" y="3303696"/>
                  </a:lnTo>
                  <a:lnTo>
                    <a:pt x="3429471" y="3270459"/>
                  </a:lnTo>
                  <a:lnTo>
                    <a:pt x="3459054" y="3236532"/>
                  </a:lnTo>
                  <a:lnTo>
                    <a:pt x="3487865" y="3201927"/>
                  </a:lnTo>
                  <a:lnTo>
                    <a:pt x="3515892" y="3166659"/>
                  </a:lnTo>
                  <a:lnTo>
                    <a:pt x="3543120" y="3130741"/>
                  </a:lnTo>
                  <a:lnTo>
                    <a:pt x="3569537" y="3094186"/>
                  </a:lnTo>
                  <a:lnTo>
                    <a:pt x="3595129" y="3057008"/>
                  </a:lnTo>
                  <a:lnTo>
                    <a:pt x="3619882" y="3019220"/>
                  </a:lnTo>
                  <a:lnTo>
                    <a:pt x="3643782" y="2980836"/>
                  </a:lnTo>
                  <a:lnTo>
                    <a:pt x="3666818" y="2941870"/>
                  </a:lnTo>
                  <a:lnTo>
                    <a:pt x="3688974" y="2902334"/>
                  </a:lnTo>
                  <a:lnTo>
                    <a:pt x="3710238" y="2862242"/>
                  </a:lnTo>
                  <a:lnTo>
                    <a:pt x="3730596" y="2821609"/>
                  </a:lnTo>
                  <a:lnTo>
                    <a:pt x="3750034" y="2780446"/>
                  </a:lnTo>
                  <a:lnTo>
                    <a:pt x="3768540" y="2738768"/>
                  </a:lnTo>
                  <a:lnTo>
                    <a:pt x="3786099" y="2696587"/>
                  </a:lnTo>
                  <a:lnTo>
                    <a:pt x="3802698" y="2653919"/>
                  </a:lnTo>
                  <a:lnTo>
                    <a:pt x="3818324" y="2610775"/>
                  </a:lnTo>
                  <a:lnTo>
                    <a:pt x="3832963" y="2567170"/>
                  </a:lnTo>
                  <a:lnTo>
                    <a:pt x="3846602" y="2523117"/>
                  </a:lnTo>
                  <a:lnTo>
                    <a:pt x="3859227" y="2478630"/>
                  </a:lnTo>
                  <a:lnTo>
                    <a:pt x="3870825" y="2433721"/>
                  </a:lnTo>
                  <a:lnTo>
                    <a:pt x="3881383" y="2388405"/>
                  </a:lnTo>
                  <a:lnTo>
                    <a:pt x="3890886" y="2342694"/>
                  </a:lnTo>
                  <a:lnTo>
                    <a:pt x="3899322" y="2296603"/>
                  </a:lnTo>
                  <a:lnTo>
                    <a:pt x="3906676" y="2250144"/>
                  </a:lnTo>
                  <a:lnTo>
                    <a:pt x="3912936" y="2203332"/>
                  </a:lnTo>
                  <a:lnTo>
                    <a:pt x="3918088" y="2156179"/>
                  </a:lnTo>
                  <a:lnTo>
                    <a:pt x="3922119" y="2108700"/>
                  </a:lnTo>
                  <a:lnTo>
                    <a:pt x="3925015" y="2060907"/>
                  </a:lnTo>
                  <a:lnTo>
                    <a:pt x="3926762" y="2012815"/>
                  </a:lnTo>
                  <a:lnTo>
                    <a:pt x="3927348" y="1964436"/>
                  </a:lnTo>
                  <a:lnTo>
                    <a:pt x="3926762" y="1915989"/>
                  </a:lnTo>
                  <a:lnTo>
                    <a:pt x="3925015" y="1867831"/>
                  </a:lnTo>
                  <a:lnTo>
                    <a:pt x="3922119" y="1819975"/>
                  </a:lnTo>
                  <a:lnTo>
                    <a:pt x="3918088" y="1772435"/>
                  </a:lnTo>
                  <a:lnTo>
                    <a:pt x="3912936" y="1725223"/>
                  </a:lnTo>
                  <a:lnTo>
                    <a:pt x="3906676" y="1678353"/>
                  </a:lnTo>
                  <a:lnTo>
                    <a:pt x="3899322" y="1631839"/>
                  </a:lnTo>
                  <a:lnTo>
                    <a:pt x="3890886" y="1585694"/>
                  </a:lnTo>
                  <a:lnTo>
                    <a:pt x="3881383" y="1539931"/>
                  </a:lnTo>
                  <a:lnTo>
                    <a:pt x="3870825" y="1494564"/>
                  </a:lnTo>
                  <a:lnTo>
                    <a:pt x="3859227" y="1449607"/>
                  </a:lnTo>
                  <a:lnTo>
                    <a:pt x="3846602" y="1405073"/>
                  </a:lnTo>
                  <a:lnTo>
                    <a:pt x="3832963" y="1360974"/>
                  </a:lnTo>
                  <a:lnTo>
                    <a:pt x="3818324" y="1317326"/>
                  </a:lnTo>
                  <a:lnTo>
                    <a:pt x="3802698" y="1274141"/>
                  </a:lnTo>
                  <a:lnTo>
                    <a:pt x="3786099" y="1231432"/>
                  </a:lnTo>
                  <a:lnTo>
                    <a:pt x="3768540" y="1189213"/>
                  </a:lnTo>
                  <a:lnTo>
                    <a:pt x="3750034" y="1147497"/>
                  </a:lnTo>
                  <a:lnTo>
                    <a:pt x="3730596" y="1106299"/>
                  </a:lnTo>
                  <a:lnTo>
                    <a:pt x="3710238" y="1065631"/>
                  </a:lnTo>
                  <a:lnTo>
                    <a:pt x="3688974" y="1025506"/>
                  </a:lnTo>
                  <a:lnTo>
                    <a:pt x="3666818" y="985939"/>
                  </a:lnTo>
                  <a:lnTo>
                    <a:pt x="3643782" y="946942"/>
                  </a:lnTo>
                  <a:lnTo>
                    <a:pt x="3619882" y="908530"/>
                  </a:lnTo>
                  <a:lnTo>
                    <a:pt x="3595129" y="870715"/>
                  </a:lnTo>
                  <a:lnTo>
                    <a:pt x="3569537" y="833510"/>
                  </a:lnTo>
                  <a:lnTo>
                    <a:pt x="3543120" y="796931"/>
                  </a:lnTo>
                  <a:lnTo>
                    <a:pt x="3515892" y="760989"/>
                  </a:lnTo>
                  <a:lnTo>
                    <a:pt x="3487865" y="725698"/>
                  </a:lnTo>
                  <a:lnTo>
                    <a:pt x="3459054" y="691072"/>
                  </a:lnTo>
                  <a:lnTo>
                    <a:pt x="3429471" y="657124"/>
                  </a:lnTo>
                  <a:lnTo>
                    <a:pt x="3399130" y="623868"/>
                  </a:lnTo>
                  <a:lnTo>
                    <a:pt x="3368045" y="591317"/>
                  </a:lnTo>
                  <a:lnTo>
                    <a:pt x="3336230" y="559484"/>
                  </a:lnTo>
                  <a:lnTo>
                    <a:pt x="3303696" y="528383"/>
                  </a:lnTo>
                  <a:lnTo>
                    <a:pt x="3270459" y="498027"/>
                  </a:lnTo>
                  <a:lnTo>
                    <a:pt x="3236532" y="468430"/>
                  </a:lnTo>
                  <a:lnTo>
                    <a:pt x="3201927" y="439606"/>
                  </a:lnTo>
                  <a:lnTo>
                    <a:pt x="3166659" y="411567"/>
                  </a:lnTo>
                  <a:lnTo>
                    <a:pt x="3130741" y="384327"/>
                  </a:lnTo>
                  <a:lnTo>
                    <a:pt x="3094186" y="357899"/>
                  </a:lnTo>
                  <a:lnTo>
                    <a:pt x="3057008" y="332298"/>
                  </a:lnTo>
                  <a:lnTo>
                    <a:pt x="3019220" y="307535"/>
                  </a:lnTo>
                  <a:lnTo>
                    <a:pt x="2980836" y="283626"/>
                  </a:lnTo>
                  <a:lnTo>
                    <a:pt x="2941870" y="260583"/>
                  </a:lnTo>
                  <a:lnTo>
                    <a:pt x="2902334" y="238420"/>
                  </a:lnTo>
                  <a:lnTo>
                    <a:pt x="2862242" y="217150"/>
                  </a:lnTo>
                  <a:lnTo>
                    <a:pt x="2821609" y="196786"/>
                  </a:lnTo>
                  <a:lnTo>
                    <a:pt x="2780446" y="177342"/>
                  </a:lnTo>
                  <a:lnTo>
                    <a:pt x="2738768" y="158832"/>
                  </a:lnTo>
                  <a:lnTo>
                    <a:pt x="2696587" y="141269"/>
                  </a:lnTo>
                  <a:lnTo>
                    <a:pt x="2653919" y="124666"/>
                  </a:lnTo>
                  <a:lnTo>
                    <a:pt x="2610775" y="109037"/>
                  </a:lnTo>
                  <a:lnTo>
                    <a:pt x="2567170" y="94395"/>
                  </a:lnTo>
                  <a:lnTo>
                    <a:pt x="2523117" y="80754"/>
                  </a:lnTo>
                  <a:lnTo>
                    <a:pt x="2478630" y="68126"/>
                  </a:lnTo>
                  <a:lnTo>
                    <a:pt x="2433721" y="56527"/>
                  </a:lnTo>
                  <a:lnTo>
                    <a:pt x="2388405" y="45968"/>
                  </a:lnTo>
                  <a:lnTo>
                    <a:pt x="2342694" y="36464"/>
                  </a:lnTo>
                  <a:lnTo>
                    <a:pt x="2296603" y="28027"/>
                  </a:lnTo>
                  <a:lnTo>
                    <a:pt x="2250144" y="20672"/>
                  </a:lnTo>
                  <a:lnTo>
                    <a:pt x="2203332" y="14411"/>
                  </a:lnTo>
                  <a:lnTo>
                    <a:pt x="2156179" y="9259"/>
                  </a:lnTo>
                  <a:lnTo>
                    <a:pt x="2108700" y="5228"/>
                  </a:lnTo>
                  <a:lnTo>
                    <a:pt x="2060907" y="2332"/>
                  </a:lnTo>
                  <a:lnTo>
                    <a:pt x="2012815" y="585"/>
                  </a:lnTo>
                  <a:lnTo>
                    <a:pt x="1964436" y="0"/>
                  </a:lnTo>
                  <a:close/>
                </a:path>
              </a:pathLst>
            </a:custGeom>
            <a:solidFill>
              <a:srgbClr val="E6B8B8"/>
            </a:solidFill>
          </p:spPr>
          <p:txBody>
            <a:bodyPr wrap="square" lIns="0" tIns="0" rIns="0" bIns="0" rtlCol="0"/>
            <a:lstStyle/>
            <a:p>
              <a:endParaRPr sz="1749"/>
            </a:p>
          </p:txBody>
        </p:sp>
        <p:sp>
          <p:nvSpPr>
            <p:cNvPr id="12" name="object 12"/>
            <p:cNvSpPr/>
            <p:nvPr/>
          </p:nvSpPr>
          <p:spPr>
            <a:xfrm>
              <a:off x="7133844" y="3204972"/>
              <a:ext cx="622300" cy="205740"/>
            </a:xfrm>
            <a:custGeom>
              <a:avLst/>
              <a:gdLst/>
              <a:ahLst/>
              <a:cxnLst/>
              <a:rect l="l" t="t" r="r" b="b"/>
              <a:pathLst>
                <a:path w="622300" h="205739">
                  <a:moveTo>
                    <a:pt x="466344" y="0"/>
                  </a:moveTo>
                  <a:lnTo>
                    <a:pt x="155448" y="0"/>
                  </a:lnTo>
                  <a:lnTo>
                    <a:pt x="155448" y="103632"/>
                  </a:lnTo>
                  <a:lnTo>
                    <a:pt x="0" y="103632"/>
                  </a:lnTo>
                  <a:lnTo>
                    <a:pt x="310896" y="205739"/>
                  </a:lnTo>
                  <a:lnTo>
                    <a:pt x="621791" y="103632"/>
                  </a:lnTo>
                  <a:lnTo>
                    <a:pt x="466344" y="103632"/>
                  </a:lnTo>
                  <a:lnTo>
                    <a:pt x="466344" y="0"/>
                  </a:lnTo>
                  <a:close/>
                </a:path>
              </a:pathLst>
            </a:custGeom>
            <a:solidFill>
              <a:srgbClr val="0070BF"/>
            </a:solidFill>
          </p:spPr>
          <p:txBody>
            <a:bodyPr wrap="square" lIns="0" tIns="0" rIns="0" bIns="0" rtlCol="0"/>
            <a:lstStyle/>
            <a:p>
              <a:endParaRPr sz="1749"/>
            </a:p>
          </p:txBody>
        </p:sp>
      </p:grpSp>
      <p:sp>
        <p:nvSpPr>
          <p:cNvPr id="13" name="object 13"/>
          <p:cNvSpPr txBox="1"/>
          <p:nvPr/>
        </p:nvSpPr>
        <p:spPr>
          <a:xfrm>
            <a:off x="380530" y="979993"/>
            <a:ext cx="2571178" cy="309765"/>
          </a:xfrm>
          <a:prstGeom prst="rect">
            <a:avLst/>
          </a:prstGeom>
          <a:ln w="25907">
            <a:solidFill>
              <a:srgbClr val="000000"/>
            </a:solidFill>
          </a:ln>
        </p:spPr>
        <p:txBody>
          <a:bodyPr vert="horz" wrap="square" lIns="0" tIns="0" rIns="0" bIns="0" rtlCol="0">
            <a:spAutoFit/>
          </a:bodyPr>
          <a:lstStyle/>
          <a:p>
            <a:pPr marL="135204">
              <a:lnSpc>
                <a:spcPts val="2403"/>
              </a:lnSpc>
            </a:pPr>
            <a:r>
              <a:rPr sz="2052" b="1" spc="-17" dirty="0">
                <a:latin typeface="Meiryo UI"/>
                <a:cs typeface="Meiryo UI"/>
              </a:rPr>
              <a:t>議論用イメージ(案)</a:t>
            </a:r>
            <a:endParaRPr sz="2052" dirty="0">
              <a:latin typeface="Meiryo UI"/>
              <a:cs typeface="Meiryo UI"/>
            </a:endParaRPr>
          </a:p>
        </p:txBody>
      </p:sp>
      <p:sp>
        <p:nvSpPr>
          <p:cNvPr id="14" name="object 14"/>
          <p:cNvSpPr txBox="1"/>
          <p:nvPr/>
        </p:nvSpPr>
        <p:spPr>
          <a:xfrm>
            <a:off x="5676664" y="3161521"/>
            <a:ext cx="1407438" cy="972112"/>
          </a:xfrm>
          <a:prstGeom prst="rect">
            <a:avLst/>
          </a:prstGeom>
          <a:ln w="28955">
            <a:solidFill>
              <a:srgbClr val="FF0000"/>
            </a:solidFill>
          </a:ln>
        </p:spPr>
        <p:txBody>
          <a:bodyPr vert="horz" wrap="square" lIns="0" tIns="24435" rIns="0" bIns="0" rtlCol="0">
            <a:spAutoFit/>
          </a:bodyPr>
          <a:lstStyle/>
          <a:p>
            <a:pPr marL="73846" marR="67331" indent="-2172" algn="ctr">
              <a:spcBef>
                <a:spcPts val="192"/>
              </a:spcBef>
            </a:pPr>
            <a:r>
              <a:rPr sz="1539" b="1" spc="-21" dirty="0">
                <a:solidFill>
                  <a:srgbClr val="FF0000"/>
                </a:solidFill>
                <a:latin typeface="Meiryo UI"/>
                <a:cs typeface="Meiryo UI"/>
              </a:rPr>
              <a:t>行政において</a:t>
            </a:r>
            <a:r>
              <a:rPr sz="1539" b="1" spc="-43" dirty="0">
                <a:solidFill>
                  <a:srgbClr val="FF0000"/>
                </a:solidFill>
                <a:latin typeface="Meiryo UI"/>
                <a:cs typeface="Meiryo UI"/>
              </a:rPr>
              <a:t> </a:t>
            </a:r>
            <a:r>
              <a:rPr sz="1539" b="1" spc="-9" dirty="0">
                <a:solidFill>
                  <a:srgbClr val="FF0000"/>
                </a:solidFill>
                <a:latin typeface="Meiryo UI"/>
                <a:cs typeface="Meiryo UI"/>
              </a:rPr>
              <a:t>一定の技術力・技術的体制の</a:t>
            </a:r>
            <a:r>
              <a:rPr sz="1539" b="1" spc="-17" dirty="0">
                <a:solidFill>
                  <a:srgbClr val="FF0000"/>
                </a:solidFill>
                <a:latin typeface="Meiryo UI"/>
                <a:cs typeface="Meiryo UI"/>
              </a:rPr>
              <a:t>確保が必要</a:t>
            </a:r>
            <a:endParaRPr sz="1539">
              <a:latin typeface="Meiryo UI"/>
              <a:cs typeface="Meiryo UI"/>
            </a:endParaRPr>
          </a:p>
        </p:txBody>
      </p:sp>
      <p:sp>
        <p:nvSpPr>
          <p:cNvPr id="15" name="object 15"/>
          <p:cNvSpPr txBox="1"/>
          <p:nvPr/>
        </p:nvSpPr>
        <p:spPr>
          <a:xfrm>
            <a:off x="2324443" y="2398724"/>
            <a:ext cx="793313" cy="641937"/>
          </a:xfrm>
          <a:prstGeom prst="rect">
            <a:avLst/>
          </a:prstGeom>
        </p:spPr>
        <p:txBody>
          <a:bodyPr vert="horz" wrap="square" lIns="0" tIns="10317" rIns="0" bIns="0" rtlCol="0">
            <a:spAutoFit/>
          </a:bodyPr>
          <a:lstStyle/>
          <a:p>
            <a:pPr marL="10860" marR="4344" indent="39095">
              <a:spcBef>
                <a:spcPts val="81"/>
              </a:spcBef>
            </a:pPr>
            <a:r>
              <a:rPr sz="1368" b="1" spc="-30" dirty="0">
                <a:solidFill>
                  <a:srgbClr val="C66260"/>
                </a:solidFill>
                <a:latin typeface="Meiryo UI"/>
                <a:cs typeface="Meiryo UI"/>
              </a:rPr>
              <a:t>民間委託</a:t>
            </a:r>
            <a:r>
              <a:rPr sz="1368" b="1" spc="-26" dirty="0">
                <a:solidFill>
                  <a:srgbClr val="C66260"/>
                </a:solidFill>
                <a:latin typeface="Meiryo UI"/>
                <a:cs typeface="Meiryo UI"/>
              </a:rPr>
              <a:t>できる業務</a:t>
            </a:r>
            <a:endParaRPr sz="1368">
              <a:latin typeface="Meiryo UI"/>
              <a:cs typeface="Meiryo UI"/>
            </a:endParaRPr>
          </a:p>
        </p:txBody>
      </p:sp>
      <p:sp>
        <p:nvSpPr>
          <p:cNvPr id="16" name="object 16"/>
          <p:cNvSpPr txBox="1"/>
          <p:nvPr/>
        </p:nvSpPr>
        <p:spPr>
          <a:xfrm>
            <a:off x="6634070" y="4546371"/>
            <a:ext cx="1315129" cy="553722"/>
          </a:xfrm>
          <a:prstGeom prst="rect">
            <a:avLst/>
          </a:prstGeom>
        </p:spPr>
        <p:txBody>
          <a:bodyPr vert="horz" wrap="square" lIns="0" tIns="23349" rIns="0" bIns="0" rtlCol="0">
            <a:spAutoFit/>
          </a:bodyPr>
          <a:lstStyle/>
          <a:p>
            <a:pPr marL="10317" marR="4344" algn="ctr">
              <a:lnSpc>
                <a:spcPts val="1377"/>
              </a:lnSpc>
              <a:spcBef>
                <a:spcPts val="184"/>
              </a:spcBef>
            </a:pPr>
            <a:r>
              <a:rPr sz="1197" b="1" spc="-9" dirty="0">
                <a:solidFill>
                  <a:srgbClr val="00AFEF"/>
                </a:solidFill>
                <a:latin typeface="Meiryo UI"/>
                <a:cs typeface="Meiryo UI"/>
              </a:rPr>
              <a:t>従来、技術的知見を</a:t>
            </a:r>
            <a:r>
              <a:rPr sz="1197" b="1" spc="-17" dirty="0">
                <a:solidFill>
                  <a:srgbClr val="00AFEF"/>
                </a:solidFill>
                <a:latin typeface="Meiryo UI"/>
                <a:cs typeface="Meiryo UI"/>
              </a:rPr>
              <a:t>有した職員で</a:t>
            </a:r>
            <a:endParaRPr sz="1197">
              <a:latin typeface="Meiryo UI"/>
              <a:cs typeface="Meiryo UI"/>
            </a:endParaRPr>
          </a:p>
          <a:p>
            <a:pPr algn="ctr">
              <a:lnSpc>
                <a:spcPts val="1325"/>
              </a:lnSpc>
            </a:pPr>
            <a:r>
              <a:rPr sz="1197" b="1" spc="-17" dirty="0">
                <a:solidFill>
                  <a:srgbClr val="00AFEF"/>
                </a:solidFill>
                <a:latin typeface="Meiryo UI"/>
                <a:cs typeface="Meiryo UI"/>
              </a:rPr>
              <a:t>実施してきた業務</a:t>
            </a:r>
            <a:endParaRPr sz="1197">
              <a:latin typeface="Meiryo UI"/>
              <a:cs typeface="Meiryo UI"/>
            </a:endParaRPr>
          </a:p>
        </p:txBody>
      </p:sp>
      <p:grpSp>
        <p:nvGrpSpPr>
          <p:cNvPr id="17" name="object 17"/>
          <p:cNvGrpSpPr/>
          <p:nvPr/>
        </p:nvGrpSpPr>
        <p:grpSpPr>
          <a:xfrm>
            <a:off x="2324443" y="1361067"/>
            <a:ext cx="2713543" cy="361632"/>
            <a:chOff x="3124835" y="1363091"/>
            <a:chExt cx="2336800" cy="422909"/>
          </a:xfrm>
        </p:grpSpPr>
        <p:sp>
          <p:nvSpPr>
            <p:cNvPr id="18" name="object 18"/>
            <p:cNvSpPr/>
            <p:nvPr/>
          </p:nvSpPr>
          <p:spPr>
            <a:xfrm>
              <a:off x="3139440" y="1377696"/>
              <a:ext cx="2307590" cy="393700"/>
            </a:xfrm>
            <a:custGeom>
              <a:avLst/>
              <a:gdLst/>
              <a:ahLst/>
              <a:cxnLst/>
              <a:rect l="l" t="t" r="r" b="b"/>
              <a:pathLst>
                <a:path w="2307590" h="393700">
                  <a:moveTo>
                    <a:pt x="2307336" y="0"/>
                  </a:moveTo>
                  <a:lnTo>
                    <a:pt x="0" y="0"/>
                  </a:lnTo>
                  <a:lnTo>
                    <a:pt x="0" y="393191"/>
                  </a:lnTo>
                  <a:lnTo>
                    <a:pt x="2307336" y="393191"/>
                  </a:lnTo>
                  <a:lnTo>
                    <a:pt x="2307336" y="0"/>
                  </a:lnTo>
                  <a:close/>
                </a:path>
              </a:pathLst>
            </a:custGeom>
            <a:solidFill>
              <a:srgbClr val="FFFFFF"/>
            </a:solidFill>
          </p:spPr>
          <p:txBody>
            <a:bodyPr wrap="square" lIns="0" tIns="0" rIns="0" bIns="0" rtlCol="0"/>
            <a:lstStyle/>
            <a:p>
              <a:endParaRPr sz="1749"/>
            </a:p>
          </p:txBody>
        </p:sp>
        <p:sp>
          <p:nvSpPr>
            <p:cNvPr id="19" name="object 19"/>
            <p:cNvSpPr/>
            <p:nvPr/>
          </p:nvSpPr>
          <p:spPr>
            <a:xfrm>
              <a:off x="3139440" y="1377696"/>
              <a:ext cx="2307590" cy="393700"/>
            </a:xfrm>
            <a:custGeom>
              <a:avLst/>
              <a:gdLst/>
              <a:ahLst/>
              <a:cxnLst/>
              <a:rect l="l" t="t" r="r" b="b"/>
              <a:pathLst>
                <a:path w="2307590" h="393700">
                  <a:moveTo>
                    <a:pt x="0" y="0"/>
                  </a:moveTo>
                  <a:lnTo>
                    <a:pt x="2307336" y="0"/>
                  </a:lnTo>
                  <a:lnTo>
                    <a:pt x="2307336" y="393191"/>
                  </a:lnTo>
                  <a:lnTo>
                    <a:pt x="0" y="393191"/>
                  </a:lnTo>
                  <a:lnTo>
                    <a:pt x="0" y="0"/>
                  </a:lnTo>
                  <a:close/>
                </a:path>
              </a:pathLst>
            </a:custGeom>
            <a:ln w="28955">
              <a:solidFill>
                <a:srgbClr val="548ED4"/>
              </a:solidFill>
            </a:ln>
          </p:spPr>
          <p:txBody>
            <a:bodyPr wrap="square" lIns="0" tIns="0" rIns="0" bIns="0" rtlCol="0"/>
            <a:lstStyle/>
            <a:p>
              <a:endParaRPr sz="1749"/>
            </a:p>
          </p:txBody>
        </p:sp>
      </p:grpSp>
      <p:sp>
        <p:nvSpPr>
          <p:cNvPr id="20" name="object 20"/>
          <p:cNvSpPr txBox="1"/>
          <p:nvPr/>
        </p:nvSpPr>
        <p:spPr>
          <a:xfrm>
            <a:off x="2704974" y="1365302"/>
            <a:ext cx="1887443" cy="332681"/>
          </a:xfrm>
          <a:prstGeom prst="rect">
            <a:avLst/>
          </a:prstGeom>
        </p:spPr>
        <p:txBody>
          <a:bodyPr vert="horz" wrap="square" lIns="0" tIns="4344" rIns="0" bIns="0" rtlCol="0">
            <a:spAutoFit/>
          </a:bodyPr>
          <a:lstStyle/>
          <a:p>
            <a:pPr marL="184073" marR="4344" indent="-173756">
              <a:lnSpc>
                <a:spcPct val="104200"/>
              </a:lnSpc>
              <a:spcBef>
                <a:spcPts val="34"/>
              </a:spcBef>
            </a:pPr>
            <a:r>
              <a:rPr sz="1026" b="1" spc="-9" dirty="0">
                <a:solidFill>
                  <a:srgbClr val="3F87C8"/>
                </a:solidFill>
                <a:latin typeface="Meiryo UI"/>
                <a:cs typeface="Meiryo UI"/>
              </a:rPr>
              <a:t>※民間に委ねる場合、適切な</a:t>
            </a:r>
            <a:r>
              <a:rPr sz="1026" b="1" spc="-4" dirty="0">
                <a:solidFill>
                  <a:srgbClr val="3F87C8"/>
                </a:solidFill>
                <a:latin typeface="Meiryo UI"/>
                <a:cs typeface="Meiryo UI"/>
              </a:rPr>
              <a:t>委託費の計上に留意が必要</a:t>
            </a:r>
            <a:endParaRPr sz="1026" dirty="0">
              <a:latin typeface="Meiryo UI"/>
              <a:cs typeface="Meiryo UI"/>
            </a:endParaRPr>
          </a:p>
        </p:txBody>
      </p:sp>
      <p:sp>
        <p:nvSpPr>
          <p:cNvPr id="21" name="object 21"/>
          <p:cNvSpPr txBox="1"/>
          <p:nvPr/>
        </p:nvSpPr>
        <p:spPr>
          <a:xfrm>
            <a:off x="1395709" y="3798777"/>
            <a:ext cx="1226621" cy="480777"/>
          </a:xfrm>
          <a:prstGeom prst="rect">
            <a:avLst/>
          </a:prstGeom>
          <a:solidFill>
            <a:srgbClr val="EBF0DD"/>
          </a:solidFill>
          <a:ln w="12191">
            <a:solidFill>
              <a:srgbClr val="000000"/>
            </a:solidFill>
          </a:ln>
        </p:spPr>
        <p:txBody>
          <a:bodyPr vert="horz" wrap="square" lIns="0" tIns="59186" rIns="0" bIns="0" rtlCol="0">
            <a:spAutoFit/>
          </a:bodyPr>
          <a:lstStyle/>
          <a:p>
            <a:pPr marL="150951" indent="-93937">
              <a:spcBef>
                <a:spcPts val="466"/>
              </a:spcBef>
              <a:buFont typeface="Arial"/>
              <a:buChar char="•"/>
              <a:tabLst>
                <a:tab pos="150951" algn="l"/>
              </a:tabLst>
            </a:pPr>
            <a:r>
              <a:rPr sz="1368" b="1" spc="-34" dirty="0">
                <a:solidFill>
                  <a:srgbClr val="CF7977"/>
                </a:solidFill>
                <a:latin typeface="Meiryo UI"/>
                <a:cs typeface="Meiryo UI"/>
              </a:rPr>
              <a:t>巡回</a:t>
            </a:r>
            <a:endParaRPr sz="1368">
              <a:latin typeface="Meiryo UI"/>
              <a:cs typeface="Meiryo UI"/>
            </a:endParaRPr>
          </a:p>
          <a:p>
            <a:pPr marL="150951" indent="-93937">
              <a:buFont typeface="Arial"/>
              <a:buChar char="•"/>
              <a:tabLst>
                <a:tab pos="150951" algn="l"/>
                <a:tab pos="961633" algn="l"/>
              </a:tabLst>
            </a:pPr>
            <a:r>
              <a:rPr sz="1368" b="1" spc="-21" dirty="0">
                <a:solidFill>
                  <a:srgbClr val="CF7977"/>
                </a:solidFill>
                <a:latin typeface="Meiryo UI"/>
                <a:cs typeface="Meiryo UI"/>
              </a:rPr>
              <a:t>日常管</a:t>
            </a:r>
            <a:r>
              <a:rPr sz="1368" b="1" spc="-43" dirty="0">
                <a:solidFill>
                  <a:srgbClr val="CF7977"/>
                </a:solidFill>
                <a:latin typeface="Meiryo UI"/>
                <a:cs typeface="Meiryo UI"/>
              </a:rPr>
              <a:t>理</a:t>
            </a:r>
            <a:r>
              <a:rPr sz="1368" b="1" dirty="0">
                <a:solidFill>
                  <a:srgbClr val="CF7977"/>
                </a:solidFill>
                <a:latin typeface="Meiryo UI"/>
                <a:cs typeface="Meiryo UI"/>
              </a:rPr>
              <a:t>	</a:t>
            </a:r>
            <a:r>
              <a:rPr sz="1368" b="1" spc="-43" dirty="0">
                <a:solidFill>
                  <a:srgbClr val="CF7977"/>
                </a:solidFill>
                <a:latin typeface="Meiryo UI"/>
                <a:cs typeface="Meiryo UI"/>
              </a:rPr>
              <a:t>等</a:t>
            </a:r>
            <a:endParaRPr sz="1368">
              <a:latin typeface="Meiryo UI"/>
              <a:cs typeface="Meiryo UI"/>
            </a:endParaRPr>
          </a:p>
        </p:txBody>
      </p:sp>
      <p:sp>
        <p:nvSpPr>
          <p:cNvPr id="22" name="object 22"/>
          <p:cNvSpPr txBox="1"/>
          <p:nvPr/>
        </p:nvSpPr>
        <p:spPr>
          <a:xfrm>
            <a:off x="2951708" y="3131548"/>
            <a:ext cx="1028429" cy="476938"/>
          </a:xfrm>
          <a:prstGeom prst="rect">
            <a:avLst/>
          </a:prstGeom>
          <a:solidFill>
            <a:srgbClr val="EBF0DD"/>
          </a:solidFill>
          <a:ln w="12192">
            <a:solidFill>
              <a:srgbClr val="000000"/>
            </a:solidFill>
          </a:ln>
        </p:spPr>
        <p:txBody>
          <a:bodyPr vert="horz" wrap="square" lIns="0" tIns="55384" rIns="0" bIns="0" rtlCol="0">
            <a:spAutoFit/>
          </a:bodyPr>
          <a:lstStyle/>
          <a:p>
            <a:pPr marL="150951" indent="-93937">
              <a:spcBef>
                <a:spcPts val="435"/>
              </a:spcBef>
              <a:buFont typeface="Arial"/>
              <a:buChar char="•"/>
              <a:tabLst>
                <a:tab pos="150951" algn="l"/>
              </a:tabLst>
            </a:pPr>
            <a:r>
              <a:rPr sz="1368" b="1" spc="-26" dirty="0">
                <a:solidFill>
                  <a:srgbClr val="CF7977"/>
                </a:solidFill>
                <a:latin typeface="Meiryo UI"/>
                <a:cs typeface="Meiryo UI"/>
              </a:rPr>
              <a:t>補修・修繕</a:t>
            </a:r>
            <a:endParaRPr sz="1368">
              <a:latin typeface="Meiryo UI"/>
              <a:cs typeface="Meiryo UI"/>
            </a:endParaRPr>
          </a:p>
          <a:p>
            <a:pPr marL="150951" indent="-93937">
              <a:buFont typeface="Arial"/>
              <a:buChar char="•"/>
              <a:tabLst>
                <a:tab pos="150951" algn="l"/>
                <a:tab pos="613577" algn="l"/>
              </a:tabLst>
            </a:pPr>
            <a:r>
              <a:rPr sz="1368" b="1" spc="-21" dirty="0">
                <a:solidFill>
                  <a:srgbClr val="CF7977"/>
                </a:solidFill>
                <a:latin typeface="Meiryo UI"/>
                <a:cs typeface="Meiryo UI"/>
              </a:rPr>
              <a:t>設</a:t>
            </a:r>
            <a:r>
              <a:rPr sz="1368" b="1" spc="-43" dirty="0">
                <a:solidFill>
                  <a:srgbClr val="CF7977"/>
                </a:solidFill>
                <a:latin typeface="Meiryo UI"/>
                <a:cs typeface="Meiryo UI"/>
              </a:rPr>
              <a:t>計</a:t>
            </a:r>
            <a:r>
              <a:rPr sz="1368" b="1" dirty="0">
                <a:solidFill>
                  <a:srgbClr val="CF7977"/>
                </a:solidFill>
                <a:latin typeface="Meiryo UI"/>
                <a:cs typeface="Meiryo UI"/>
              </a:rPr>
              <a:t>	</a:t>
            </a:r>
            <a:r>
              <a:rPr sz="1368" b="1" spc="-43" dirty="0">
                <a:solidFill>
                  <a:srgbClr val="CF7977"/>
                </a:solidFill>
                <a:latin typeface="Meiryo UI"/>
                <a:cs typeface="Meiryo UI"/>
              </a:rPr>
              <a:t>等</a:t>
            </a:r>
            <a:endParaRPr sz="1368">
              <a:latin typeface="Meiryo UI"/>
              <a:cs typeface="Meiryo UI"/>
            </a:endParaRPr>
          </a:p>
        </p:txBody>
      </p:sp>
      <p:grpSp>
        <p:nvGrpSpPr>
          <p:cNvPr id="23" name="object 23"/>
          <p:cNvGrpSpPr/>
          <p:nvPr/>
        </p:nvGrpSpPr>
        <p:grpSpPr>
          <a:xfrm>
            <a:off x="2995800" y="1097280"/>
            <a:ext cx="4764762" cy="3451263"/>
            <a:chOff x="3503421" y="1054608"/>
            <a:chExt cx="5572125" cy="4036060"/>
          </a:xfrm>
        </p:grpSpPr>
        <p:sp>
          <p:nvSpPr>
            <p:cNvPr id="24" name="object 24"/>
            <p:cNvSpPr/>
            <p:nvPr/>
          </p:nvSpPr>
          <p:spPr>
            <a:xfrm>
              <a:off x="5370576" y="1054607"/>
              <a:ext cx="3705225" cy="4036060"/>
            </a:xfrm>
            <a:custGeom>
              <a:avLst/>
              <a:gdLst/>
              <a:ahLst/>
              <a:cxnLst/>
              <a:rect l="l" t="t" r="r" b="b"/>
              <a:pathLst>
                <a:path w="3705225" h="4036060">
                  <a:moveTo>
                    <a:pt x="57912" y="903732"/>
                  </a:moveTo>
                  <a:lnTo>
                    <a:pt x="22860" y="880872"/>
                  </a:lnTo>
                  <a:lnTo>
                    <a:pt x="0" y="914400"/>
                  </a:lnTo>
                  <a:lnTo>
                    <a:pt x="33528" y="938784"/>
                  </a:lnTo>
                  <a:lnTo>
                    <a:pt x="57912" y="903732"/>
                  </a:lnTo>
                  <a:close/>
                </a:path>
                <a:path w="3705225" h="4036060">
                  <a:moveTo>
                    <a:pt x="94488" y="925068"/>
                  </a:moveTo>
                  <a:lnTo>
                    <a:pt x="56388" y="908304"/>
                  </a:lnTo>
                  <a:lnTo>
                    <a:pt x="39624" y="946404"/>
                  </a:lnTo>
                  <a:lnTo>
                    <a:pt x="77724" y="963168"/>
                  </a:lnTo>
                  <a:lnTo>
                    <a:pt x="94488" y="925068"/>
                  </a:lnTo>
                  <a:close/>
                </a:path>
                <a:path w="3705225" h="4036060">
                  <a:moveTo>
                    <a:pt x="105156" y="838200"/>
                  </a:moveTo>
                  <a:lnTo>
                    <a:pt x="71628" y="812292"/>
                  </a:lnTo>
                  <a:lnTo>
                    <a:pt x="57912" y="830580"/>
                  </a:lnTo>
                  <a:lnTo>
                    <a:pt x="47244" y="847344"/>
                  </a:lnTo>
                  <a:lnTo>
                    <a:pt x="80772" y="870204"/>
                  </a:lnTo>
                  <a:lnTo>
                    <a:pt x="92964" y="853440"/>
                  </a:lnTo>
                  <a:lnTo>
                    <a:pt x="105156" y="838200"/>
                  </a:lnTo>
                  <a:close/>
                </a:path>
                <a:path w="3705225" h="4036060">
                  <a:moveTo>
                    <a:pt x="153924" y="772668"/>
                  </a:moveTo>
                  <a:lnTo>
                    <a:pt x="121920" y="746760"/>
                  </a:lnTo>
                  <a:lnTo>
                    <a:pt x="120396" y="748284"/>
                  </a:lnTo>
                  <a:lnTo>
                    <a:pt x="97536" y="780288"/>
                  </a:lnTo>
                  <a:lnTo>
                    <a:pt x="129540" y="804672"/>
                  </a:lnTo>
                  <a:lnTo>
                    <a:pt x="153924" y="774192"/>
                  </a:lnTo>
                  <a:lnTo>
                    <a:pt x="153924" y="772668"/>
                  </a:lnTo>
                  <a:close/>
                </a:path>
                <a:path w="3705225" h="4036060">
                  <a:moveTo>
                    <a:pt x="169164" y="963168"/>
                  </a:moveTo>
                  <a:lnTo>
                    <a:pt x="160020" y="957072"/>
                  </a:lnTo>
                  <a:lnTo>
                    <a:pt x="132588" y="943356"/>
                  </a:lnTo>
                  <a:lnTo>
                    <a:pt x="114300" y="979932"/>
                  </a:lnTo>
                  <a:lnTo>
                    <a:pt x="140208" y="993648"/>
                  </a:lnTo>
                  <a:lnTo>
                    <a:pt x="150876" y="999744"/>
                  </a:lnTo>
                  <a:lnTo>
                    <a:pt x="169164" y="963168"/>
                  </a:lnTo>
                  <a:close/>
                </a:path>
                <a:path w="3705225" h="4036060">
                  <a:moveTo>
                    <a:pt x="207264" y="710184"/>
                  </a:moveTo>
                  <a:lnTo>
                    <a:pt x="176784" y="682752"/>
                  </a:lnTo>
                  <a:lnTo>
                    <a:pt x="149352" y="714756"/>
                  </a:lnTo>
                  <a:lnTo>
                    <a:pt x="181356" y="742188"/>
                  </a:lnTo>
                  <a:lnTo>
                    <a:pt x="207264" y="710184"/>
                  </a:lnTo>
                  <a:close/>
                </a:path>
                <a:path w="3705225" h="4036060">
                  <a:moveTo>
                    <a:pt x="242316" y="1002792"/>
                  </a:moveTo>
                  <a:lnTo>
                    <a:pt x="239268" y="1001268"/>
                  </a:lnTo>
                  <a:lnTo>
                    <a:pt x="213360" y="986028"/>
                  </a:lnTo>
                  <a:lnTo>
                    <a:pt x="205740" y="982980"/>
                  </a:lnTo>
                  <a:lnTo>
                    <a:pt x="185928" y="1018032"/>
                  </a:lnTo>
                  <a:lnTo>
                    <a:pt x="193548" y="1022604"/>
                  </a:lnTo>
                  <a:lnTo>
                    <a:pt x="219456" y="1036320"/>
                  </a:lnTo>
                  <a:lnTo>
                    <a:pt x="222504" y="1037844"/>
                  </a:lnTo>
                  <a:lnTo>
                    <a:pt x="242316" y="1002792"/>
                  </a:lnTo>
                  <a:close/>
                </a:path>
                <a:path w="3705225" h="4036060">
                  <a:moveTo>
                    <a:pt x="262128" y="650748"/>
                  </a:moveTo>
                  <a:lnTo>
                    <a:pt x="233172" y="621792"/>
                  </a:lnTo>
                  <a:lnTo>
                    <a:pt x="204216" y="652272"/>
                  </a:lnTo>
                  <a:lnTo>
                    <a:pt x="234696" y="679704"/>
                  </a:lnTo>
                  <a:lnTo>
                    <a:pt x="262128" y="650748"/>
                  </a:lnTo>
                  <a:close/>
                </a:path>
                <a:path w="3705225" h="4036060">
                  <a:moveTo>
                    <a:pt x="313944" y="1043940"/>
                  </a:moveTo>
                  <a:lnTo>
                    <a:pt x="289560" y="1028700"/>
                  </a:lnTo>
                  <a:lnTo>
                    <a:pt x="278892" y="1022604"/>
                  </a:lnTo>
                  <a:lnTo>
                    <a:pt x="257556" y="1059180"/>
                  </a:lnTo>
                  <a:lnTo>
                    <a:pt x="269748" y="1065276"/>
                  </a:lnTo>
                  <a:lnTo>
                    <a:pt x="292608" y="1078992"/>
                  </a:lnTo>
                  <a:lnTo>
                    <a:pt x="294132" y="1078992"/>
                  </a:lnTo>
                  <a:lnTo>
                    <a:pt x="313944" y="1043940"/>
                  </a:lnTo>
                  <a:close/>
                </a:path>
                <a:path w="3705225" h="4036060">
                  <a:moveTo>
                    <a:pt x="320040" y="592836"/>
                  </a:moveTo>
                  <a:lnTo>
                    <a:pt x="291084" y="562356"/>
                  </a:lnTo>
                  <a:lnTo>
                    <a:pt x="262128" y="591312"/>
                  </a:lnTo>
                  <a:lnTo>
                    <a:pt x="291084" y="621792"/>
                  </a:lnTo>
                  <a:lnTo>
                    <a:pt x="320040" y="592836"/>
                  </a:lnTo>
                  <a:close/>
                </a:path>
                <a:path w="3705225" h="4036060">
                  <a:moveTo>
                    <a:pt x="379476" y="536448"/>
                  </a:moveTo>
                  <a:lnTo>
                    <a:pt x="353568" y="505968"/>
                  </a:lnTo>
                  <a:lnTo>
                    <a:pt x="327660" y="527304"/>
                  </a:lnTo>
                  <a:lnTo>
                    <a:pt x="321564" y="533400"/>
                  </a:lnTo>
                  <a:lnTo>
                    <a:pt x="350520" y="563880"/>
                  </a:lnTo>
                  <a:lnTo>
                    <a:pt x="356616" y="557784"/>
                  </a:lnTo>
                  <a:lnTo>
                    <a:pt x="379476" y="536448"/>
                  </a:lnTo>
                  <a:close/>
                </a:path>
                <a:path w="3705225" h="4036060">
                  <a:moveTo>
                    <a:pt x="385572" y="1086612"/>
                  </a:moveTo>
                  <a:lnTo>
                    <a:pt x="361188" y="1071372"/>
                  </a:lnTo>
                  <a:lnTo>
                    <a:pt x="350520" y="1065276"/>
                  </a:lnTo>
                  <a:lnTo>
                    <a:pt x="329184" y="1100328"/>
                  </a:lnTo>
                  <a:lnTo>
                    <a:pt x="339852" y="1107948"/>
                  </a:lnTo>
                  <a:lnTo>
                    <a:pt x="362712" y="1121664"/>
                  </a:lnTo>
                  <a:lnTo>
                    <a:pt x="385572" y="1088136"/>
                  </a:lnTo>
                  <a:lnTo>
                    <a:pt x="385572" y="1086612"/>
                  </a:lnTo>
                  <a:close/>
                </a:path>
                <a:path w="3705225" h="4036060">
                  <a:moveTo>
                    <a:pt x="441960" y="484632"/>
                  </a:moveTo>
                  <a:lnTo>
                    <a:pt x="416052" y="451104"/>
                  </a:lnTo>
                  <a:lnTo>
                    <a:pt x="402336" y="461772"/>
                  </a:lnTo>
                  <a:lnTo>
                    <a:pt x="384048" y="478536"/>
                  </a:lnTo>
                  <a:lnTo>
                    <a:pt x="411480" y="510540"/>
                  </a:lnTo>
                  <a:lnTo>
                    <a:pt x="429768" y="493776"/>
                  </a:lnTo>
                  <a:lnTo>
                    <a:pt x="441960" y="484632"/>
                  </a:lnTo>
                  <a:close/>
                </a:path>
                <a:path w="3705225" h="4036060">
                  <a:moveTo>
                    <a:pt x="454152" y="1135380"/>
                  </a:moveTo>
                  <a:lnTo>
                    <a:pt x="434340" y="1120140"/>
                  </a:lnTo>
                  <a:lnTo>
                    <a:pt x="420624" y="1110996"/>
                  </a:lnTo>
                  <a:lnTo>
                    <a:pt x="396240" y="1144524"/>
                  </a:lnTo>
                  <a:lnTo>
                    <a:pt x="411480" y="1155192"/>
                  </a:lnTo>
                  <a:lnTo>
                    <a:pt x="429768" y="1168908"/>
                  </a:lnTo>
                  <a:lnTo>
                    <a:pt x="454152" y="1135380"/>
                  </a:lnTo>
                  <a:close/>
                </a:path>
                <a:path w="3705225" h="4036060">
                  <a:moveTo>
                    <a:pt x="505968" y="432816"/>
                  </a:moveTo>
                  <a:lnTo>
                    <a:pt x="481584" y="399288"/>
                  </a:lnTo>
                  <a:lnTo>
                    <a:pt x="480060" y="400812"/>
                  </a:lnTo>
                  <a:lnTo>
                    <a:pt x="449580" y="426720"/>
                  </a:lnTo>
                  <a:lnTo>
                    <a:pt x="473964" y="458724"/>
                  </a:lnTo>
                  <a:lnTo>
                    <a:pt x="505968" y="432816"/>
                  </a:lnTo>
                  <a:close/>
                </a:path>
                <a:path w="3705225" h="4036060">
                  <a:moveTo>
                    <a:pt x="521208" y="1184148"/>
                  </a:moveTo>
                  <a:lnTo>
                    <a:pt x="515112" y="1181100"/>
                  </a:lnTo>
                  <a:lnTo>
                    <a:pt x="487680" y="1159764"/>
                  </a:lnTo>
                  <a:lnTo>
                    <a:pt x="463296" y="1193292"/>
                  </a:lnTo>
                  <a:lnTo>
                    <a:pt x="490728" y="1213104"/>
                  </a:lnTo>
                  <a:lnTo>
                    <a:pt x="495300" y="1217676"/>
                  </a:lnTo>
                  <a:lnTo>
                    <a:pt x="521208" y="1184148"/>
                  </a:lnTo>
                  <a:close/>
                </a:path>
                <a:path w="3705225" h="4036060">
                  <a:moveTo>
                    <a:pt x="573024" y="385572"/>
                  </a:moveTo>
                  <a:lnTo>
                    <a:pt x="550164" y="352044"/>
                  </a:lnTo>
                  <a:lnTo>
                    <a:pt x="515112" y="376428"/>
                  </a:lnTo>
                  <a:lnTo>
                    <a:pt x="539496" y="409956"/>
                  </a:lnTo>
                  <a:lnTo>
                    <a:pt x="573024" y="385572"/>
                  </a:lnTo>
                  <a:close/>
                </a:path>
                <a:path w="3705225" h="4036060">
                  <a:moveTo>
                    <a:pt x="586740" y="1235964"/>
                  </a:moveTo>
                  <a:lnTo>
                    <a:pt x="573024" y="1226820"/>
                  </a:lnTo>
                  <a:lnTo>
                    <a:pt x="553212" y="1210056"/>
                  </a:lnTo>
                  <a:lnTo>
                    <a:pt x="528828" y="1242060"/>
                  </a:lnTo>
                  <a:lnTo>
                    <a:pt x="548640" y="1258824"/>
                  </a:lnTo>
                  <a:lnTo>
                    <a:pt x="559308" y="1267968"/>
                  </a:lnTo>
                  <a:lnTo>
                    <a:pt x="586740" y="1235964"/>
                  </a:lnTo>
                  <a:close/>
                </a:path>
                <a:path w="3705225" h="4036060">
                  <a:moveTo>
                    <a:pt x="641604" y="341376"/>
                  </a:moveTo>
                  <a:lnTo>
                    <a:pt x="618744" y="306324"/>
                  </a:lnTo>
                  <a:lnTo>
                    <a:pt x="585216" y="329184"/>
                  </a:lnTo>
                  <a:lnTo>
                    <a:pt x="606552" y="364236"/>
                  </a:lnTo>
                  <a:lnTo>
                    <a:pt x="641604" y="341376"/>
                  </a:lnTo>
                  <a:close/>
                </a:path>
                <a:path w="3705225" h="4036060">
                  <a:moveTo>
                    <a:pt x="649224" y="1290828"/>
                  </a:moveTo>
                  <a:lnTo>
                    <a:pt x="632460" y="1275588"/>
                  </a:lnTo>
                  <a:lnTo>
                    <a:pt x="618744" y="1263396"/>
                  </a:lnTo>
                  <a:lnTo>
                    <a:pt x="591312" y="1293876"/>
                  </a:lnTo>
                  <a:lnTo>
                    <a:pt x="605028" y="1306068"/>
                  </a:lnTo>
                  <a:lnTo>
                    <a:pt x="621792" y="1321308"/>
                  </a:lnTo>
                  <a:lnTo>
                    <a:pt x="649224" y="1290828"/>
                  </a:lnTo>
                  <a:close/>
                </a:path>
                <a:path w="3705225" h="4036060">
                  <a:moveTo>
                    <a:pt x="679704" y="3715512"/>
                  </a:moveTo>
                  <a:lnTo>
                    <a:pt x="652272" y="3700272"/>
                  </a:lnTo>
                  <a:lnTo>
                    <a:pt x="649363" y="3705047"/>
                  </a:lnTo>
                  <a:lnTo>
                    <a:pt x="649224" y="3704844"/>
                  </a:lnTo>
                  <a:lnTo>
                    <a:pt x="644652" y="3709416"/>
                  </a:lnTo>
                  <a:lnTo>
                    <a:pt x="635508" y="3717036"/>
                  </a:lnTo>
                  <a:lnTo>
                    <a:pt x="617220" y="3730752"/>
                  </a:lnTo>
                  <a:lnTo>
                    <a:pt x="615696" y="3732276"/>
                  </a:lnTo>
                  <a:lnTo>
                    <a:pt x="643128" y="3762756"/>
                  </a:lnTo>
                  <a:lnTo>
                    <a:pt x="657098" y="3751326"/>
                  </a:lnTo>
                  <a:lnTo>
                    <a:pt x="658368" y="3752088"/>
                  </a:lnTo>
                  <a:lnTo>
                    <a:pt x="660323" y="3748735"/>
                  </a:lnTo>
                  <a:lnTo>
                    <a:pt x="670560" y="3741420"/>
                  </a:lnTo>
                  <a:lnTo>
                    <a:pt x="675132" y="3738372"/>
                  </a:lnTo>
                  <a:lnTo>
                    <a:pt x="670128" y="3731920"/>
                  </a:lnTo>
                  <a:lnTo>
                    <a:pt x="679704" y="3715512"/>
                  </a:lnTo>
                  <a:close/>
                </a:path>
                <a:path w="3705225" h="4036060">
                  <a:moveTo>
                    <a:pt x="710184" y="1348740"/>
                  </a:moveTo>
                  <a:lnTo>
                    <a:pt x="687324" y="1325880"/>
                  </a:lnTo>
                  <a:lnTo>
                    <a:pt x="679704" y="1319784"/>
                  </a:lnTo>
                  <a:lnTo>
                    <a:pt x="652272" y="1348740"/>
                  </a:lnTo>
                  <a:lnTo>
                    <a:pt x="681228" y="1377696"/>
                  </a:lnTo>
                  <a:lnTo>
                    <a:pt x="710184" y="1348740"/>
                  </a:lnTo>
                  <a:close/>
                </a:path>
                <a:path w="3705225" h="4036060">
                  <a:moveTo>
                    <a:pt x="711708" y="300228"/>
                  </a:moveTo>
                  <a:lnTo>
                    <a:pt x="691896" y="263652"/>
                  </a:lnTo>
                  <a:lnTo>
                    <a:pt x="655320" y="284988"/>
                  </a:lnTo>
                  <a:lnTo>
                    <a:pt x="675132" y="320040"/>
                  </a:lnTo>
                  <a:lnTo>
                    <a:pt x="711708" y="300228"/>
                  </a:lnTo>
                  <a:close/>
                </a:path>
                <a:path w="3705225" h="4036060">
                  <a:moveTo>
                    <a:pt x="737616" y="3680460"/>
                  </a:moveTo>
                  <a:lnTo>
                    <a:pt x="707136" y="3651504"/>
                  </a:lnTo>
                  <a:lnTo>
                    <a:pt x="696468" y="3663696"/>
                  </a:lnTo>
                  <a:lnTo>
                    <a:pt x="685800" y="3674364"/>
                  </a:lnTo>
                  <a:lnTo>
                    <a:pt x="679704" y="3678936"/>
                  </a:lnTo>
                  <a:lnTo>
                    <a:pt x="707136" y="3709416"/>
                  </a:lnTo>
                  <a:lnTo>
                    <a:pt x="713232" y="3703320"/>
                  </a:lnTo>
                  <a:lnTo>
                    <a:pt x="726948" y="3692652"/>
                  </a:lnTo>
                  <a:lnTo>
                    <a:pt x="737616" y="3680460"/>
                  </a:lnTo>
                  <a:close/>
                </a:path>
                <a:path w="3705225" h="4036060">
                  <a:moveTo>
                    <a:pt x="749808" y="3756660"/>
                  </a:moveTo>
                  <a:lnTo>
                    <a:pt x="714756" y="3736848"/>
                  </a:lnTo>
                  <a:lnTo>
                    <a:pt x="693420" y="3771900"/>
                  </a:lnTo>
                  <a:lnTo>
                    <a:pt x="719328" y="3787140"/>
                  </a:lnTo>
                  <a:lnTo>
                    <a:pt x="731520" y="3793236"/>
                  </a:lnTo>
                  <a:lnTo>
                    <a:pt x="749808" y="3756660"/>
                  </a:lnTo>
                  <a:close/>
                </a:path>
                <a:path w="3705225" h="4036060">
                  <a:moveTo>
                    <a:pt x="768096" y="1408176"/>
                  </a:moveTo>
                  <a:lnTo>
                    <a:pt x="766572" y="1405128"/>
                  </a:lnTo>
                  <a:lnTo>
                    <a:pt x="739140" y="1377696"/>
                  </a:lnTo>
                  <a:lnTo>
                    <a:pt x="710184" y="1406652"/>
                  </a:lnTo>
                  <a:lnTo>
                    <a:pt x="711708" y="1408176"/>
                  </a:lnTo>
                  <a:lnTo>
                    <a:pt x="736092" y="1434084"/>
                  </a:lnTo>
                  <a:lnTo>
                    <a:pt x="737616" y="1435608"/>
                  </a:lnTo>
                  <a:lnTo>
                    <a:pt x="768096" y="1408176"/>
                  </a:lnTo>
                  <a:close/>
                </a:path>
                <a:path w="3705225" h="4036060">
                  <a:moveTo>
                    <a:pt x="783336" y="260604"/>
                  </a:moveTo>
                  <a:lnTo>
                    <a:pt x="765048" y="224028"/>
                  </a:lnTo>
                  <a:lnTo>
                    <a:pt x="728472" y="242316"/>
                  </a:lnTo>
                  <a:lnTo>
                    <a:pt x="726948" y="243840"/>
                  </a:lnTo>
                  <a:lnTo>
                    <a:pt x="746760" y="278892"/>
                  </a:lnTo>
                  <a:lnTo>
                    <a:pt x="748284" y="278892"/>
                  </a:lnTo>
                  <a:lnTo>
                    <a:pt x="783336" y="260604"/>
                  </a:lnTo>
                  <a:close/>
                </a:path>
                <a:path w="3705225" h="4036060">
                  <a:moveTo>
                    <a:pt x="790956" y="3614928"/>
                  </a:moveTo>
                  <a:lnTo>
                    <a:pt x="757428" y="3590544"/>
                  </a:lnTo>
                  <a:lnTo>
                    <a:pt x="748284" y="3604260"/>
                  </a:lnTo>
                  <a:lnTo>
                    <a:pt x="734568" y="3621024"/>
                  </a:lnTo>
                  <a:lnTo>
                    <a:pt x="765048" y="3648456"/>
                  </a:lnTo>
                  <a:lnTo>
                    <a:pt x="766572" y="3646932"/>
                  </a:lnTo>
                  <a:lnTo>
                    <a:pt x="781812" y="3628644"/>
                  </a:lnTo>
                  <a:lnTo>
                    <a:pt x="790956" y="3614928"/>
                  </a:lnTo>
                  <a:close/>
                </a:path>
                <a:path w="3705225" h="4036060">
                  <a:moveTo>
                    <a:pt x="822960" y="3794760"/>
                  </a:moveTo>
                  <a:lnTo>
                    <a:pt x="786384" y="3774948"/>
                  </a:lnTo>
                  <a:lnTo>
                    <a:pt x="768096" y="3811524"/>
                  </a:lnTo>
                  <a:lnTo>
                    <a:pt x="804672" y="3831336"/>
                  </a:lnTo>
                  <a:lnTo>
                    <a:pt x="822960" y="3794760"/>
                  </a:lnTo>
                  <a:close/>
                </a:path>
                <a:path w="3705225" h="4036060">
                  <a:moveTo>
                    <a:pt x="824484" y="1470660"/>
                  </a:moveTo>
                  <a:lnTo>
                    <a:pt x="816864" y="1461516"/>
                  </a:lnTo>
                  <a:lnTo>
                    <a:pt x="797052" y="1438656"/>
                  </a:lnTo>
                  <a:lnTo>
                    <a:pt x="765048" y="1466088"/>
                  </a:lnTo>
                  <a:lnTo>
                    <a:pt x="784860" y="1488948"/>
                  </a:lnTo>
                  <a:lnTo>
                    <a:pt x="792480" y="1496568"/>
                  </a:lnTo>
                  <a:lnTo>
                    <a:pt x="824484" y="1470660"/>
                  </a:lnTo>
                  <a:close/>
                </a:path>
                <a:path w="3705225" h="4036060">
                  <a:moveTo>
                    <a:pt x="838200" y="3544824"/>
                  </a:moveTo>
                  <a:lnTo>
                    <a:pt x="803148" y="3521964"/>
                  </a:lnTo>
                  <a:lnTo>
                    <a:pt x="792480" y="3538728"/>
                  </a:lnTo>
                  <a:lnTo>
                    <a:pt x="780288" y="3557016"/>
                  </a:lnTo>
                  <a:lnTo>
                    <a:pt x="815340" y="3579876"/>
                  </a:lnTo>
                  <a:lnTo>
                    <a:pt x="827532" y="3560064"/>
                  </a:lnTo>
                  <a:lnTo>
                    <a:pt x="838200" y="3544824"/>
                  </a:lnTo>
                  <a:close/>
                </a:path>
                <a:path w="3705225" h="4036060">
                  <a:moveTo>
                    <a:pt x="856488" y="224028"/>
                  </a:moveTo>
                  <a:lnTo>
                    <a:pt x="839724" y="187452"/>
                  </a:lnTo>
                  <a:lnTo>
                    <a:pt x="815340" y="198120"/>
                  </a:lnTo>
                  <a:lnTo>
                    <a:pt x="801624" y="205740"/>
                  </a:lnTo>
                  <a:lnTo>
                    <a:pt x="819912" y="242316"/>
                  </a:lnTo>
                  <a:lnTo>
                    <a:pt x="833628" y="234696"/>
                  </a:lnTo>
                  <a:lnTo>
                    <a:pt x="856488" y="224028"/>
                  </a:lnTo>
                  <a:close/>
                </a:path>
                <a:path w="3705225" h="4036060">
                  <a:moveTo>
                    <a:pt x="874776" y="1537716"/>
                  </a:moveTo>
                  <a:lnTo>
                    <a:pt x="864108" y="1524000"/>
                  </a:lnTo>
                  <a:lnTo>
                    <a:pt x="850392" y="1504188"/>
                  </a:lnTo>
                  <a:lnTo>
                    <a:pt x="816864" y="1528572"/>
                  </a:lnTo>
                  <a:lnTo>
                    <a:pt x="832104" y="1548384"/>
                  </a:lnTo>
                  <a:lnTo>
                    <a:pt x="841248" y="1562100"/>
                  </a:lnTo>
                  <a:lnTo>
                    <a:pt x="874776" y="1537716"/>
                  </a:lnTo>
                  <a:close/>
                </a:path>
                <a:path w="3705225" h="4036060">
                  <a:moveTo>
                    <a:pt x="879348" y="3471672"/>
                  </a:moveTo>
                  <a:lnTo>
                    <a:pt x="844296" y="3451860"/>
                  </a:lnTo>
                  <a:lnTo>
                    <a:pt x="841248" y="3456432"/>
                  </a:lnTo>
                  <a:lnTo>
                    <a:pt x="824484" y="3485388"/>
                  </a:lnTo>
                  <a:lnTo>
                    <a:pt x="824484" y="3486912"/>
                  </a:lnTo>
                  <a:lnTo>
                    <a:pt x="859536" y="3508248"/>
                  </a:lnTo>
                  <a:lnTo>
                    <a:pt x="861060" y="3506724"/>
                  </a:lnTo>
                  <a:lnTo>
                    <a:pt x="877824" y="3476244"/>
                  </a:lnTo>
                  <a:lnTo>
                    <a:pt x="879348" y="3471672"/>
                  </a:lnTo>
                  <a:close/>
                </a:path>
                <a:path w="3705225" h="4036060">
                  <a:moveTo>
                    <a:pt x="897636" y="3828288"/>
                  </a:moveTo>
                  <a:lnTo>
                    <a:pt x="859536" y="3811524"/>
                  </a:lnTo>
                  <a:lnTo>
                    <a:pt x="842772" y="3849624"/>
                  </a:lnTo>
                  <a:lnTo>
                    <a:pt x="879348" y="3866388"/>
                  </a:lnTo>
                  <a:lnTo>
                    <a:pt x="897636" y="3828288"/>
                  </a:lnTo>
                  <a:close/>
                </a:path>
                <a:path w="3705225" h="4036060">
                  <a:moveTo>
                    <a:pt x="918972" y="3398520"/>
                  </a:moveTo>
                  <a:lnTo>
                    <a:pt x="882396" y="3380232"/>
                  </a:lnTo>
                  <a:lnTo>
                    <a:pt x="873252" y="3396996"/>
                  </a:lnTo>
                  <a:lnTo>
                    <a:pt x="864108" y="3415284"/>
                  </a:lnTo>
                  <a:lnTo>
                    <a:pt x="899160" y="3435096"/>
                  </a:lnTo>
                  <a:lnTo>
                    <a:pt x="911352" y="3415284"/>
                  </a:lnTo>
                  <a:lnTo>
                    <a:pt x="918972" y="3398520"/>
                  </a:lnTo>
                  <a:close/>
                </a:path>
                <a:path w="3705225" h="4036060">
                  <a:moveTo>
                    <a:pt x="918972" y="1609344"/>
                  </a:moveTo>
                  <a:lnTo>
                    <a:pt x="909828" y="1592580"/>
                  </a:lnTo>
                  <a:lnTo>
                    <a:pt x="899160" y="1575816"/>
                  </a:lnTo>
                  <a:lnTo>
                    <a:pt x="897636" y="1572768"/>
                  </a:lnTo>
                  <a:lnTo>
                    <a:pt x="862584" y="1595628"/>
                  </a:lnTo>
                  <a:lnTo>
                    <a:pt x="864108" y="1597152"/>
                  </a:lnTo>
                  <a:lnTo>
                    <a:pt x="874776" y="1615440"/>
                  </a:lnTo>
                  <a:lnTo>
                    <a:pt x="883920" y="1629156"/>
                  </a:lnTo>
                  <a:lnTo>
                    <a:pt x="918972" y="1609344"/>
                  </a:lnTo>
                  <a:close/>
                </a:path>
                <a:path w="3705225" h="4036060">
                  <a:moveTo>
                    <a:pt x="931164" y="192024"/>
                  </a:moveTo>
                  <a:lnTo>
                    <a:pt x="915924" y="153924"/>
                  </a:lnTo>
                  <a:lnTo>
                    <a:pt x="903732" y="158496"/>
                  </a:lnTo>
                  <a:lnTo>
                    <a:pt x="877824" y="170688"/>
                  </a:lnTo>
                  <a:lnTo>
                    <a:pt x="894588" y="207264"/>
                  </a:lnTo>
                  <a:lnTo>
                    <a:pt x="920496" y="196596"/>
                  </a:lnTo>
                  <a:lnTo>
                    <a:pt x="931164" y="192024"/>
                  </a:lnTo>
                  <a:close/>
                </a:path>
                <a:path w="3705225" h="4036060">
                  <a:moveTo>
                    <a:pt x="955548" y="3323844"/>
                  </a:moveTo>
                  <a:lnTo>
                    <a:pt x="918972" y="3305556"/>
                  </a:lnTo>
                  <a:lnTo>
                    <a:pt x="906780" y="3331464"/>
                  </a:lnTo>
                  <a:lnTo>
                    <a:pt x="900684" y="3343656"/>
                  </a:lnTo>
                  <a:lnTo>
                    <a:pt x="937260" y="3361944"/>
                  </a:lnTo>
                  <a:lnTo>
                    <a:pt x="943356" y="3349752"/>
                  </a:lnTo>
                  <a:lnTo>
                    <a:pt x="955548" y="3323844"/>
                  </a:lnTo>
                  <a:close/>
                </a:path>
                <a:path w="3705225" h="4036060">
                  <a:moveTo>
                    <a:pt x="960120" y="1682496"/>
                  </a:moveTo>
                  <a:lnTo>
                    <a:pt x="954024" y="1670304"/>
                  </a:lnTo>
                  <a:lnTo>
                    <a:pt x="940308" y="1645920"/>
                  </a:lnTo>
                  <a:lnTo>
                    <a:pt x="903732" y="1665732"/>
                  </a:lnTo>
                  <a:lnTo>
                    <a:pt x="917448" y="1690116"/>
                  </a:lnTo>
                  <a:lnTo>
                    <a:pt x="923544" y="1700784"/>
                  </a:lnTo>
                  <a:lnTo>
                    <a:pt x="960120" y="1682496"/>
                  </a:lnTo>
                  <a:close/>
                </a:path>
                <a:path w="3705225" h="4036060">
                  <a:moveTo>
                    <a:pt x="972312" y="3860292"/>
                  </a:moveTo>
                  <a:lnTo>
                    <a:pt x="934212" y="3845052"/>
                  </a:lnTo>
                  <a:lnTo>
                    <a:pt x="918972" y="3883152"/>
                  </a:lnTo>
                  <a:lnTo>
                    <a:pt x="957072" y="3898392"/>
                  </a:lnTo>
                  <a:lnTo>
                    <a:pt x="972312" y="3860292"/>
                  </a:lnTo>
                  <a:close/>
                </a:path>
                <a:path w="3705225" h="4036060">
                  <a:moveTo>
                    <a:pt x="990600" y="3247644"/>
                  </a:moveTo>
                  <a:lnTo>
                    <a:pt x="952500" y="3232404"/>
                  </a:lnTo>
                  <a:lnTo>
                    <a:pt x="937260" y="3265932"/>
                  </a:lnTo>
                  <a:lnTo>
                    <a:pt x="935736" y="3268980"/>
                  </a:lnTo>
                  <a:lnTo>
                    <a:pt x="973836" y="3285744"/>
                  </a:lnTo>
                  <a:lnTo>
                    <a:pt x="975360" y="3282696"/>
                  </a:lnTo>
                  <a:lnTo>
                    <a:pt x="990600" y="3247644"/>
                  </a:lnTo>
                  <a:close/>
                </a:path>
                <a:path w="3705225" h="4036060">
                  <a:moveTo>
                    <a:pt x="996696" y="1757172"/>
                  </a:moveTo>
                  <a:lnTo>
                    <a:pt x="995172" y="1752600"/>
                  </a:lnTo>
                  <a:lnTo>
                    <a:pt x="978408" y="1719072"/>
                  </a:lnTo>
                  <a:lnTo>
                    <a:pt x="941832" y="1737360"/>
                  </a:lnTo>
                  <a:lnTo>
                    <a:pt x="957072" y="1770888"/>
                  </a:lnTo>
                  <a:lnTo>
                    <a:pt x="960120" y="1773936"/>
                  </a:lnTo>
                  <a:lnTo>
                    <a:pt x="996696" y="1757172"/>
                  </a:lnTo>
                  <a:close/>
                </a:path>
                <a:path w="3705225" h="4036060">
                  <a:moveTo>
                    <a:pt x="1007364" y="161544"/>
                  </a:moveTo>
                  <a:lnTo>
                    <a:pt x="992124" y="123444"/>
                  </a:lnTo>
                  <a:lnTo>
                    <a:pt x="954024" y="138684"/>
                  </a:lnTo>
                  <a:lnTo>
                    <a:pt x="969264" y="176784"/>
                  </a:lnTo>
                  <a:lnTo>
                    <a:pt x="1007364" y="161544"/>
                  </a:lnTo>
                  <a:close/>
                </a:path>
                <a:path w="3705225" h="4036060">
                  <a:moveTo>
                    <a:pt x="1022604" y="3171444"/>
                  </a:moveTo>
                  <a:lnTo>
                    <a:pt x="984504" y="3156204"/>
                  </a:lnTo>
                  <a:lnTo>
                    <a:pt x="981456" y="3165348"/>
                  </a:lnTo>
                  <a:lnTo>
                    <a:pt x="969264" y="3194304"/>
                  </a:lnTo>
                  <a:lnTo>
                    <a:pt x="1007364" y="3209544"/>
                  </a:lnTo>
                  <a:lnTo>
                    <a:pt x="1019556" y="3180588"/>
                  </a:lnTo>
                  <a:lnTo>
                    <a:pt x="1022604" y="3171444"/>
                  </a:lnTo>
                  <a:close/>
                </a:path>
                <a:path w="3705225" h="4036060">
                  <a:moveTo>
                    <a:pt x="1031748" y="1833372"/>
                  </a:moveTo>
                  <a:lnTo>
                    <a:pt x="1014984" y="1795272"/>
                  </a:lnTo>
                  <a:lnTo>
                    <a:pt x="976884" y="1812036"/>
                  </a:lnTo>
                  <a:lnTo>
                    <a:pt x="993648" y="1848612"/>
                  </a:lnTo>
                  <a:lnTo>
                    <a:pt x="1031748" y="1833372"/>
                  </a:lnTo>
                  <a:close/>
                </a:path>
                <a:path w="3705225" h="4036060">
                  <a:moveTo>
                    <a:pt x="1048512" y="3887724"/>
                  </a:moveTo>
                  <a:lnTo>
                    <a:pt x="1010412" y="3874008"/>
                  </a:lnTo>
                  <a:lnTo>
                    <a:pt x="996696" y="3913632"/>
                  </a:lnTo>
                  <a:lnTo>
                    <a:pt x="1036320" y="3927348"/>
                  </a:lnTo>
                  <a:lnTo>
                    <a:pt x="1048512" y="3887724"/>
                  </a:lnTo>
                  <a:close/>
                </a:path>
                <a:path w="3705225" h="4036060">
                  <a:moveTo>
                    <a:pt x="1051560" y="3093720"/>
                  </a:moveTo>
                  <a:lnTo>
                    <a:pt x="1013460" y="3080004"/>
                  </a:lnTo>
                  <a:lnTo>
                    <a:pt x="1005840" y="3098292"/>
                  </a:lnTo>
                  <a:lnTo>
                    <a:pt x="999744" y="3118104"/>
                  </a:lnTo>
                  <a:lnTo>
                    <a:pt x="1037844" y="3133344"/>
                  </a:lnTo>
                  <a:lnTo>
                    <a:pt x="1045464" y="3112008"/>
                  </a:lnTo>
                  <a:lnTo>
                    <a:pt x="1051560" y="3093720"/>
                  </a:lnTo>
                  <a:close/>
                </a:path>
                <a:path w="3705225" h="4036060">
                  <a:moveTo>
                    <a:pt x="1062228" y="1909572"/>
                  </a:moveTo>
                  <a:lnTo>
                    <a:pt x="1048512" y="1872996"/>
                  </a:lnTo>
                  <a:lnTo>
                    <a:pt x="1046988" y="1871472"/>
                  </a:lnTo>
                  <a:lnTo>
                    <a:pt x="1008888" y="1886712"/>
                  </a:lnTo>
                  <a:lnTo>
                    <a:pt x="1010412" y="1889760"/>
                  </a:lnTo>
                  <a:lnTo>
                    <a:pt x="1024128" y="1924812"/>
                  </a:lnTo>
                  <a:lnTo>
                    <a:pt x="1062228" y="1909572"/>
                  </a:lnTo>
                  <a:close/>
                </a:path>
                <a:path w="3705225" h="4036060">
                  <a:moveTo>
                    <a:pt x="1078992" y="3014472"/>
                  </a:moveTo>
                  <a:lnTo>
                    <a:pt x="1039368" y="3002280"/>
                  </a:lnTo>
                  <a:lnTo>
                    <a:pt x="1028700" y="3034284"/>
                  </a:lnTo>
                  <a:lnTo>
                    <a:pt x="1027176" y="3040380"/>
                  </a:lnTo>
                  <a:lnTo>
                    <a:pt x="1065276" y="3054096"/>
                  </a:lnTo>
                  <a:lnTo>
                    <a:pt x="1068324" y="3046476"/>
                  </a:lnTo>
                  <a:lnTo>
                    <a:pt x="1078992" y="3014472"/>
                  </a:lnTo>
                  <a:close/>
                </a:path>
                <a:path w="3705225" h="4036060">
                  <a:moveTo>
                    <a:pt x="1085088" y="135636"/>
                  </a:moveTo>
                  <a:lnTo>
                    <a:pt x="1071372" y="96012"/>
                  </a:lnTo>
                  <a:lnTo>
                    <a:pt x="1033272" y="109728"/>
                  </a:lnTo>
                  <a:lnTo>
                    <a:pt x="1045464" y="149352"/>
                  </a:lnTo>
                  <a:lnTo>
                    <a:pt x="1085088" y="135636"/>
                  </a:lnTo>
                  <a:close/>
                </a:path>
                <a:path w="3705225" h="4036060">
                  <a:moveTo>
                    <a:pt x="1091184" y="1988820"/>
                  </a:moveTo>
                  <a:lnTo>
                    <a:pt x="1089660" y="1985772"/>
                  </a:lnTo>
                  <a:lnTo>
                    <a:pt x="1077468" y="1949196"/>
                  </a:lnTo>
                  <a:lnTo>
                    <a:pt x="1037844" y="1962912"/>
                  </a:lnTo>
                  <a:lnTo>
                    <a:pt x="1050036" y="1999488"/>
                  </a:lnTo>
                  <a:lnTo>
                    <a:pt x="1051560" y="2001012"/>
                  </a:lnTo>
                  <a:lnTo>
                    <a:pt x="1091184" y="1988820"/>
                  </a:lnTo>
                  <a:close/>
                </a:path>
                <a:path w="3705225" h="4036060">
                  <a:moveTo>
                    <a:pt x="1101852" y="2933700"/>
                  </a:moveTo>
                  <a:lnTo>
                    <a:pt x="1060704" y="2923032"/>
                  </a:lnTo>
                  <a:lnTo>
                    <a:pt x="1059180" y="2935224"/>
                  </a:lnTo>
                  <a:lnTo>
                    <a:pt x="1050036" y="2962656"/>
                  </a:lnTo>
                  <a:lnTo>
                    <a:pt x="1089660" y="2974848"/>
                  </a:lnTo>
                  <a:lnTo>
                    <a:pt x="1098804" y="2945892"/>
                  </a:lnTo>
                  <a:lnTo>
                    <a:pt x="1101852" y="2933700"/>
                  </a:lnTo>
                  <a:close/>
                </a:path>
                <a:path w="3705225" h="4036060">
                  <a:moveTo>
                    <a:pt x="1114044" y="2069592"/>
                  </a:moveTo>
                  <a:lnTo>
                    <a:pt x="1110996" y="2058924"/>
                  </a:lnTo>
                  <a:lnTo>
                    <a:pt x="1103376" y="2028444"/>
                  </a:lnTo>
                  <a:lnTo>
                    <a:pt x="1063752" y="2040636"/>
                  </a:lnTo>
                  <a:lnTo>
                    <a:pt x="1071372" y="2071116"/>
                  </a:lnTo>
                  <a:lnTo>
                    <a:pt x="1074420" y="2080260"/>
                  </a:lnTo>
                  <a:lnTo>
                    <a:pt x="1114044" y="2069592"/>
                  </a:lnTo>
                  <a:close/>
                </a:path>
                <a:path w="3705225" h="4036060">
                  <a:moveTo>
                    <a:pt x="1121664" y="2852928"/>
                  </a:moveTo>
                  <a:lnTo>
                    <a:pt x="1080516" y="2843784"/>
                  </a:lnTo>
                  <a:lnTo>
                    <a:pt x="1075944" y="2866644"/>
                  </a:lnTo>
                  <a:lnTo>
                    <a:pt x="1071372" y="2883408"/>
                  </a:lnTo>
                  <a:lnTo>
                    <a:pt x="1110996" y="2894076"/>
                  </a:lnTo>
                  <a:lnTo>
                    <a:pt x="1115568" y="2875788"/>
                  </a:lnTo>
                  <a:lnTo>
                    <a:pt x="1121664" y="2852928"/>
                  </a:lnTo>
                  <a:close/>
                </a:path>
                <a:path w="3705225" h="4036060">
                  <a:moveTo>
                    <a:pt x="1126236" y="3912108"/>
                  </a:moveTo>
                  <a:lnTo>
                    <a:pt x="1097280" y="3904488"/>
                  </a:lnTo>
                  <a:lnTo>
                    <a:pt x="1088136" y="3901440"/>
                  </a:lnTo>
                  <a:lnTo>
                    <a:pt x="1074420" y="3939540"/>
                  </a:lnTo>
                  <a:lnTo>
                    <a:pt x="1085088" y="3944112"/>
                  </a:lnTo>
                  <a:lnTo>
                    <a:pt x="1115568" y="3951732"/>
                  </a:lnTo>
                  <a:lnTo>
                    <a:pt x="1126236" y="3912108"/>
                  </a:lnTo>
                  <a:close/>
                </a:path>
                <a:path w="3705225" h="4036060">
                  <a:moveTo>
                    <a:pt x="1132319" y="2150364"/>
                  </a:moveTo>
                  <a:lnTo>
                    <a:pt x="1129284" y="2136648"/>
                  </a:lnTo>
                  <a:lnTo>
                    <a:pt x="1124712" y="2110740"/>
                  </a:lnTo>
                  <a:lnTo>
                    <a:pt x="1083564" y="2118360"/>
                  </a:lnTo>
                  <a:lnTo>
                    <a:pt x="1092708" y="2159508"/>
                  </a:lnTo>
                  <a:lnTo>
                    <a:pt x="1132319" y="2150364"/>
                  </a:lnTo>
                  <a:close/>
                </a:path>
                <a:path w="3705225" h="4036060">
                  <a:moveTo>
                    <a:pt x="1138428" y="2772156"/>
                  </a:moveTo>
                  <a:lnTo>
                    <a:pt x="1098804" y="2764536"/>
                  </a:lnTo>
                  <a:lnTo>
                    <a:pt x="1091184" y="2798064"/>
                  </a:lnTo>
                  <a:lnTo>
                    <a:pt x="1089660" y="2804160"/>
                  </a:lnTo>
                  <a:lnTo>
                    <a:pt x="1130808" y="2813304"/>
                  </a:lnTo>
                  <a:lnTo>
                    <a:pt x="1132319" y="2807208"/>
                  </a:lnTo>
                  <a:lnTo>
                    <a:pt x="1138428" y="2772156"/>
                  </a:lnTo>
                  <a:close/>
                </a:path>
                <a:path w="3705225" h="4036060">
                  <a:moveTo>
                    <a:pt x="1147572" y="2232660"/>
                  </a:moveTo>
                  <a:lnTo>
                    <a:pt x="1146048" y="2218944"/>
                  </a:lnTo>
                  <a:lnTo>
                    <a:pt x="1139952" y="2191512"/>
                  </a:lnTo>
                  <a:lnTo>
                    <a:pt x="1100328" y="2199132"/>
                  </a:lnTo>
                  <a:lnTo>
                    <a:pt x="1104900" y="2226564"/>
                  </a:lnTo>
                  <a:lnTo>
                    <a:pt x="1107948" y="2240280"/>
                  </a:lnTo>
                  <a:lnTo>
                    <a:pt x="1147572" y="2232660"/>
                  </a:lnTo>
                  <a:close/>
                </a:path>
                <a:path w="3705225" h="4036060">
                  <a:moveTo>
                    <a:pt x="1153668" y="2689860"/>
                  </a:moveTo>
                  <a:lnTo>
                    <a:pt x="1112520" y="2683764"/>
                  </a:lnTo>
                  <a:lnTo>
                    <a:pt x="1110996" y="2699004"/>
                  </a:lnTo>
                  <a:lnTo>
                    <a:pt x="1106424" y="2723388"/>
                  </a:lnTo>
                  <a:lnTo>
                    <a:pt x="1146048" y="2731008"/>
                  </a:lnTo>
                  <a:lnTo>
                    <a:pt x="1150620" y="2705100"/>
                  </a:lnTo>
                  <a:lnTo>
                    <a:pt x="1153668" y="2689860"/>
                  </a:lnTo>
                  <a:close/>
                </a:path>
                <a:path w="3705225" h="4036060">
                  <a:moveTo>
                    <a:pt x="1162812" y="2314956"/>
                  </a:moveTo>
                  <a:lnTo>
                    <a:pt x="1161288" y="2304288"/>
                  </a:lnTo>
                  <a:lnTo>
                    <a:pt x="1155192" y="2273808"/>
                  </a:lnTo>
                  <a:lnTo>
                    <a:pt x="1115568" y="2279904"/>
                  </a:lnTo>
                  <a:lnTo>
                    <a:pt x="1120140" y="2310384"/>
                  </a:lnTo>
                  <a:lnTo>
                    <a:pt x="1121664" y="2321052"/>
                  </a:lnTo>
                  <a:lnTo>
                    <a:pt x="1162812" y="2314956"/>
                  </a:lnTo>
                  <a:close/>
                </a:path>
                <a:path w="3705225" h="4036060">
                  <a:moveTo>
                    <a:pt x="1162812" y="112776"/>
                  </a:moveTo>
                  <a:lnTo>
                    <a:pt x="1152144" y="73152"/>
                  </a:lnTo>
                  <a:lnTo>
                    <a:pt x="1112520" y="83820"/>
                  </a:lnTo>
                  <a:lnTo>
                    <a:pt x="1123188" y="123444"/>
                  </a:lnTo>
                  <a:lnTo>
                    <a:pt x="1162812" y="112776"/>
                  </a:lnTo>
                  <a:close/>
                </a:path>
                <a:path w="3705225" h="4036060">
                  <a:moveTo>
                    <a:pt x="1165847" y="2607564"/>
                  </a:moveTo>
                  <a:lnTo>
                    <a:pt x="1124712" y="2602992"/>
                  </a:lnTo>
                  <a:lnTo>
                    <a:pt x="1124712" y="2604516"/>
                  </a:lnTo>
                  <a:lnTo>
                    <a:pt x="1120140" y="2634996"/>
                  </a:lnTo>
                  <a:lnTo>
                    <a:pt x="1118616" y="2642616"/>
                  </a:lnTo>
                  <a:lnTo>
                    <a:pt x="1159764" y="2648712"/>
                  </a:lnTo>
                  <a:lnTo>
                    <a:pt x="1161288" y="2641092"/>
                  </a:lnTo>
                  <a:lnTo>
                    <a:pt x="1165847" y="2609088"/>
                  </a:lnTo>
                  <a:lnTo>
                    <a:pt x="1165847" y="2607564"/>
                  </a:lnTo>
                  <a:close/>
                </a:path>
                <a:path w="3705225" h="4036060">
                  <a:moveTo>
                    <a:pt x="1171943" y="2394204"/>
                  </a:moveTo>
                  <a:lnTo>
                    <a:pt x="1168895" y="2356104"/>
                  </a:lnTo>
                  <a:lnTo>
                    <a:pt x="1127760" y="2360676"/>
                  </a:lnTo>
                  <a:lnTo>
                    <a:pt x="1130681" y="2397252"/>
                  </a:lnTo>
                  <a:lnTo>
                    <a:pt x="1130808" y="2400300"/>
                  </a:lnTo>
                  <a:lnTo>
                    <a:pt x="1171943" y="2397252"/>
                  </a:lnTo>
                  <a:lnTo>
                    <a:pt x="1171943" y="2394204"/>
                  </a:lnTo>
                  <a:close/>
                </a:path>
                <a:path w="3705225" h="4036060">
                  <a:moveTo>
                    <a:pt x="1173480" y="2525268"/>
                  </a:moveTo>
                  <a:lnTo>
                    <a:pt x="1132319" y="2520696"/>
                  </a:lnTo>
                  <a:lnTo>
                    <a:pt x="1130808" y="2546604"/>
                  </a:lnTo>
                  <a:lnTo>
                    <a:pt x="1129284" y="2561844"/>
                  </a:lnTo>
                  <a:lnTo>
                    <a:pt x="1170419" y="2566416"/>
                  </a:lnTo>
                  <a:lnTo>
                    <a:pt x="1171943" y="2549652"/>
                  </a:lnTo>
                  <a:lnTo>
                    <a:pt x="1173480" y="2525268"/>
                  </a:lnTo>
                  <a:close/>
                </a:path>
                <a:path w="3705225" h="4036060">
                  <a:moveTo>
                    <a:pt x="1175004" y="2439924"/>
                  </a:moveTo>
                  <a:lnTo>
                    <a:pt x="1133843" y="2441448"/>
                  </a:lnTo>
                  <a:lnTo>
                    <a:pt x="1133843" y="2481072"/>
                  </a:lnTo>
                  <a:lnTo>
                    <a:pt x="1175004" y="2482596"/>
                  </a:lnTo>
                  <a:lnTo>
                    <a:pt x="1175004" y="2439924"/>
                  </a:lnTo>
                  <a:close/>
                </a:path>
                <a:path w="3705225" h="4036060">
                  <a:moveTo>
                    <a:pt x="1205471" y="3934968"/>
                  </a:moveTo>
                  <a:lnTo>
                    <a:pt x="1165847" y="3924300"/>
                  </a:lnTo>
                  <a:lnTo>
                    <a:pt x="1155192" y="3963924"/>
                  </a:lnTo>
                  <a:lnTo>
                    <a:pt x="1179576" y="3971544"/>
                  </a:lnTo>
                  <a:lnTo>
                    <a:pt x="1196340" y="3974592"/>
                  </a:lnTo>
                  <a:lnTo>
                    <a:pt x="1205471" y="3934968"/>
                  </a:lnTo>
                  <a:close/>
                </a:path>
                <a:path w="3705225" h="4036060">
                  <a:moveTo>
                    <a:pt x="1242047" y="91440"/>
                  </a:moveTo>
                  <a:lnTo>
                    <a:pt x="1232916" y="51816"/>
                  </a:lnTo>
                  <a:lnTo>
                    <a:pt x="1193292" y="60960"/>
                  </a:lnTo>
                  <a:lnTo>
                    <a:pt x="1202423" y="102108"/>
                  </a:lnTo>
                  <a:lnTo>
                    <a:pt x="1242047" y="91440"/>
                  </a:lnTo>
                  <a:close/>
                </a:path>
                <a:path w="3705225" h="4036060">
                  <a:moveTo>
                    <a:pt x="1284719" y="3953256"/>
                  </a:moveTo>
                  <a:lnTo>
                    <a:pt x="1281671" y="3953256"/>
                  </a:lnTo>
                  <a:lnTo>
                    <a:pt x="1245095" y="3944112"/>
                  </a:lnTo>
                  <a:lnTo>
                    <a:pt x="1235964" y="3983736"/>
                  </a:lnTo>
                  <a:lnTo>
                    <a:pt x="1274064" y="3992880"/>
                  </a:lnTo>
                  <a:lnTo>
                    <a:pt x="1277112" y="3994404"/>
                  </a:lnTo>
                  <a:lnTo>
                    <a:pt x="1284719" y="3953256"/>
                  </a:lnTo>
                  <a:close/>
                </a:path>
                <a:path w="3705225" h="4036060">
                  <a:moveTo>
                    <a:pt x="1322832" y="74676"/>
                  </a:moveTo>
                  <a:lnTo>
                    <a:pt x="1315212" y="35052"/>
                  </a:lnTo>
                  <a:lnTo>
                    <a:pt x="1274064" y="42672"/>
                  </a:lnTo>
                  <a:lnTo>
                    <a:pt x="1281671" y="82296"/>
                  </a:lnTo>
                  <a:lnTo>
                    <a:pt x="1322832" y="74676"/>
                  </a:lnTo>
                  <a:close/>
                </a:path>
                <a:path w="3705225" h="4036060">
                  <a:moveTo>
                    <a:pt x="1365504" y="3968496"/>
                  </a:moveTo>
                  <a:lnTo>
                    <a:pt x="1325880" y="3960876"/>
                  </a:lnTo>
                  <a:lnTo>
                    <a:pt x="1318260" y="4002024"/>
                  </a:lnTo>
                  <a:lnTo>
                    <a:pt x="1357884" y="4009644"/>
                  </a:lnTo>
                  <a:lnTo>
                    <a:pt x="1365504" y="3968496"/>
                  </a:lnTo>
                  <a:close/>
                </a:path>
                <a:path w="3705225" h="4036060">
                  <a:moveTo>
                    <a:pt x="1402080" y="60960"/>
                  </a:moveTo>
                  <a:lnTo>
                    <a:pt x="1397508" y="21336"/>
                  </a:lnTo>
                  <a:lnTo>
                    <a:pt x="1368552" y="24384"/>
                  </a:lnTo>
                  <a:lnTo>
                    <a:pt x="1354836" y="27432"/>
                  </a:lnTo>
                  <a:lnTo>
                    <a:pt x="1362456" y="67056"/>
                  </a:lnTo>
                  <a:lnTo>
                    <a:pt x="1376172" y="65532"/>
                  </a:lnTo>
                  <a:lnTo>
                    <a:pt x="1402080" y="60960"/>
                  </a:lnTo>
                  <a:close/>
                </a:path>
                <a:path w="3705225" h="4036060">
                  <a:moveTo>
                    <a:pt x="1446276" y="3979164"/>
                  </a:moveTo>
                  <a:lnTo>
                    <a:pt x="1405128" y="3974592"/>
                  </a:lnTo>
                  <a:lnTo>
                    <a:pt x="1400556" y="4015740"/>
                  </a:lnTo>
                  <a:lnTo>
                    <a:pt x="1441704" y="4020312"/>
                  </a:lnTo>
                  <a:lnTo>
                    <a:pt x="1446276" y="3979164"/>
                  </a:lnTo>
                  <a:close/>
                </a:path>
                <a:path w="3705225" h="4036060">
                  <a:moveTo>
                    <a:pt x="1482852" y="51816"/>
                  </a:moveTo>
                  <a:lnTo>
                    <a:pt x="1479905" y="12192"/>
                  </a:lnTo>
                  <a:lnTo>
                    <a:pt x="1479804" y="10668"/>
                  </a:lnTo>
                  <a:lnTo>
                    <a:pt x="1463040" y="12192"/>
                  </a:lnTo>
                  <a:lnTo>
                    <a:pt x="1437132" y="15240"/>
                  </a:lnTo>
                  <a:lnTo>
                    <a:pt x="1443228" y="56388"/>
                  </a:lnTo>
                  <a:lnTo>
                    <a:pt x="1469136" y="51816"/>
                  </a:lnTo>
                  <a:lnTo>
                    <a:pt x="1482852" y="51816"/>
                  </a:lnTo>
                  <a:close/>
                </a:path>
                <a:path w="3705225" h="4036060">
                  <a:moveTo>
                    <a:pt x="1527048" y="3988308"/>
                  </a:moveTo>
                  <a:lnTo>
                    <a:pt x="1485900" y="3983736"/>
                  </a:lnTo>
                  <a:lnTo>
                    <a:pt x="1482852" y="4024884"/>
                  </a:lnTo>
                  <a:lnTo>
                    <a:pt x="1524000" y="4029456"/>
                  </a:lnTo>
                  <a:lnTo>
                    <a:pt x="1527048" y="3988308"/>
                  </a:lnTo>
                  <a:close/>
                </a:path>
                <a:path w="3705225" h="4036060">
                  <a:moveTo>
                    <a:pt x="1565148" y="44196"/>
                  </a:moveTo>
                  <a:lnTo>
                    <a:pt x="1563725" y="6096"/>
                  </a:lnTo>
                  <a:lnTo>
                    <a:pt x="1563624" y="3048"/>
                  </a:lnTo>
                  <a:lnTo>
                    <a:pt x="1560576" y="3048"/>
                  </a:lnTo>
                  <a:lnTo>
                    <a:pt x="1520952" y="6096"/>
                  </a:lnTo>
                  <a:lnTo>
                    <a:pt x="1524000" y="47244"/>
                  </a:lnTo>
                  <a:lnTo>
                    <a:pt x="1563624" y="44196"/>
                  </a:lnTo>
                  <a:lnTo>
                    <a:pt x="1565148" y="44196"/>
                  </a:lnTo>
                  <a:close/>
                </a:path>
                <a:path w="3705225" h="4036060">
                  <a:moveTo>
                    <a:pt x="1609344" y="3992880"/>
                  </a:moveTo>
                  <a:lnTo>
                    <a:pt x="1568196" y="3991356"/>
                  </a:lnTo>
                  <a:lnTo>
                    <a:pt x="1566672" y="4032504"/>
                  </a:lnTo>
                  <a:lnTo>
                    <a:pt x="1607820" y="4034028"/>
                  </a:lnTo>
                  <a:lnTo>
                    <a:pt x="1609344" y="3992880"/>
                  </a:lnTo>
                  <a:close/>
                </a:path>
                <a:path w="3705225" h="4036060">
                  <a:moveTo>
                    <a:pt x="1647444" y="41148"/>
                  </a:moveTo>
                  <a:lnTo>
                    <a:pt x="1645970" y="1524"/>
                  </a:lnTo>
                  <a:lnTo>
                    <a:pt x="1645920" y="0"/>
                  </a:lnTo>
                  <a:lnTo>
                    <a:pt x="1604772" y="1524"/>
                  </a:lnTo>
                  <a:lnTo>
                    <a:pt x="1606232" y="41148"/>
                  </a:lnTo>
                  <a:lnTo>
                    <a:pt x="1606296" y="42672"/>
                  </a:lnTo>
                  <a:lnTo>
                    <a:pt x="1647444" y="41148"/>
                  </a:lnTo>
                  <a:close/>
                </a:path>
                <a:path w="3705225" h="4036060">
                  <a:moveTo>
                    <a:pt x="1691640" y="4035552"/>
                  </a:moveTo>
                  <a:lnTo>
                    <a:pt x="1690116" y="3994404"/>
                  </a:lnTo>
                  <a:lnTo>
                    <a:pt x="1650492" y="3994404"/>
                  </a:lnTo>
                  <a:lnTo>
                    <a:pt x="1648968" y="4035552"/>
                  </a:lnTo>
                  <a:lnTo>
                    <a:pt x="1691640" y="4035552"/>
                  </a:lnTo>
                  <a:close/>
                </a:path>
                <a:path w="3705225" h="4036060">
                  <a:moveTo>
                    <a:pt x="1729740" y="0"/>
                  </a:moveTo>
                  <a:lnTo>
                    <a:pt x="1687068" y="0"/>
                  </a:lnTo>
                  <a:lnTo>
                    <a:pt x="1687068" y="41148"/>
                  </a:lnTo>
                  <a:lnTo>
                    <a:pt x="1728216" y="41148"/>
                  </a:lnTo>
                  <a:lnTo>
                    <a:pt x="1729740" y="0"/>
                  </a:lnTo>
                  <a:close/>
                </a:path>
                <a:path w="3705225" h="4036060">
                  <a:moveTo>
                    <a:pt x="1773936" y="4034028"/>
                  </a:moveTo>
                  <a:lnTo>
                    <a:pt x="1772462" y="3994404"/>
                  </a:lnTo>
                  <a:lnTo>
                    <a:pt x="1772412" y="3992880"/>
                  </a:lnTo>
                  <a:lnTo>
                    <a:pt x="1751076" y="3994404"/>
                  </a:lnTo>
                  <a:lnTo>
                    <a:pt x="1731264" y="3994404"/>
                  </a:lnTo>
                  <a:lnTo>
                    <a:pt x="1732724" y="4034028"/>
                  </a:lnTo>
                  <a:lnTo>
                    <a:pt x="1732788" y="4035552"/>
                  </a:lnTo>
                  <a:lnTo>
                    <a:pt x="1752600" y="4035552"/>
                  </a:lnTo>
                  <a:lnTo>
                    <a:pt x="1773936" y="4034028"/>
                  </a:lnTo>
                  <a:close/>
                </a:path>
                <a:path w="3705225" h="4036060">
                  <a:moveTo>
                    <a:pt x="1812036" y="3048"/>
                  </a:moveTo>
                  <a:lnTo>
                    <a:pt x="1770888" y="0"/>
                  </a:lnTo>
                  <a:lnTo>
                    <a:pt x="1769364" y="42672"/>
                  </a:lnTo>
                  <a:lnTo>
                    <a:pt x="1810512" y="44196"/>
                  </a:lnTo>
                  <a:lnTo>
                    <a:pt x="1812036" y="3048"/>
                  </a:lnTo>
                  <a:close/>
                </a:path>
                <a:path w="3705225" h="4036060">
                  <a:moveTo>
                    <a:pt x="1857756" y="4029456"/>
                  </a:moveTo>
                  <a:lnTo>
                    <a:pt x="1853184" y="3988308"/>
                  </a:lnTo>
                  <a:lnTo>
                    <a:pt x="1844040" y="3988308"/>
                  </a:lnTo>
                  <a:lnTo>
                    <a:pt x="1813560" y="3989832"/>
                  </a:lnTo>
                  <a:lnTo>
                    <a:pt x="1815020" y="4029456"/>
                  </a:lnTo>
                  <a:lnTo>
                    <a:pt x="1815084" y="4030980"/>
                  </a:lnTo>
                  <a:lnTo>
                    <a:pt x="1848612" y="4029456"/>
                  </a:lnTo>
                  <a:lnTo>
                    <a:pt x="1857756" y="4029456"/>
                  </a:lnTo>
                  <a:close/>
                </a:path>
                <a:path w="3705225" h="4036060">
                  <a:moveTo>
                    <a:pt x="1895856" y="9144"/>
                  </a:moveTo>
                  <a:lnTo>
                    <a:pt x="1854708" y="6096"/>
                  </a:lnTo>
                  <a:lnTo>
                    <a:pt x="1850136" y="47244"/>
                  </a:lnTo>
                  <a:lnTo>
                    <a:pt x="1891284" y="50292"/>
                  </a:lnTo>
                  <a:lnTo>
                    <a:pt x="1895856" y="9144"/>
                  </a:lnTo>
                  <a:close/>
                </a:path>
                <a:path w="3705225" h="4036060">
                  <a:moveTo>
                    <a:pt x="1940052" y="4020312"/>
                  </a:moveTo>
                  <a:lnTo>
                    <a:pt x="1935480" y="3979164"/>
                  </a:lnTo>
                  <a:lnTo>
                    <a:pt x="1894332" y="3983736"/>
                  </a:lnTo>
                  <a:lnTo>
                    <a:pt x="1898904" y="4024884"/>
                  </a:lnTo>
                  <a:lnTo>
                    <a:pt x="1940052" y="4020312"/>
                  </a:lnTo>
                  <a:close/>
                </a:path>
                <a:path w="3705225" h="4036060">
                  <a:moveTo>
                    <a:pt x="1978152" y="19812"/>
                  </a:moveTo>
                  <a:lnTo>
                    <a:pt x="1949196" y="15240"/>
                  </a:lnTo>
                  <a:lnTo>
                    <a:pt x="1937004" y="13716"/>
                  </a:lnTo>
                  <a:lnTo>
                    <a:pt x="1932432" y="54864"/>
                  </a:lnTo>
                  <a:lnTo>
                    <a:pt x="1944624" y="56388"/>
                  </a:lnTo>
                  <a:lnTo>
                    <a:pt x="1972056" y="60960"/>
                  </a:lnTo>
                  <a:lnTo>
                    <a:pt x="1978152" y="19812"/>
                  </a:lnTo>
                  <a:close/>
                </a:path>
                <a:path w="3705225" h="4036060">
                  <a:moveTo>
                    <a:pt x="2022348" y="4008120"/>
                  </a:moveTo>
                  <a:lnTo>
                    <a:pt x="2016252" y="3966972"/>
                  </a:lnTo>
                  <a:lnTo>
                    <a:pt x="1975104" y="3973068"/>
                  </a:lnTo>
                  <a:lnTo>
                    <a:pt x="1981200" y="4014216"/>
                  </a:lnTo>
                  <a:lnTo>
                    <a:pt x="2022348" y="4008120"/>
                  </a:lnTo>
                  <a:close/>
                </a:path>
                <a:path w="3705225" h="4036060">
                  <a:moveTo>
                    <a:pt x="2060448" y="33528"/>
                  </a:moveTo>
                  <a:lnTo>
                    <a:pt x="2045208" y="30480"/>
                  </a:lnTo>
                  <a:lnTo>
                    <a:pt x="2019300" y="25908"/>
                  </a:lnTo>
                  <a:lnTo>
                    <a:pt x="2013204" y="67056"/>
                  </a:lnTo>
                  <a:lnTo>
                    <a:pt x="2039112" y="71628"/>
                  </a:lnTo>
                  <a:lnTo>
                    <a:pt x="2052828" y="73152"/>
                  </a:lnTo>
                  <a:lnTo>
                    <a:pt x="2060448" y="33528"/>
                  </a:lnTo>
                  <a:close/>
                </a:path>
                <a:path w="3705225" h="4036060">
                  <a:moveTo>
                    <a:pt x="2104644" y="3992880"/>
                  </a:moveTo>
                  <a:lnTo>
                    <a:pt x="2097024" y="3951732"/>
                  </a:lnTo>
                  <a:lnTo>
                    <a:pt x="2055876" y="3959352"/>
                  </a:lnTo>
                  <a:lnTo>
                    <a:pt x="2063496" y="4000500"/>
                  </a:lnTo>
                  <a:lnTo>
                    <a:pt x="2104644" y="3992880"/>
                  </a:lnTo>
                  <a:close/>
                </a:path>
                <a:path w="3705225" h="4036060">
                  <a:moveTo>
                    <a:pt x="2142744" y="50292"/>
                  </a:moveTo>
                  <a:lnTo>
                    <a:pt x="2101596" y="41148"/>
                  </a:lnTo>
                  <a:lnTo>
                    <a:pt x="2093976" y="82296"/>
                  </a:lnTo>
                  <a:lnTo>
                    <a:pt x="2133600" y="89916"/>
                  </a:lnTo>
                  <a:lnTo>
                    <a:pt x="2142744" y="50292"/>
                  </a:lnTo>
                  <a:close/>
                </a:path>
                <a:path w="3705225" h="4036060">
                  <a:moveTo>
                    <a:pt x="2185416" y="3973068"/>
                  </a:moveTo>
                  <a:lnTo>
                    <a:pt x="2176272" y="3933444"/>
                  </a:lnTo>
                  <a:lnTo>
                    <a:pt x="2135124" y="3942588"/>
                  </a:lnTo>
                  <a:lnTo>
                    <a:pt x="2145792" y="3983736"/>
                  </a:lnTo>
                  <a:lnTo>
                    <a:pt x="2185416" y="3973068"/>
                  </a:lnTo>
                  <a:close/>
                </a:path>
                <a:path w="3705225" h="4036060">
                  <a:moveTo>
                    <a:pt x="2223516" y="70104"/>
                  </a:moveTo>
                  <a:lnTo>
                    <a:pt x="2182368" y="60960"/>
                  </a:lnTo>
                  <a:lnTo>
                    <a:pt x="2173224" y="100584"/>
                  </a:lnTo>
                  <a:lnTo>
                    <a:pt x="2212848" y="111252"/>
                  </a:lnTo>
                  <a:lnTo>
                    <a:pt x="2223516" y="70104"/>
                  </a:lnTo>
                  <a:close/>
                </a:path>
                <a:path w="3705225" h="4036060">
                  <a:moveTo>
                    <a:pt x="2266188" y="3951732"/>
                  </a:moveTo>
                  <a:lnTo>
                    <a:pt x="2253996" y="3912108"/>
                  </a:lnTo>
                  <a:lnTo>
                    <a:pt x="2214372" y="3922776"/>
                  </a:lnTo>
                  <a:lnTo>
                    <a:pt x="2226564" y="3962400"/>
                  </a:lnTo>
                  <a:lnTo>
                    <a:pt x="2266188" y="3951732"/>
                  </a:lnTo>
                  <a:close/>
                </a:path>
                <a:path w="3705225" h="4036060">
                  <a:moveTo>
                    <a:pt x="2302764" y="94488"/>
                  </a:moveTo>
                  <a:lnTo>
                    <a:pt x="2263140" y="82296"/>
                  </a:lnTo>
                  <a:lnTo>
                    <a:pt x="2250948" y="121920"/>
                  </a:lnTo>
                  <a:lnTo>
                    <a:pt x="2290572" y="134112"/>
                  </a:lnTo>
                  <a:lnTo>
                    <a:pt x="2302764" y="94488"/>
                  </a:lnTo>
                  <a:close/>
                </a:path>
                <a:path w="3705225" h="4036060">
                  <a:moveTo>
                    <a:pt x="2345436" y="3925824"/>
                  </a:moveTo>
                  <a:lnTo>
                    <a:pt x="2331720" y="3886200"/>
                  </a:lnTo>
                  <a:lnTo>
                    <a:pt x="2301240" y="3898392"/>
                  </a:lnTo>
                  <a:lnTo>
                    <a:pt x="2293620" y="3899916"/>
                  </a:lnTo>
                  <a:lnTo>
                    <a:pt x="2305812" y="3939540"/>
                  </a:lnTo>
                  <a:lnTo>
                    <a:pt x="2314956" y="3936492"/>
                  </a:lnTo>
                  <a:lnTo>
                    <a:pt x="2345436" y="3925824"/>
                  </a:lnTo>
                  <a:close/>
                </a:path>
                <a:path w="3705225" h="4036060">
                  <a:moveTo>
                    <a:pt x="2382012" y="121920"/>
                  </a:moveTo>
                  <a:lnTo>
                    <a:pt x="2343912" y="108204"/>
                  </a:lnTo>
                  <a:lnTo>
                    <a:pt x="2328672" y="146304"/>
                  </a:lnTo>
                  <a:lnTo>
                    <a:pt x="2368296" y="161544"/>
                  </a:lnTo>
                  <a:lnTo>
                    <a:pt x="2382012" y="121920"/>
                  </a:lnTo>
                  <a:close/>
                </a:path>
                <a:path w="3705225" h="4036060">
                  <a:moveTo>
                    <a:pt x="2424684" y="3896868"/>
                  </a:moveTo>
                  <a:lnTo>
                    <a:pt x="2409444" y="3858768"/>
                  </a:lnTo>
                  <a:lnTo>
                    <a:pt x="2371344" y="3872484"/>
                  </a:lnTo>
                  <a:lnTo>
                    <a:pt x="2385060" y="3912108"/>
                  </a:lnTo>
                  <a:lnTo>
                    <a:pt x="2424684" y="3896868"/>
                  </a:lnTo>
                  <a:close/>
                </a:path>
                <a:path w="3705225" h="4036060">
                  <a:moveTo>
                    <a:pt x="2459736" y="152400"/>
                  </a:moveTo>
                  <a:lnTo>
                    <a:pt x="2427732" y="138684"/>
                  </a:lnTo>
                  <a:lnTo>
                    <a:pt x="2420112" y="135636"/>
                  </a:lnTo>
                  <a:lnTo>
                    <a:pt x="2406396" y="175260"/>
                  </a:lnTo>
                  <a:lnTo>
                    <a:pt x="2412492" y="176784"/>
                  </a:lnTo>
                  <a:lnTo>
                    <a:pt x="2442972" y="190500"/>
                  </a:lnTo>
                  <a:lnTo>
                    <a:pt x="2459736" y="152400"/>
                  </a:lnTo>
                  <a:close/>
                </a:path>
                <a:path w="3705225" h="4036060">
                  <a:moveTo>
                    <a:pt x="2500884" y="3864864"/>
                  </a:moveTo>
                  <a:lnTo>
                    <a:pt x="2484120" y="3828288"/>
                  </a:lnTo>
                  <a:lnTo>
                    <a:pt x="2474976" y="3831336"/>
                  </a:lnTo>
                  <a:lnTo>
                    <a:pt x="2447544" y="3843528"/>
                  </a:lnTo>
                  <a:lnTo>
                    <a:pt x="2462784" y="3881628"/>
                  </a:lnTo>
                  <a:lnTo>
                    <a:pt x="2493264" y="3869436"/>
                  </a:lnTo>
                  <a:lnTo>
                    <a:pt x="2500884" y="3864864"/>
                  </a:lnTo>
                  <a:close/>
                </a:path>
                <a:path w="3705225" h="4036060">
                  <a:moveTo>
                    <a:pt x="2535936" y="185928"/>
                  </a:moveTo>
                  <a:lnTo>
                    <a:pt x="2520696" y="178308"/>
                  </a:lnTo>
                  <a:lnTo>
                    <a:pt x="2497836" y="169164"/>
                  </a:lnTo>
                  <a:lnTo>
                    <a:pt x="2481072" y="207264"/>
                  </a:lnTo>
                  <a:lnTo>
                    <a:pt x="2503932" y="216408"/>
                  </a:lnTo>
                  <a:lnTo>
                    <a:pt x="2517648" y="222504"/>
                  </a:lnTo>
                  <a:lnTo>
                    <a:pt x="2535936" y="185928"/>
                  </a:lnTo>
                  <a:close/>
                </a:path>
                <a:path w="3705225" h="4036060">
                  <a:moveTo>
                    <a:pt x="2577084" y="3829812"/>
                  </a:moveTo>
                  <a:lnTo>
                    <a:pt x="2558796" y="3793236"/>
                  </a:lnTo>
                  <a:lnTo>
                    <a:pt x="2522220" y="3810000"/>
                  </a:lnTo>
                  <a:lnTo>
                    <a:pt x="2538984" y="3848100"/>
                  </a:lnTo>
                  <a:lnTo>
                    <a:pt x="2577084" y="3829812"/>
                  </a:lnTo>
                  <a:close/>
                </a:path>
                <a:path w="3705225" h="4036060">
                  <a:moveTo>
                    <a:pt x="2610612" y="222504"/>
                  </a:moveTo>
                  <a:lnTo>
                    <a:pt x="2574036" y="204216"/>
                  </a:lnTo>
                  <a:lnTo>
                    <a:pt x="2555748" y="240792"/>
                  </a:lnTo>
                  <a:lnTo>
                    <a:pt x="2592324" y="259080"/>
                  </a:lnTo>
                  <a:lnTo>
                    <a:pt x="2610612" y="222504"/>
                  </a:lnTo>
                  <a:close/>
                </a:path>
                <a:path w="3705225" h="4036060">
                  <a:moveTo>
                    <a:pt x="2650236" y="3791712"/>
                  </a:moveTo>
                  <a:lnTo>
                    <a:pt x="2631948" y="3755136"/>
                  </a:lnTo>
                  <a:lnTo>
                    <a:pt x="2595372" y="3774948"/>
                  </a:lnTo>
                  <a:lnTo>
                    <a:pt x="2613660" y="3811524"/>
                  </a:lnTo>
                  <a:lnTo>
                    <a:pt x="2650236" y="3791712"/>
                  </a:lnTo>
                  <a:close/>
                </a:path>
                <a:path w="3705225" h="4036060">
                  <a:moveTo>
                    <a:pt x="2683764" y="262128"/>
                  </a:moveTo>
                  <a:lnTo>
                    <a:pt x="2647188" y="242316"/>
                  </a:lnTo>
                  <a:lnTo>
                    <a:pt x="2627376" y="278892"/>
                  </a:lnTo>
                  <a:lnTo>
                    <a:pt x="2663952" y="298704"/>
                  </a:lnTo>
                  <a:lnTo>
                    <a:pt x="2683764" y="262128"/>
                  </a:lnTo>
                  <a:close/>
                </a:path>
                <a:path w="3705225" h="4036060">
                  <a:moveTo>
                    <a:pt x="2723388" y="3750564"/>
                  </a:moveTo>
                  <a:lnTo>
                    <a:pt x="2702052" y="3715512"/>
                  </a:lnTo>
                  <a:lnTo>
                    <a:pt x="2667000" y="3735324"/>
                  </a:lnTo>
                  <a:lnTo>
                    <a:pt x="2686812" y="3771900"/>
                  </a:lnTo>
                  <a:lnTo>
                    <a:pt x="2723388" y="3750564"/>
                  </a:lnTo>
                  <a:close/>
                </a:path>
                <a:path w="3705225" h="4036060">
                  <a:moveTo>
                    <a:pt x="2755392" y="304800"/>
                  </a:moveTo>
                  <a:lnTo>
                    <a:pt x="2720340" y="283464"/>
                  </a:lnTo>
                  <a:lnTo>
                    <a:pt x="2699004" y="318516"/>
                  </a:lnTo>
                  <a:lnTo>
                    <a:pt x="2734056" y="339852"/>
                  </a:lnTo>
                  <a:lnTo>
                    <a:pt x="2755392" y="304800"/>
                  </a:lnTo>
                  <a:close/>
                </a:path>
                <a:path w="3705225" h="4036060">
                  <a:moveTo>
                    <a:pt x="2793492" y="3706368"/>
                  </a:moveTo>
                  <a:lnTo>
                    <a:pt x="2770632" y="3671316"/>
                  </a:lnTo>
                  <a:lnTo>
                    <a:pt x="2737104" y="3694176"/>
                  </a:lnTo>
                  <a:lnTo>
                    <a:pt x="2758440" y="3729228"/>
                  </a:lnTo>
                  <a:lnTo>
                    <a:pt x="2793492" y="3706368"/>
                  </a:lnTo>
                  <a:close/>
                </a:path>
                <a:path w="3705225" h="4036060">
                  <a:moveTo>
                    <a:pt x="2825496" y="350520"/>
                  </a:moveTo>
                  <a:lnTo>
                    <a:pt x="2791968" y="327660"/>
                  </a:lnTo>
                  <a:lnTo>
                    <a:pt x="2767584" y="361188"/>
                  </a:lnTo>
                  <a:lnTo>
                    <a:pt x="2802636" y="384048"/>
                  </a:lnTo>
                  <a:lnTo>
                    <a:pt x="2825496" y="350520"/>
                  </a:lnTo>
                  <a:close/>
                </a:path>
                <a:path w="3705225" h="4036060">
                  <a:moveTo>
                    <a:pt x="2862072" y="3659124"/>
                  </a:moveTo>
                  <a:lnTo>
                    <a:pt x="2839212" y="3625596"/>
                  </a:lnTo>
                  <a:lnTo>
                    <a:pt x="2805684" y="3649980"/>
                  </a:lnTo>
                  <a:lnTo>
                    <a:pt x="2828544" y="3683508"/>
                  </a:lnTo>
                  <a:lnTo>
                    <a:pt x="2862072" y="3659124"/>
                  </a:lnTo>
                  <a:close/>
                </a:path>
                <a:path w="3705225" h="4036060">
                  <a:moveTo>
                    <a:pt x="2894076" y="399288"/>
                  </a:moveTo>
                  <a:lnTo>
                    <a:pt x="2875788" y="385572"/>
                  </a:lnTo>
                  <a:lnTo>
                    <a:pt x="2859024" y="374904"/>
                  </a:lnTo>
                  <a:lnTo>
                    <a:pt x="2836164" y="408432"/>
                  </a:lnTo>
                  <a:lnTo>
                    <a:pt x="2851404" y="419100"/>
                  </a:lnTo>
                  <a:lnTo>
                    <a:pt x="2868168" y="431292"/>
                  </a:lnTo>
                  <a:lnTo>
                    <a:pt x="2894076" y="399288"/>
                  </a:lnTo>
                  <a:close/>
                </a:path>
                <a:path w="3705225" h="4036060">
                  <a:moveTo>
                    <a:pt x="2929128" y="3608832"/>
                  </a:moveTo>
                  <a:lnTo>
                    <a:pt x="2903220" y="3576828"/>
                  </a:lnTo>
                  <a:lnTo>
                    <a:pt x="2881884" y="3595116"/>
                  </a:lnTo>
                  <a:lnTo>
                    <a:pt x="2872740" y="3601212"/>
                  </a:lnTo>
                  <a:lnTo>
                    <a:pt x="2895600" y="3634740"/>
                  </a:lnTo>
                  <a:lnTo>
                    <a:pt x="2907792" y="3627120"/>
                  </a:lnTo>
                  <a:lnTo>
                    <a:pt x="2929128" y="3608832"/>
                  </a:lnTo>
                  <a:close/>
                </a:path>
                <a:path w="3705225" h="4036060">
                  <a:moveTo>
                    <a:pt x="2959608" y="449580"/>
                  </a:moveTo>
                  <a:lnTo>
                    <a:pt x="2956560" y="448056"/>
                  </a:lnTo>
                  <a:lnTo>
                    <a:pt x="2926080" y="423672"/>
                  </a:lnTo>
                  <a:lnTo>
                    <a:pt x="2901696" y="457200"/>
                  </a:lnTo>
                  <a:lnTo>
                    <a:pt x="2932176" y="480060"/>
                  </a:lnTo>
                  <a:lnTo>
                    <a:pt x="2933700" y="481584"/>
                  </a:lnTo>
                  <a:lnTo>
                    <a:pt x="2959608" y="449580"/>
                  </a:lnTo>
                  <a:close/>
                </a:path>
                <a:path w="3705225" h="4036060">
                  <a:moveTo>
                    <a:pt x="2994660" y="3557016"/>
                  </a:moveTo>
                  <a:lnTo>
                    <a:pt x="2967228" y="3525012"/>
                  </a:lnTo>
                  <a:lnTo>
                    <a:pt x="2956560" y="3535680"/>
                  </a:lnTo>
                  <a:lnTo>
                    <a:pt x="2936748" y="3550920"/>
                  </a:lnTo>
                  <a:lnTo>
                    <a:pt x="2962656" y="3582924"/>
                  </a:lnTo>
                  <a:lnTo>
                    <a:pt x="2983992" y="3566160"/>
                  </a:lnTo>
                  <a:lnTo>
                    <a:pt x="2994660" y="3557016"/>
                  </a:lnTo>
                  <a:close/>
                </a:path>
                <a:path w="3705225" h="4036060">
                  <a:moveTo>
                    <a:pt x="3023616" y="502920"/>
                  </a:moveTo>
                  <a:lnTo>
                    <a:pt x="2991612" y="477012"/>
                  </a:lnTo>
                  <a:lnTo>
                    <a:pt x="2964180" y="509016"/>
                  </a:lnTo>
                  <a:lnTo>
                    <a:pt x="2996184" y="534924"/>
                  </a:lnTo>
                  <a:lnTo>
                    <a:pt x="3023616" y="502920"/>
                  </a:lnTo>
                  <a:close/>
                </a:path>
                <a:path w="3705225" h="4036060">
                  <a:moveTo>
                    <a:pt x="3057144" y="3500628"/>
                  </a:moveTo>
                  <a:lnTo>
                    <a:pt x="3028188" y="3471672"/>
                  </a:lnTo>
                  <a:lnTo>
                    <a:pt x="2997708" y="3497580"/>
                  </a:lnTo>
                  <a:lnTo>
                    <a:pt x="3025140" y="3529584"/>
                  </a:lnTo>
                  <a:lnTo>
                    <a:pt x="3057144" y="3500628"/>
                  </a:lnTo>
                  <a:close/>
                </a:path>
                <a:path w="3705225" h="4036060">
                  <a:moveTo>
                    <a:pt x="3084576" y="560832"/>
                  </a:moveTo>
                  <a:lnTo>
                    <a:pt x="3054096" y="531876"/>
                  </a:lnTo>
                  <a:lnTo>
                    <a:pt x="3026664" y="562356"/>
                  </a:lnTo>
                  <a:lnTo>
                    <a:pt x="3055620" y="589788"/>
                  </a:lnTo>
                  <a:lnTo>
                    <a:pt x="3084576" y="560832"/>
                  </a:lnTo>
                  <a:close/>
                </a:path>
                <a:path w="3705225" h="4036060">
                  <a:moveTo>
                    <a:pt x="3116580" y="3444240"/>
                  </a:moveTo>
                  <a:lnTo>
                    <a:pt x="3087624" y="3413760"/>
                  </a:lnTo>
                  <a:lnTo>
                    <a:pt x="3058668" y="3442716"/>
                  </a:lnTo>
                  <a:lnTo>
                    <a:pt x="3086100" y="3471672"/>
                  </a:lnTo>
                  <a:lnTo>
                    <a:pt x="3116580" y="3444240"/>
                  </a:lnTo>
                  <a:close/>
                </a:path>
                <a:path w="3705225" h="4036060">
                  <a:moveTo>
                    <a:pt x="3144012" y="618744"/>
                  </a:moveTo>
                  <a:lnTo>
                    <a:pt x="3115056" y="589788"/>
                  </a:lnTo>
                  <a:lnTo>
                    <a:pt x="3084576" y="618744"/>
                  </a:lnTo>
                  <a:lnTo>
                    <a:pt x="3113532" y="647700"/>
                  </a:lnTo>
                  <a:lnTo>
                    <a:pt x="3144012" y="618744"/>
                  </a:lnTo>
                  <a:close/>
                </a:path>
                <a:path w="3705225" h="4036060">
                  <a:moveTo>
                    <a:pt x="3174492" y="3383280"/>
                  </a:moveTo>
                  <a:lnTo>
                    <a:pt x="3144012" y="3354324"/>
                  </a:lnTo>
                  <a:lnTo>
                    <a:pt x="3115056" y="3384804"/>
                  </a:lnTo>
                  <a:lnTo>
                    <a:pt x="3145536" y="3413760"/>
                  </a:lnTo>
                  <a:lnTo>
                    <a:pt x="3174492" y="3383280"/>
                  </a:lnTo>
                  <a:close/>
                </a:path>
                <a:path w="3705225" h="4036060">
                  <a:moveTo>
                    <a:pt x="3200400" y="681228"/>
                  </a:moveTo>
                  <a:lnTo>
                    <a:pt x="3177540" y="655320"/>
                  </a:lnTo>
                  <a:lnTo>
                    <a:pt x="3171444" y="649224"/>
                  </a:lnTo>
                  <a:lnTo>
                    <a:pt x="3142488" y="678180"/>
                  </a:lnTo>
                  <a:lnTo>
                    <a:pt x="3148584" y="682752"/>
                  </a:lnTo>
                  <a:lnTo>
                    <a:pt x="3168396" y="707136"/>
                  </a:lnTo>
                  <a:lnTo>
                    <a:pt x="3200400" y="681228"/>
                  </a:lnTo>
                  <a:close/>
                </a:path>
                <a:path w="3705225" h="4036060">
                  <a:moveTo>
                    <a:pt x="3229356" y="3320796"/>
                  </a:moveTo>
                  <a:lnTo>
                    <a:pt x="3197352" y="3293364"/>
                  </a:lnTo>
                  <a:lnTo>
                    <a:pt x="3171444" y="3325368"/>
                  </a:lnTo>
                  <a:lnTo>
                    <a:pt x="3201924" y="3351276"/>
                  </a:lnTo>
                  <a:lnTo>
                    <a:pt x="3229356" y="3320796"/>
                  </a:lnTo>
                  <a:close/>
                </a:path>
                <a:path w="3705225" h="4036060">
                  <a:moveTo>
                    <a:pt x="3253740" y="743712"/>
                  </a:moveTo>
                  <a:lnTo>
                    <a:pt x="3243072" y="729996"/>
                  </a:lnTo>
                  <a:lnTo>
                    <a:pt x="3227832" y="711708"/>
                  </a:lnTo>
                  <a:lnTo>
                    <a:pt x="3195828" y="739140"/>
                  </a:lnTo>
                  <a:lnTo>
                    <a:pt x="3211068" y="757428"/>
                  </a:lnTo>
                  <a:lnTo>
                    <a:pt x="3221736" y="769620"/>
                  </a:lnTo>
                  <a:lnTo>
                    <a:pt x="3253740" y="743712"/>
                  </a:lnTo>
                  <a:close/>
                </a:path>
                <a:path w="3705225" h="4036060">
                  <a:moveTo>
                    <a:pt x="3281172" y="3255264"/>
                  </a:moveTo>
                  <a:lnTo>
                    <a:pt x="3249168" y="3230880"/>
                  </a:lnTo>
                  <a:lnTo>
                    <a:pt x="3227832" y="3258312"/>
                  </a:lnTo>
                  <a:lnTo>
                    <a:pt x="3224784" y="3261360"/>
                  </a:lnTo>
                  <a:lnTo>
                    <a:pt x="3255264" y="3288792"/>
                  </a:lnTo>
                  <a:lnTo>
                    <a:pt x="3259836" y="3284220"/>
                  </a:lnTo>
                  <a:lnTo>
                    <a:pt x="3281172" y="3255264"/>
                  </a:lnTo>
                  <a:close/>
                </a:path>
                <a:path w="3705225" h="4036060">
                  <a:moveTo>
                    <a:pt x="3305556" y="810768"/>
                  </a:moveTo>
                  <a:lnTo>
                    <a:pt x="3304032" y="807720"/>
                  </a:lnTo>
                  <a:lnTo>
                    <a:pt x="3279648" y="777240"/>
                  </a:lnTo>
                  <a:lnTo>
                    <a:pt x="3247644" y="801624"/>
                  </a:lnTo>
                  <a:lnTo>
                    <a:pt x="3272028" y="833628"/>
                  </a:lnTo>
                  <a:lnTo>
                    <a:pt x="3305556" y="810768"/>
                  </a:lnTo>
                  <a:close/>
                </a:path>
                <a:path w="3705225" h="4036060">
                  <a:moveTo>
                    <a:pt x="3331464" y="3188208"/>
                  </a:moveTo>
                  <a:lnTo>
                    <a:pt x="3297936" y="3165348"/>
                  </a:lnTo>
                  <a:lnTo>
                    <a:pt x="3287268" y="3180588"/>
                  </a:lnTo>
                  <a:lnTo>
                    <a:pt x="3273552" y="3197352"/>
                  </a:lnTo>
                  <a:lnTo>
                    <a:pt x="3307080" y="3221748"/>
                  </a:lnTo>
                  <a:lnTo>
                    <a:pt x="3320796" y="3203460"/>
                  </a:lnTo>
                  <a:lnTo>
                    <a:pt x="3331464" y="3188208"/>
                  </a:lnTo>
                  <a:close/>
                </a:path>
                <a:path w="3705225" h="4036060">
                  <a:moveTo>
                    <a:pt x="3354324" y="877824"/>
                  </a:moveTo>
                  <a:lnTo>
                    <a:pt x="3329940" y="844296"/>
                  </a:lnTo>
                  <a:lnTo>
                    <a:pt x="3296412" y="867156"/>
                  </a:lnTo>
                  <a:lnTo>
                    <a:pt x="3319272" y="900684"/>
                  </a:lnTo>
                  <a:lnTo>
                    <a:pt x="3354324" y="877824"/>
                  </a:lnTo>
                  <a:close/>
                </a:path>
                <a:path w="3705225" h="4036060">
                  <a:moveTo>
                    <a:pt x="3378708" y="3119628"/>
                  </a:moveTo>
                  <a:lnTo>
                    <a:pt x="3343656" y="3096768"/>
                  </a:lnTo>
                  <a:lnTo>
                    <a:pt x="3320796" y="3130296"/>
                  </a:lnTo>
                  <a:lnTo>
                    <a:pt x="3354324" y="3154680"/>
                  </a:lnTo>
                  <a:lnTo>
                    <a:pt x="3378708" y="3119628"/>
                  </a:lnTo>
                  <a:close/>
                </a:path>
                <a:path w="3705225" h="4036060">
                  <a:moveTo>
                    <a:pt x="3398520" y="947928"/>
                  </a:moveTo>
                  <a:lnTo>
                    <a:pt x="3377184" y="912876"/>
                  </a:lnTo>
                  <a:lnTo>
                    <a:pt x="3342132" y="934212"/>
                  </a:lnTo>
                  <a:lnTo>
                    <a:pt x="3364992" y="969264"/>
                  </a:lnTo>
                  <a:lnTo>
                    <a:pt x="3398520" y="947928"/>
                  </a:lnTo>
                  <a:close/>
                </a:path>
                <a:path w="3705225" h="4036060">
                  <a:moveTo>
                    <a:pt x="3421380" y="3049524"/>
                  </a:moveTo>
                  <a:lnTo>
                    <a:pt x="3386328" y="3026664"/>
                  </a:lnTo>
                  <a:lnTo>
                    <a:pt x="3364992" y="3063240"/>
                  </a:lnTo>
                  <a:lnTo>
                    <a:pt x="3400044" y="3084576"/>
                  </a:lnTo>
                  <a:lnTo>
                    <a:pt x="3421380" y="3049524"/>
                  </a:lnTo>
                  <a:close/>
                </a:path>
                <a:path w="3705225" h="4036060">
                  <a:moveTo>
                    <a:pt x="3441192" y="1019556"/>
                  </a:moveTo>
                  <a:lnTo>
                    <a:pt x="3421380" y="982980"/>
                  </a:lnTo>
                  <a:lnTo>
                    <a:pt x="3384804" y="1004316"/>
                  </a:lnTo>
                  <a:lnTo>
                    <a:pt x="3406140" y="1039368"/>
                  </a:lnTo>
                  <a:lnTo>
                    <a:pt x="3441192" y="1019556"/>
                  </a:lnTo>
                  <a:close/>
                </a:path>
                <a:path w="3705225" h="4036060">
                  <a:moveTo>
                    <a:pt x="3462528" y="2976372"/>
                  </a:moveTo>
                  <a:lnTo>
                    <a:pt x="3427476" y="2956560"/>
                  </a:lnTo>
                  <a:lnTo>
                    <a:pt x="3407664" y="2993136"/>
                  </a:lnTo>
                  <a:lnTo>
                    <a:pt x="3442716" y="3012948"/>
                  </a:lnTo>
                  <a:lnTo>
                    <a:pt x="3462528" y="2976372"/>
                  </a:lnTo>
                  <a:close/>
                </a:path>
                <a:path w="3705225" h="4036060">
                  <a:moveTo>
                    <a:pt x="3480816" y="1092708"/>
                  </a:moveTo>
                  <a:lnTo>
                    <a:pt x="3462528" y="1056132"/>
                  </a:lnTo>
                  <a:lnTo>
                    <a:pt x="3462528" y="1054608"/>
                  </a:lnTo>
                  <a:lnTo>
                    <a:pt x="3425952" y="1075944"/>
                  </a:lnTo>
                  <a:lnTo>
                    <a:pt x="3427476" y="1075944"/>
                  </a:lnTo>
                  <a:lnTo>
                    <a:pt x="3444240" y="1110996"/>
                  </a:lnTo>
                  <a:lnTo>
                    <a:pt x="3480816" y="1092708"/>
                  </a:lnTo>
                  <a:close/>
                </a:path>
                <a:path w="3705225" h="4036060">
                  <a:moveTo>
                    <a:pt x="3502152" y="2901696"/>
                  </a:moveTo>
                  <a:lnTo>
                    <a:pt x="3464052" y="2883408"/>
                  </a:lnTo>
                  <a:lnTo>
                    <a:pt x="3445764" y="2921508"/>
                  </a:lnTo>
                  <a:lnTo>
                    <a:pt x="3483864" y="2939796"/>
                  </a:lnTo>
                  <a:lnTo>
                    <a:pt x="3502152" y="2901696"/>
                  </a:lnTo>
                  <a:close/>
                </a:path>
                <a:path w="3705225" h="4036060">
                  <a:moveTo>
                    <a:pt x="3518916" y="1167384"/>
                  </a:moveTo>
                  <a:lnTo>
                    <a:pt x="3506724" y="1143000"/>
                  </a:lnTo>
                  <a:lnTo>
                    <a:pt x="3500628" y="1129284"/>
                  </a:lnTo>
                  <a:lnTo>
                    <a:pt x="3464052" y="1147572"/>
                  </a:lnTo>
                  <a:lnTo>
                    <a:pt x="3470148" y="1161288"/>
                  </a:lnTo>
                  <a:lnTo>
                    <a:pt x="3480816" y="1184148"/>
                  </a:lnTo>
                  <a:lnTo>
                    <a:pt x="3518916" y="1167384"/>
                  </a:lnTo>
                  <a:close/>
                </a:path>
                <a:path w="3705225" h="4036060">
                  <a:moveTo>
                    <a:pt x="3537204" y="2825496"/>
                  </a:moveTo>
                  <a:lnTo>
                    <a:pt x="3499104" y="2810256"/>
                  </a:lnTo>
                  <a:lnTo>
                    <a:pt x="3488436" y="2833116"/>
                  </a:lnTo>
                  <a:lnTo>
                    <a:pt x="3482340" y="2846832"/>
                  </a:lnTo>
                  <a:lnTo>
                    <a:pt x="3518916" y="2865120"/>
                  </a:lnTo>
                  <a:lnTo>
                    <a:pt x="3526536" y="2848356"/>
                  </a:lnTo>
                  <a:lnTo>
                    <a:pt x="3537204" y="2825496"/>
                  </a:lnTo>
                  <a:close/>
                </a:path>
                <a:path w="3705225" h="4036060">
                  <a:moveTo>
                    <a:pt x="3552444" y="1243584"/>
                  </a:moveTo>
                  <a:lnTo>
                    <a:pt x="3546348" y="1231392"/>
                  </a:lnTo>
                  <a:lnTo>
                    <a:pt x="3535680" y="1205484"/>
                  </a:lnTo>
                  <a:lnTo>
                    <a:pt x="3497580" y="1222248"/>
                  </a:lnTo>
                  <a:lnTo>
                    <a:pt x="3509772" y="1248156"/>
                  </a:lnTo>
                  <a:lnTo>
                    <a:pt x="3512820" y="1258824"/>
                  </a:lnTo>
                  <a:lnTo>
                    <a:pt x="3552444" y="1243584"/>
                  </a:lnTo>
                  <a:close/>
                </a:path>
                <a:path w="3705225" h="4036060">
                  <a:moveTo>
                    <a:pt x="3569208" y="2749296"/>
                  </a:moveTo>
                  <a:lnTo>
                    <a:pt x="3529584" y="2735580"/>
                  </a:lnTo>
                  <a:lnTo>
                    <a:pt x="3528060" y="2741676"/>
                  </a:lnTo>
                  <a:lnTo>
                    <a:pt x="3514344" y="2772156"/>
                  </a:lnTo>
                  <a:lnTo>
                    <a:pt x="3552444" y="2788920"/>
                  </a:lnTo>
                  <a:lnTo>
                    <a:pt x="3566160" y="2755392"/>
                  </a:lnTo>
                  <a:lnTo>
                    <a:pt x="3569208" y="2749296"/>
                  </a:lnTo>
                  <a:close/>
                </a:path>
                <a:path w="3705225" h="4036060">
                  <a:moveTo>
                    <a:pt x="3581400" y="1321308"/>
                  </a:moveTo>
                  <a:lnTo>
                    <a:pt x="3567684" y="1283208"/>
                  </a:lnTo>
                  <a:lnTo>
                    <a:pt x="3528060" y="1298448"/>
                  </a:lnTo>
                  <a:lnTo>
                    <a:pt x="3543300" y="1336548"/>
                  </a:lnTo>
                  <a:lnTo>
                    <a:pt x="3581400" y="1321308"/>
                  </a:lnTo>
                  <a:close/>
                </a:path>
                <a:path w="3705225" h="4036060">
                  <a:moveTo>
                    <a:pt x="3596640" y="2671572"/>
                  </a:moveTo>
                  <a:lnTo>
                    <a:pt x="3558540" y="2657856"/>
                  </a:lnTo>
                  <a:lnTo>
                    <a:pt x="3544824" y="2695956"/>
                  </a:lnTo>
                  <a:lnTo>
                    <a:pt x="3582924" y="2709672"/>
                  </a:lnTo>
                  <a:lnTo>
                    <a:pt x="3596640" y="2671572"/>
                  </a:lnTo>
                  <a:close/>
                </a:path>
                <a:path w="3705225" h="4036060">
                  <a:moveTo>
                    <a:pt x="3608832" y="1400556"/>
                  </a:moveTo>
                  <a:lnTo>
                    <a:pt x="3595116" y="1360932"/>
                  </a:lnTo>
                  <a:lnTo>
                    <a:pt x="3557016" y="1374648"/>
                  </a:lnTo>
                  <a:lnTo>
                    <a:pt x="3569208" y="1412748"/>
                  </a:lnTo>
                  <a:lnTo>
                    <a:pt x="3608832" y="1400556"/>
                  </a:lnTo>
                  <a:close/>
                </a:path>
                <a:path w="3705225" h="4036060">
                  <a:moveTo>
                    <a:pt x="3622548" y="2592324"/>
                  </a:moveTo>
                  <a:lnTo>
                    <a:pt x="3582924" y="2580132"/>
                  </a:lnTo>
                  <a:lnTo>
                    <a:pt x="3570732" y="2619756"/>
                  </a:lnTo>
                  <a:lnTo>
                    <a:pt x="3610356" y="2631948"/>
                  </a:lnTo>
                  <a:lnTo>
                    <a:pt x="3622548" y="2592324"/>
                  </a:lnTo>
                  <a:close/>
                </a:path>
                <a:path w="3705225" h="4036060">
                  <a:moveTo>
                    <a:pt x="3633216" y="1479804"/>
                  </a:moveTo>
                  <a:lnTo>
                    <a:pt x="3621024" y="1440180"/>
                  </a:lnTo>
                  <a:lnTo>
                    <a:pt x="3581400" y="1452372"/>
                  </a:lnTo>
                  <a:lnTo>
                    <a:pt x="3593592" y="1491996"/>
                  </a:lnTo>
                  <a:lnTo>
                    <a:pt x="3633216" y="1479804"/>
                  </a:lnTo>
                  <a:close/>
                </a:path>
                <a:path w="3705225" h="4036060">
                  <a:moveTo>
                    <a:pt x="3643884" y="2511552"/>
                  </a:moveTo>
                  <a:lnTo>
                    <a:pt x="3604260" y="2500884"/>
                  </a:lnTo>
                  <a:lnTo>
                    <a:pt x="3593592" y="2540508"/>
                  </a:lnTo>
                  <a:lnTo>
                    <a:pt x="3634740" y="2551176"/>
                  </a:lnTo>
                  <a:lnTo>
                    <a:pt x="3643884" y="2511552"/>
                  </a:lnTo>
                  <a:close/>
                </a:path>
                <a:path w="3705225" h="4036060">
                  <a:moveTo>
                    <a:pt x="3653028" y="1560576"/>
                  </a:moveTo>
                  <a:lnTo>
                    <a:pt x="3643884" y="1520952"/>
                  </a:lnTo>
                  <a:lnTo>
                    <a:pt x="3602736" y="1530096"/>
                  </a:lnTo>
                  <a:lnTo>
                    <a:pt x="3613404" y="1571244"/>
                  </a:lnTo>
                  <a:lnTo>
                    <a:pt x="3653028" y="1560576"/>
                  </a:lnTo>
                  <a:close/>
                </a:path>
                <a:path w="3705225" h="4036060">
                  <a:moveTo>
                    <a:pt x="3663696" y="2429256"/>
                  </a:moveTo>
                  <a:lnTo>
                    <a:pt x="3622548" y="2421636"/>
                  </a:lnTo>
                  <a:lnTo>
                    <a:pt x="3614928" y="2461260"/>
                  </a:lnTo>
                  <a:lnTo>
                    <a:pt x="3654552" y="2470404"/>
                  </a:lnTo>
                  <a:lnTo>
                    <a:pt x="3663696" y="2429256"/>
                  </a:lnTo>
                  <a:close/>
                </a:path>
                <a:path w="3705225" h="4036060">
                  <a:moveTo>
                    <a:pt x="3669792" y="1642872"/>
                  </a:moveTo>
                  <a:lnTo>
                    <a:pt x="3662172" y="1601724"/>
                  </a:lnTo>
                  <a:lnTo>
                    <a:pt x="3622548" y="1609344"/>
                  </a:lnTo>
                  <a:lnTo>
                    <a:pt x="3630168" y="1650492"/>
                  </a:lnTo>
                  <a:lnTo>
                    <a:pt x="3669792" y="1642872"/>
                  </a:lnTo>
                  <a:close/>
                </a:path>
                <a:path w="3705225" h="4036060">
                  <a:moveTo>
                    <a:pt x="3678936" y="2348484"/>
                  </a:moveTo>
                  <a:lnTo>
                    <a:pt x="3637788" y="2340864"/>
                  </a:lnTo>
                  <a:lnTo>
                    <a:pt x="3633216" y="2368296"/>
                  </a:lnTo>
                  <a:lnTo>
                    <a:pt x="3631692" y="2380488"/>
                  </a:lnTo>
                  <a:lnTo>
                    <a:pt x="3671316" y="2389632"/>
                  </a:lnTo>
                  <a:lnTo>
                    <a:pt x="3674364" y="2374392"/>
                  </a:lnTo>
                  <a:lnTo>
                    <a:pt x="3678936" y="2348484"/>
                  </a:lnTo>
                  <a:close/>
                </a:path>
                <a:path w="3705225" h="4036060">
                  <a:moveTo>
                    <a:pt x="3683508" y="1725168"/>
                  </a:moveTo>
                  <a:lnTo>
                    <a:pt x="3680460" y="1696212"/>
                  </a:lnTo>
                  <a:lnTo>
                    <a:pt x="3677412" y="1684020"/>
                  </a:lnTo>
                  <a:lnTo>
                    <a:pt x="3637788" y="1691640"/>
                  </a:lnTo>
                  <a:lnTo>
                    <a:pt x="3639312" y="1703832"/>
                  </a:lnTo>
                  <a:lnTo>
                    <a:pt x="3643884" y="1731264"/>
                  </a:lnTo>
                  <a:lnTo>
                    <a:pt x="3683508" y="1725168"/>
                  </a:lnTo>
                  <a:close/>
                </a:path>
                <a:path w="3705225" h="4036060">
                  <a:moveTo>
                    <a:pt x="3691128" y="2264664"/>
                  </a:moveTo>
                  <a:lnTo>
                    <a:pt x="3649980" y="2260092"/>
                  </a:lnTo>
                  <a:lnTo>
                    <a:pt x="3648456" y="2272284"/>
                  </a:lnTo>
                  <a:lnTo>
                    <a:pt x="3643884" y="2301240"/>
                  </a:lnTo>
                  <a:lnTo>
                    <a:pt x="3685032" y="2307336"/>
                  </a:lnTo>
                  <a:lnTo>
                    <a:pt x="3689604" y="2276856"/>
                  </a:lnTo>
                  <a:lnTo>
                    <a:pt x="3691128" y="2264664"/>
                  </a:lnTo>
                  <a:close/>
                </a:path>
                <a:path w="3705225" h="4036060">
                  <a:moveTo>
                    <a:pt x="3694176" y="1807464"/>
                  </a:moveTo>
                  <a:lnTo>
                    <a:pt x="3692652" y="1792224"/>
                  </a:lnTo>
                  <a:lnTo>
                    <a:pt x="3689604" y="1766316"/>
                  </a:lnTo>
                  <a:lnTo>
                    <a:pt x="3648456" y="1772412"/>
                  </a:lnTo>
                  <a:lnTo>
                    <a:pt x="3653028" y="1796796"/>
                  </a:lnTo>
                  <a:lnTo>
                    <a:pt x="3653028" y="1812036"/>
                  </a:lnTo>
                  <a:lnTo>
                    <a:pt x="3694176" y="1807464"/>
                  </a:lnTo>
                  <a:close/>
                </a:path>
                <a:path w="3705225" h="4036060">
                  <a:moveTo>
                    <a:pt x="3698748" y="2182368"/>
                  </a:moveTo>
                  <a:lnTo>
                    <a:pt x="3657600" y="2179320"/>
                  </a:lnTo>
                  <a:lnTo>
                    <a:pt x="3654552" y="2220468"/>
                  </a:lnTo>
                  <a:lnTo>
                    <a:pt x="3695700" y="2223516"/>
                  </a:lnTo>
                  <a:lnTo>
                    <a:pt x="3698748" y="2182368"/>
                  </a:lnTo>
                  <a:close/>
                </a:path>
                <a:path w="3705225" h="4036060">
                  <a:moveTo>
                    <a:pt x="3701796" y="1888236"/>
                  </a:moveTo>
                  <a:lnTo>
                    <a:pt x="3698748" y="1848612"/>
                  </a:lnTo>
                  <a:lnTo>
                    <a:pt x="3657600" y="1853184"/>
                  </a:lnTo>
                  <a:lnTo>
                    <a:pt x="3660521" y="1891284"/>
                  </a:lnTo>
                  <a:lnTo>
                    <a:pt x="3660648" y="1892808"/>
                  </a:lnTo>
                  <a:lnTo>
                    <a:pt x="3701796" y="1891284"/>
                  </a:lnTo>
                  <a:lnTo>
                    <a:pt x="3701796" y="1888236"/>
                  </a:lnTo>
                  <a:close/>
                </a:path>
                <a:path w="3705225" h="4036060">
                  <a:moveTo>
                    <a:pt x="3704844" y="2100072"/>
                  </a:moveTo>
                  <a:lnTo>
                    <a:pt x="3662172" y="2097024"/>
                  </a:lnTo>
                  <a:lnTo>
                    <a:pt x="3660648" y="2138172"/>
                  </a:lnTo>
                  <a:lnTo>
                    <a:pt x="3701796" y="2141220"/>
                  </a:lnTo>
                  <a:lnTo>
                    <a:pt x="3704844" y="2100072"/>
                  </a:lnTo>
                  <a:close/>
                </a:path>
                <a:path w="3705225" h="4036060">
                  <a:moveTo>
                    <a:pt x="3704844" y="2016252"/>
                  </a:moveTo>
                  <a:lnTo>
                    <a:pt x="3663696" y="2016252"/>
                  </a:lnTo>
                  <a:lnTo>
                    <a:pt x="3663696" y="2057400"/>
                  </a:lnTo>
                  <a:lnTo>
                    <a:pt x="3704844" y="2057400"/>
                  </a:lnTo>
                  <a:lnTo>
                    <a:pt x="3704844" y="2016252"/>
                  </a:lnTo>
                  <a:close/>
                </a:path>
                <a:path w="3705225" h="4036060">
                  <a:moveTo>
                    <a:pt x="3704844" y="1973580"/>
                  </a:moveTo>
                  <a:lnTo>
                    <a:pt x="3703370" y="1933956"/>
                  </a:lnTo>
                  <a:lnTo>
                    <a:pt x="3703320" y="1932432"/>
                  </a:lnTo>
                  <a:lnTo>
                    <a:pt x="3662172" y="1933956"/>
                  </a:lnTo>
                  <a:lnTo>
                    <a:pt x="3663632" y="1973580"/>
                  </a:lnTo>
                  <a:lnTo>
                    <a:pt x="3663696" y="1975104"/>
                  </a:lnTo>
                  <a:lnTo>
                    <a:pt x="3704844" y="1973580"/>
                  </a:lnTo>
                  <a:close/>
                </a:path>
              </a:pathLst>
            </a:custGeom>
            <a:solidFill>
              <a:srgbClr val="0070BF"/>
            </a:solidFill>
          </p:spPr>
          <p:txBody>
            <a:bodyPr wrap="square" lIns="0" tIns="0" rIns="0" bIns="0" rtlCol="0"/>
            <a:lstStyle/>
            <a:p>
              <a:endParaRPr sz="1749"/>
            </a:p>
          </p:txBody>
        </p:sp>
        <p:sp>
          <p:nvSpPr>
            <p:cNvPr id="25" name="object 25"/>
            <p:cNvSpPr/>
            <p:nvPr/>
          </p:nvSpPr>
          <p:spPr>
            <a:xfrm>
              <a:off x="3509771" y="1815084"/>
              <a:ext cx="1594485" cy="749935"/>
            </a:xfrm>
            <a:custGeom>
              <a:avLst/>
              <a:gdLst/>
              <a:ahLst/>
              <a:cxnLst/>
              <a:rect l="l" t="t" r="r" b="b"/>
              <a:pathLst>
                <a:path w="1594485" h="749935">
                  <a:moveTo>
                    <a:pt x="1594103" y="0"/>
                  </a:moveTo>
                  <a:lnTo>
                    <a:pt x="0" y="0"/>
                  </a:lnTo>
                  <a:lnTo>
                    <a:pt x="0" y="617220"/>
                  </a:lnTo>
                  <a:lnTo>
                    <a:pt x="929639" y="617220"/>
                  </a:lnTo>
                  <a:lnTo>
                    <a:pt x="1307591" y="749808"/>
                  </a:lnTo>
                  <a:lnTo>
                    <a:pt x="1328927" y="617220"/>
                  </a:lnTo>
                  <a:lnTo>
                    <a:pt x="1594103" y="617220"/>
                  </a:lnTo>
                  <a:lnTo>
                    <a:pt x="1594103" y="0"/>
                  </a:lnTo>
                  <a:close/>
                </a:path>
              </a:pathLst>
            </a:custGeom>
            <a:solidFill>
              <a:srgbClr val="EBF0DD"/>
            </a:solidFill>
          </p:spPr>
          <p:txBody>
            <a:bodyPr wrap="square" lIns="0" tIns="0" rIns="0" bIns="0" rtlCol="0"/>
            <a:lstStyle/>
            <a:p>
              <a:endParaRPr sz="1749"/>
            </a:p>
          </p:txBody>
        </p:sp>
        <p:sp>
          <p:nvSpPr>
            <p:cNvPr id="26" name="object 26"/>
            <p:cNvSpPr/>
            <p:nvPr/>
          </p:nvSpPr>
          <p:spPr>
            <a:xfrm>
              <a:off x="3509771" y="1815084"/>
              <a:ext cx="1594485" cy="749935"/>
            </a:xfrm>
            <a:custGeom>
              <a:avLst/>
              <a:gdLst/>
              <a:ahLst/>
              <a:cxnLst/>
              <a:rect l="l" t="t" r="r" b="b"/>
              <a:pathLst>
                <a:path w="1594485" h="749935">
                  <a:moveTo>
                    <a:pt x="0" y="0"/>
                  </a:moveTo>
                  <a:lnTo>
                    <a:pt x="929639" y="0"/>
                  </a:lnTo>
                  <a:lnTo>
                    <a:pt x="1328927" y="0"/>
                  </a:lnTo>
                  <a:lnTo>
                    <a:pt x="1594103" y="0"/>
                  </a:lnTo>
                  <a:lnTo>
                    <a:pt x="1594103" y="359663"/>
                  </a:lnTo>
                  <a:lnTo>
                    <a:pt x="1594103" y="515112"/>
                  </a:lnTo>
                  <a:lnTo>
                    <a:pt x="1594103" y="617220"/>
                  </a:lnTo>
                  <a:lnTo>
                    <a:pt x="1328927" y="617220"/>
                  </a:lnTo>
                  <a:lnTo>
                    <a:pt x="1307591" y="749808"/>
                  </a:lnTo>
                  <a:lnTo>
                    <a:pt x="929639" y="617220"/>
                  </a:lnTo>
                  <a:lnTo>
                    <a:pt x="0" y="617220"/>
                  </a:lnTo>
                  <a:lnTo>
                    <a:pt x="0" y="515112"/>
                  </a:lnTo>
                  <a:lnTo>
                    <a:pt x="0" y="359663"/>
                  </a:lnTo>
                  <a:lnTo>
                    <a:pt x="0" y="0"/>
                  </a:lnTo>
                  <a:close/>
                </a:path>
              </a:pathLst>
            </a:custGeom>
            <a:ln w="12192">
              <a:solidFill>
                <a:srgbClr val="000000"/>
              </a:solidFill>
            </a:ln>
          </p:spPr>
          <p:txBody>
            <a:bodyPr wrap="square" lIns="0" tIns="0" rIns="0" bIns="0" rtlCol="0"/>
            <a:lstStyle/>
            <a:p>
              <a:endParaRPr sz="1749"/>
            </a:p>
          </p:txBody>
        </p:sp>
      </p:grpSp>
      <p:sp>
        <p:nvSpPr>
          <p:cNvPr id="27" name="object 27"/>
          <p:cNvSpPr txBox="1"/>
          <p:nvPr/>
        </p:nvSpPr>
        <p:spPr>
          <a:xfrm>
            <a:off x="3006442" y="1792745"/>
            <a:ext cx="1545142" cy="431430"/>
          </a:xfrm>
          <a:prstGeom prst="rect">
            <a:avLst/>
          </a:prstGeom>
        </p:spPr>
        <p:txBody>
          <a:bodyPr vert="horz" wrap="square" lIns="0" tIns="10317" rIns="0" bIns="0" rtlCol="0">
            <a:spAutoFit/>
          </a:bodyPr>
          <a:lstStyle/>
          <a:p>
            <a:pPr marL="145521" marR="118914" indent="-93937">
              <a:spcBef>
                <a:spcPts val="81"/>
              </a:spcBef>
              <a:buFont typeface="Arial"/>
              <a:buChar char="•"/>
              <a:tabLst>
                <a:tab pos="145521" algn="l"/>
              </a:tabLst>
            </a:pPr>
            <a:r>
              <a:rPr sz="1368" b="1" u="sng" spc="-26" dirty="0">
                <a:solidFill>
                  <a:srgbClr val="CF7977"/>
                </a:solidFill>
                <a:uFill>
                  <a:solidFill>
                    <a:srgbClr val="CF7977"/>
                  </a:solidFill>
                </a:uFill>
                <a:latin typeface="Meiryo UI"/>
                <a:cs typeface="Meiryo UI"/>
              </a:rPr>
              <a:t>行政が担うべき</a:t>
            </a:r>
            <a:r>
              <a:rPr sz="1368" b="1" u="sng" spc="428" dirty="0">
                <a:solidFill>
                  <a:srgbClr val="CF7977"/>
                </a:solidFill>
                <a:uFill>
                  <a:solidFill>
                    <a:srgbClr val="CF7977"/>
                  </a:solidFill>
                </a:uFill>
                <a:latin typeface="Meiryo UI"/>
                <a:cs typeface="Meiryo UI"/>
              </a:rPr>
              <a:t>      </a:t>
            </a:r>
            <a:r>
              <a:rPr sz="1368" b="1" u="sng" spc="-21" dirty="0">
                <a:solidFill>
                  <a:srgbClr val="CF7977"/>
                </a:solidFill>
                <a:uFill>
                  <a:solidFill>
                    <a:srgbClr val="CF7977"/>
                  </a:solidFill>
                </a:uFill>
                <a:latin typeface="Meiryo UI"/>
                <a:cs typeface="Meiryo UI"/>
              </a:rPr>
              <a:t>業務</a:t>
            </a:r>
            <a:r>
              <a:rPr sz="1368" b="1" spc="-26" dirty="0">
                <a:solidFill>
                  <a:srgbClr val="CF7977"/>
                </a:solidFill>
                <a:latin typeface="Meiryo UI"/>
                <a:cs typeface="Meiryo UI"/>
              </a:rPr>
              <a:t>の補</a:t>
            </a:r>
            <a:endParaRPr sz="1368" dirty="0">
              <a:latin typeface="Meiryo UI"/>
              <a:cs typeface="Meiryo UI"/>
            </a:endParaRPr>
          </a:p>
        </p:txBody>
      </p:sp>
      <p:sp>
        <p:nvSpPr>
          <p:cNvPr id="28" name="object 28"/>
          <p:cNvSpPr txBox="1"/>
          <p:nvPr/>
        </p:nvSpPr>
        <p:spPr>
          <a:xfrm>
            <a:off x="3831357" y="2001704"/>
            <a:ext cx="464259" cy="220376"/>
          </a:xfrm>
          <a:prstGeom prst="rect">
            <a:avLst/>
          </a:prstGeom>
        </p:spPr>
        <p:txBody>
          <a:bodyPr vert="horz" wrap="square" lIns="0" tIns="9774" rIns="0" bIns="0" rtlCol="0">
            <a:spAutoFit/>
          </a:bodyPr>
          <a:lstStyle/>
          <a:p>
            <a:pPr>
              <a:spcBef>
                <a:spcPts val="77"/>
              </a:spcBef>
              <a:tabLst>
                <a:tab pos="290499" algn="l"/>
              </a:tabLst>
            </a:pPr>
            <a:r>
              <a:rPr sz="1368" b="1" spc="-43" dirty="0">
                <a:solidFill>
                  <a:srgbClr val="CF7977"/>
                </a:solidFill>
                <a:latin typeface="Meiryo UI"/>
                <a:cs typeface="Meiryo UI"/>
              </a:rPr>
              <a:t>助</a:t>
            </a:r>
            <a:r>
              <a:rPr sz="1368" b="1" dirty="0">
                <a:solidFill>
                  <a:srgbClr val="CF7977"/>
                </a:solidFill>
                <a:latin typeface="Meiryo UI"/>
                <a:cs typeface="Meiryo UI"/>
              </a:rPr>
              <a:t>	</a:t>
            </a:r>
            <a:r>
              <a:rPr sz="1368" b="1" spc="-43" dirty="0">
                <a:solidFill>
                  <a:srgbClr val="CF7977"/>
                </a:solidFill>
                <a:latin typeface="Meiryo UI"/>
                <a:cs typeface="Meiryo UI"/>
              </a:rPr>
              <a:t>等</a:t>
            </a:r>
            <a:endParaRPr sz="1368">
              <a:latin typeface="Meiryo UI"/>
              <a:cs typeface="Meiryo UI"/>
            </a:endParaRPr>
          </a:p>
        </p:txBody>
      </p:sp>
      <p:grpSp>
        <p:nvGrpSpPr>
          <p:cNvPr id="29" name="object 29"/>
          <p:cNvGrpSpPr/>
          <p:nvPr/>
        </p:nvGrpSpPr>
        <p:grpSpPr>
          <a:xfrm>
            <a:off x="3953856" y="1069153"/>
            <a:ext cx="4090908" cy="4086564"/>
            <a:chOff x="4623815" y="1021715"/>
            <a:chExt cx="4784090" cy="4779010"/>
          </a:xfrm>
        </p:grpSpPr>
        <p:sp>
          <p:nvSpPr>
            <p:cNvPr id="30" name="object 30"/>
            <p:cNvSpPr/>
            <p:nvPr/>
          </p:nvSpPr>
          <p:spPr>
            <a:xfrm>
              <a:off x="5026151" y="1999488"/>
              <a:ext cx="2371725" cy="251460"/>
            </a:xfrm>
            <a:custGeom>
              <a:avLst/>
              <a:gdLst/>
              <a:ahLst/>
              <a:cxnLst/>
              <a:rect l="l" t="t" r="r" b="b"/>
              <a:pathLst>
                <a:path w="2371725" h="251460">
                  <a:moveTo>
                    <a:pt x="2345436" y="57912"/>
                  </a:moveTo>
                  <a:lnTo>
                    <a:pt x="2343912" y="82296"/>
                  </a:lnTo>
                  <a:lnTo>
                    <a:pt x="2343912" y="155448"/>
                  </a:lnTo>
                  <a:lnTo>
                    <a:pt x="2345436" y="202692"/>
                  </a:lnTo>
                  <a:lnTo>
                    <a:pt x="2343912" y="225551"/>
                  </a:lnTo>
                  <a:lnTo>
                    <a:pt x="2343912" y="249936"/>
                  </a:lnTo>
                  <a:lnTo>
                    <a:pt x="2368296" y="251460"/>
                  </a:lnTo>
                  <a:lnTo>
                    <a:pt x="2369820" y="227075"/>
                  </a:lnTo>
                  <a:lnTo>
                    <a:pt x="2369820" y="82296"/>
                  </a:lnTo>
                  <a:lnTo>
                    <a:pt x="2370531" y="71627"/>
                  </a:lnTo>
                  <a:lnTo>
                    <a:pt x="2357628" y="71627"/>
                  </a:lnTo>
                  <a:lnTo>
                    <a:pt x="2345436" y="57912"/>
                  </a:lnTo>
                  <a:close/>
                </a:path>
                <a:path w="2371725" h="251460">
                  <a:moveTo>
                    <a:pt x="102108" y="0"/>
                  </a:moveTo>
                  <a:lnTo>
                    <a:pt x="96012" y="3048"/>
                  </a:lnTo>
                  <a:lnTo>
                    <a:pt x="0" y="57912"/>
                  </a:lnTo>
                  <a:lnTo>
                    <a:pt x="96012" y="114300"/>
                  </a:lnTo>
                  <a:lnTo>
                    <a:pt x="102108" y="117348"/>
                  </a:lnTo>
                  <a:lnTo>
                    <a:pt x="109727" y="115824"/>
                  </a:lnTo>
                  <a:lnTo>
                    <a:pt x="115824" y="103632"/>
                  </a:lnTo>
                  <a:lnTo>
                    <a:pt x="114300" y="96012"/>
                  </a:lnTo>
                  <a:lnTo>
                    <a:pt x="108203" y="91439"/>
                  </a:lnTo>
                  <a:lnTo>
                    <a:pt x="74045" y="71627"/>
                  </a:lnTo>
                  <a:lnTo>
                    <a:pt x="25908" y="71627"/>
                  </a:lnTo>
                  <a:lnTo>
                    <a:pt x="25908" y="45720"/>
                  </a:lnTo>
                  <a:lnTo>
                    <a:pt x="74045" y="45720"/>
                  </a:lnTo>
                  <a:lnTo>
                    <a:pt x="108203" y="25908"/>
                  </a:lnTo>
                  <a:lnTo>
                    <a:pt x="114300" y="21336"/>
                  </a:lnTo>
                  <a:lnTo>
                    <a:pt x="115824" y="13716"/>
                  </a:lnTo>
                  <a:lnTo>
                    <a:pt x="109727" y="1524"/>
                  </a:lnTo>
                  <a:lnTo>
                    <a:pt x="102108" y="0"/>
                  </a:lnTo>
                  <a:close/>
                </a:path>
                <a:path w="2371725" h="251460">
                  <a:moveTo>
                    <a:pt x="74045" y="45720"/>
                  </a:moveTo>
                  <a:lnTo>
                    <a:pt x="25908" y="45720"/>
                  </a:lnTo>
                  <a:lnTo>
                    <a:pt x="25908" y="71627"/>
                  </a:lnTo>
                  <a:lnTo>
                    <a:pt x="74045" y="71627"/>
                  </a:lnTo>
                  <a:lnTo>
                    <a:pt x="71417" y="70104"/>
                  </a:lnTo>
                  <a:lnTo>
                    <a:pt x="32003" y="70104"/>
                  </a:lnTo>
                  <a:lnTo>
                    <a:pt x="32003" y="47244"/>
                  </a:lnTo>
                  <a:lnTo>
                    <a:pt x="71417" y="47244"/>
                  </a:lnTo>
                  <a:lnTo>
                    <a:pt x="74045" y="45720"/>
                  </a:lnTo>
                  <a:close/>
                </a:path>
                <a:path w="2371725" h="251460">
                  <a:moveTo>
                    <a:pt x="2362200" y="45720"/>
                  </a:moveTo>
                  <a:lnTo>
                    <a:pt x="74045" y="45720"/>
                  </a:lnTo>
                  <a:lnTo>
                    <a:pt x="51710" y="58674"/>
                  </a:lnTo>
                  <a:lnTo>
                    <a:pt x="74045" y="71627"/>
                  </a:lnTo>
                  <a:lnTo>
                    <a:pt x="2344578" y="71627"/>
                  </a:lnTo>
                  <a:lnTo>
                    <a:pt x="2345340" y="59436"/>
                  </a:lnTo>
                  <a:lnTo>
                    <a:pt x="2345436" y="57912"/>
                  </a:lnTo>
                  <a:lnTo>
                    <a:pt x="2371344" y="57912"/>
                  </a:lnTo>
                  <a:lnTo>
                    <a:pt x="2371344" y="56387"/>
                  </a:lnTo>
                  <a:lnTo>
                    <a:pt x="2369820" y="51816"/>
                  </a:lnTo>
                  <a:lnTo>
                    <a:pt x="2366772" y="50292"/>
                  </a:lnTo>
                  <a:lnTo>
                    <a:pt x="2365248" y="47244"/>
                  </a:lnTo>
                  <a:lnTo>
                    <a:pt x="2362200" y="45720"/>
                  </a:lnTo>
                  <a:close/>
                </a:path>
                <a:path w="2371725" h="251460">
                  <a:moveTo>
                    <a:pt x="2371344" y="57912"/>
                  </a:moveTo>
                  <a:lnTo>
                    <a:pt x="2345436" y="57912"/>
                  </a:lnTo>
                  <a:lnTo>
                    <a:pt x="2357628" y="71627"/>
                  </a:lnTo>
                  <a:lnTo>
                    <a:pt x="2370531" y="71627"/>
                  </a:lnTo>
                  <a:lnTo>
                    <a:pt x="2371344" y="59436"/>
                  </a:lnTo>
                  <a:lnTo>
                    <a:pt x="2371344" y="57912"/>
                  </a:lnTo>
                  <a:close/>
                </a:path>
                <a:path w="2371725" h="251460">
                  <a:moveTo>
                    <a:pt x="32003" y="47244"/>
                  </a:moveTo>
                  <a:lnTo>
                    <a:pt x="32003" y="70104"/>
                  </a:lnTo>
                  <a:lnTo>
                    <a:pt x="51710" y="58674"/>
                  </a:lnTo>
                  <a:lnTo>
                    <a:pt x="32003" y="47244"/>
                  </a:lnTo>
                  <a:close/>
                </a:path>
                <a:path w="2371725" h="251460">
                  <a:moveTo>
                    <a:pt x="51710" y="58674"/>
                  </a:moveTo>
                  <a:lnTo>
                    <a:pt x="32003" y="70104"/>
                  </a:lnTo>
                  <a:lnTo>
                    <a:pt x="71417" y="70104"/>
                  </a:lnTo>
                  <a:lnTo>
                    <a:pt x="51710" y="58674"/>
                  </a:lnTo>
                  <a:close/>
                </a:path>
                <a:path w="2371725" h="251460">
                  <a:moveTo>
                    <a:pt x="71417" y="47244"/>
                  </a:moveTo>
                  <a:lnTo>
                    <a:pt x="32003" y="47244"/>
                  </a:lnTo>
                  <a:lnTo>
                    <a:pt x="51710" y="58674"/>
                  </a:lnTo>
                  <a:lnTo>
                    <a:pt x="71417" y="47244"/>
                  </a:lnTo>
                  <a:close/>
                </a:path>
              </a:pathLst>
            </a:custGeom>
            <a:solidFill>
              <a:srgbClr val="1C334D"/>
            </a:solidFill>
          </p:spPr>
          <p:txBody>
            <a:bodyPr wrap="square" lIns="0" tIns="0" rIns="0" bIns="0" rtlCol="0"/>
            <a:lstStyle/>
            <a:p>
              <a:endParaRPr sz="1749"/>
            </a:p>
          </p:txBody>
        </p:sp>
        <p:sp>
          <p:nvSpPr>
            <p:cNvPr id="31" name="object 31"/>
            <p:cNvSpPr/>
            <p:nvPr/>
          </p:nvSpPr>
          <p:spPr>
            <a:xfrm>
              <a:off x="5020055" y="1036320"/>
              <a:ext cx="4066540" cy="4066540"/>
            </a:xfrm>
            <a:custGeom>
              <a:avLst/>
              <a:gdLst/>
              <a:ahLst/>
              <a:cxnLst/>
              <a:rect l="l" t="t" r="r" b="b"/>
              <a:pathLst>
                <a:path w="4066540" h="4066540">
                  <a:moveTo>
                    <a:pt x="0" y="2033016"/>
                  </a:moveTo>
                  <a:lnTo>
                    <a:pt x="555" y="1985012"/>
                  </a:lnTo>
                  <a:lnTo>
                    <a:pt x="2211" y="1937281"/>
                  </a:lnTo>
                  <a:lnTo>
                    <a:pt x="4958" y="1889836"/>
                  </a:lnTo>
                  <a:lnTo>
                    <a:pt x="8782" y="1842689"/>
                  </a:lnTo>
                  <a:lnTo>
                    <a:pt x="13672" y="1795852"/>
                  </a:lnTo>
                  <a:lnTo>
                    <a:pt x="19614" y="1749337"/>
                  </a:lnTo>
                  <a:lnTo>
                    <a:pt x="26598" y="1703156"/>
                  </a:lnTo>
                  <a:lnTo>
                    <a:pt x="34610" y="1657322"/>
                  </a:lnTo>
                  <a:lnTo>
                    <a:pt x="43639" y="1611847"/>
                  </a:lnTo>
                  <a:lnTo>
                    <a:pt x="53673" y="1566743"/>
                  </a:lnTo>
                  <a:lnTo>
                    <a:pt x="64698" y="1522021"/>
                  </a:lnTo>
                  <a:lnTo>
                    <a:pt x="76704" y="1477695"/>
                  </a:lnTo>
                  <a:lnTo>
                    <a:pt x="89678" y="1433777"/>
                  </a:lnTo>
                  <a:lnTo>
                    <a:pt x="103607" y="1390278"/>
                  </a:lnTo>
                  <a:lnTo>
                    <a:pt x="118480" y="1347211"/>
                  </a:lnTo>
                  <a:lnTo>
                    <a:pt x="134284" y="1304587"/>
                  </a:lnTo>
                  <a:lnTo>
                    <a:pt x="151007" y="1262420"/>
                  </a:lnTo>
                  <a:lnTo>
                    <a:pt x="168638" y="1220722"/>
                  </a:lnTo>
                  <a:lnTo>
                    <a:pt x="187163" y="1179504"/>
                  </a:lnTo>
                  <a:lnTo>
                    <a:pt x="206570" y="1138779"/>
                  </a:lnTo>
                  <a:lnTo>
                    <a:pt x="226848" y="1098558"/>
                  </a:lnTo>
                  <a:lnTo>
                    <a:pt x="247985" y="1058855"/>
                  </a:lnTo>
                  <a:lnTo>
                    <a:pt x="269967" y="1019681"/>
                  </a:lnTo>
                  <a:lnTo>
                    <a:pt x="292783" y="981048"/>
                  </a:lnTo>
                  <a:lnTo>
                    <a:pt x="316421" y="942970"/>
                  </a:lnTo>
                  <a:lnTo>
                    <a:pt x="340868" y="905456"/>
                  </a:lnTo>
                  <a:lnTo>
                    <a:pt x="366113" y="868521"/>
                  </a:lnTo>
                  <a:lnTo>
                    <a:pt x="392143" y="832177"/>
                  </a:lnTo>
                  <a:lnTo>
                    <a:pt x="418946" y="796434"/>
                  </a:lnTo>
                  <a:lnTo>
                    <a:pt x="446509" y="761306"/>
                  </a:lnTo>
                  <a:lnTo>
                    <a:pt x="474821" y="726805"/>
                  </a:lnTo>
                  <a:lnTo>
                    <a:pt x="503870" y="692943"/>
                  </a:lnTo>
                  <a:lnTo>
                    <a:pt x="533643" y="659732"/>
                  </a:lnTo>
                  <a:lnTo>
                    <a:pt x="564127" y="627184"/>
                  </a:lnTo>
                  <a:lnTo>
                    <a:pt x="595312" y="595312"/>
                  </a:lnTo>
                  <a:lnTo>
                    <a:pt x="627184" y="564127"/>
                  </a:lnTo>
                  <a:lnTo>
                    <a:pt x="659732" y="533643"/>
                  </a:lnTo>
                  <a:lnTo>
                    <a:pt x="692943" y="503870"/>
                  </a:lnTo>
                  <a:lnTo>
                    <a:pt x="726805" y="474821"/>
                  </a:lnTo>
                  <a:lnTo>
                    <a:pt x="761306" y="446509"/>
                  </a:lnTo>
                  <a:lnTo>
                    <a:pt x="796434" y="418946"/>
                  </a:lnTo>
                  <a:lnTo>
                    <a:pt x="832177" y="392143"/>
                  </a:lnTo>
                  <a:lnTo>
                    <a:pt x="868521" y="366113"/>
                  </a:lnTo>
                  <a:lnTo>
                    <a:pt x="905456" y="340868"/>
                  </a:lnTo>
                  <a:lnTo>
                    <a:pt x="942970" y="316421"/>
                  </a:lnTo>
                  <a:lnTo>
                    <a:pt x="981048" y="292783"/>
                  </a:lnTo>
                  <a:lnTo>
                    <a:pt x="1019681" y="269967"/>
                  </a:lnTo>
                  <a:lnTo>
                    <a:pt x="1058855" y="247985"/>
                  </a:lnTo>
                  <a:lnTo>
                    <a:pt x="1098558" y="226848"/>
                  </a:lnTo>
                  <a:lnTo>
                    <a:pt x="1138779" y="206570"/>
                  </a:lnTo>
                  <a:lnTo>
                    <a:pt x="1179504" y="187163"/>
                  </a:lnTo>
                  <a:lnTo>
                    <a:pt x="1220722" y="168638"/>
                  </a:lnTo>
                  <a:lnTo>
                    <a:pt x="1262420" y="151007"/>
                  </a:lnTo>
                  <a:lnTo>
                    <a:pt x="1304587" y="134284"/>
                  </a:lnTo>
                  <a:lnTo>
                    <a:pt x="1347211" y="118480"/>
                  </a:lnTo>
                  <a:lnTo>
                    <a:pt x="1390278" y="103607"/>
                  </a:lnTo>
                  <a:lnTo>
                    <a:pt x="1433777" y="89678"/>
                  </a:lnTo>
                  <a:lnTo>
                    <a:pt x="1477695" y="76704"/>
                  </a:lnTo>
                  <a:lnTo>
                    <a:pt x="1522021" y="64698"/>
                  </a:lnTo>
                  <a:lnTo>
                    <a:pt x="1566743" y="53673"/>
                  </a:lnTo>
                  <a:lnTo>
                    <a:pt x="1611847" y="43639"/>
                  </a:lnTo>
                  <a:lnTo>
                    <a:pt x="1657322" y="34610"/>
                  </a:lnTo>
                  <a:lnTo>
                    <a:pt x="1703156" y="26598"/>
                  </a:lnTo>
                  <a:lnTo>
                    <a:pt x="1749337" y="19614"/>
                  </a:lnTo>
                  <a:lnTo>
                    <a:pt x="1795852" y="13672"/>
                  </a:lnTo>
                  <a:lnTo>
                    <a:pt x="1842689" y="8782"/>
                  </a:lnTo>
                  <a:lnTo>
                    <a:pt x="1889836" y="4958"/>
                  </a:lnTo>
                  <a:lnTo>
                    <a:pt x="1937281" y="2211"/>
                  </a:lnTo>
                  <a:lnTo>
                    <a:pt x="1985012" y="555"/>
                  </a:lnTo>
                  <a:lnTo>
                    <a:pt x="2033016" y="0"/>
                  </a:lnTo>
                  <a:lnTo>
                    <a:pt x="2081019" y="555"/>
                  </a:lnTo>
                  <a:lnTo>
                    <a:pt x="2128750" y="2211"/>
                  </a:lnTo>
                  <a:lnTo>
                    <a:pt x="2176195" y="4958"/>
                  </a:lnTo>
                  <a:lnTo>
                    <a:pt x="2223342" y="8782"/>
                  </a:lnTo>
                  <a:lnTo>
                    <a:pt x="2270179" y="13672"/>
                  </a:lnTo>
                  <a:lnTo>
                    <a:pt x="2316694" y="19614"/>
                  </a:lnTo>
                  <a:lnTo>
                    <a:pt x="2362875" y="26598"/>
                  </a:lnTo>
                  <a:lnTo>
                    <a:pt x="2408709" y="34610"/>
                  </a:lnTo>
                  <a:lnTo>
                    <a:pt x="2454184" y="43639"/>
                  </a:lnTo>
                  <a:lnTo>
                    <a:pt x="2499288" y="53673"/>
                  </a:lnTo>
                  <a:lnTo>
                    <a:pt x="2544010" y="64698"/>
                  </a:lnTo>
                  <a:lnTo>
                    <a:pt x="2588336" y="76704"/>
                  </a:lnTo>
                  <a:lnTo>
                    <a:pt x="2632254" y="89678"/>
                  </a:lnTo>
                  <a:lnTo>
                    <a:pt x="2675753" y="103607"/>
                  </a:lnTo>
                  <a:lnTo>
                    <a:pt x="2718820" y="118480"/>
                  </a:lnTo>
                  <a:lnTo>
                    <a:pt x="2761444" y="134284"/>
                  </a:lnTo>
                  <a:lnTo>
                    <a:pt x="2803611" y="151007"/>
                  </a:lnTo>
                  <a:lnTo>
                    <a:pt x="2845309" y="168638"/>
                  </a:lnTo>
                  <a:lnTo>
                    <a:pt x="2886527" y="187163"/>
                  </a:lnTo>
                  <a:lnTo>
                    <a:pt x="2927252" y="206570"/>
                  </a:lnTo>
                  <a:lnTo>
                    <a:pt x="2967473" y="226848"/>
                  </a:lnTo>
                  <a:lnTo>
                    <a:pt x="3007176" y="247985"/>
                  </a:lnTo>
                  <a:lnTo>
                    <a:pt x="3046350" y="269967"/>
                  </a:lnTo>
                  <a:lnTo>
                    <a:pt x="3084983" y="292783"/>
                  </a:lnTo>
                  <a:lnTo>
                    <a:pt x="3123061" y="316421"/>
                  </a:lnTo>
                  <a:lnTo>
                    <a:pt x="3160575" y="340868"/>
                  </a:lnTo>
                  <a:lnTo>
                    <a:pt x="3197510" y="366113"/>
                  </a:lnTo>
                  <a:lnTo>
                    <a:pt x="3233854" y="392143"/>
                  </a:lnTo>
                  <a:lnTo>
                    <a:pt x="3269597" y="418946"/>
                  </a:lnTo>
                  <a:lnTo>
                    <a:pt x="3304725" y="446509"/>
                  </a:lnTo>
                  <a:lnTo>
                    <a:pt x="3339226" y="474821"/>
                  </a:lnTo>
                  <a:lnTo>
                    <a:pt x="3373088" y="503870"/>
                  </a:lnTo>
                  <a:lnTo>
                    <a:pt x="3406299" y="533643"/>
                  </a:lnTo>
                  <a:lnTo>
                    <a:pt x="3438847" y="564127"/>
                  </a:lnTo>
                  <a:lnTo>
                    <a:pt x="3470719" y="595312"/>
                  </a:lnTo>
                  <a:lnTo>
                    <a:pt x="3501904" y="627184"/>
                  </a:lnTo>
                  <a:lnTo>
                    <a:pt x="3532388" y="659732"/>
                  </a:lnTo>
                  <a:lnTo>
                    <a:pt x="3562161" y="692943"/>
                  </a:lnTo>
                  <a:lnTo>
                    <a:pt x="3591210" y="726805"/>
                  </a:lnTo>
                  <a:lnTo>
                    <a:pt x="3619522" y="761306"/>
                  </a:lnTo>
                  <a:lnTo>
                    <a:pt x="3647085" y="796434"/>
                  </a:lnTo>
                  <a:lnTo>
                    <a:pt x="3673888" y="832177"/>
                  </a:lnTo>
                  <a:lnTo>
                    <a:pt x="3699918" y="868521"/>
                  </a:lnTo>
                  <a:lnTo>
                    <a:pt x="3725163" y="905456"/>
                  </a:lnTo>
                  <a:lnTo>
                    <a:pt x="3749610" y="942970"/>
                  </a:lnTo>
                  <a:lnTo>
                    <a:pt x="3773248" y="981048"/>
                  </a:lnTo>
                  <a:lnTo>
                    <a:pt x="3796064" y="1019681"/>
                  </a:lnTo>
                  <a:lnTo>
                    <a:pt x="3818046" y="1058855"/>
                  </a:lnTo>
                  <a:lnTo>
                    <a:pt x="3839183" y="1098558"/>
                  </a:lnTo>
                  <a:lnTo>
                    <a:pt x="3859461" y="1138779"/>
                  </a:lnTo>
                  <a:lnTo>
                    <a:pt x="3878868" y="1179504"/>
                  </a:lnTo>
                  <a:lnTo>
                    <a:pt x="3897393" y="1220722"/>
                  </a:lnTo>
                  <a:lnTo>
                    <a:pt x="3915024" y="1262420"/>
                  </a:lnTo>
                  <a:lnTo>
                    <a:pt x="3931747" y="1304587"/>
                  </a:lnTo>
                  <a:lnTo>
                    <a:pt x="3947551" y="1347211"/>
                  </a:lnTo>
                  <a:lnTo>
                    <a:pt x="3962424" y="1390278"/>
                  </a:lnTo>
                  <a:lnTo>
                    <a:pt x="3976353" y="1433777"/>
                  </a:lnTo>
                  <a:lnTo>
                    <a:pt x="3989327" y="1477695"/>
                  </a:lnTo>
                  <a:lnTo>
                    <a:pt x="4001333" y="1522021"/>
                  </a:lnTo>
                  <a:lnTo>
                    <a:pt x="4012358" y="1566743"/>
                  </a:lnTo>
                  <a:lnTo>
                    <a:pt x="4022392" y="1611847"/>
                  </a:lnTo>
                  <a:lnTo>
                    <a:pt x="4031421" y="1657322"/>
                  </a:lnTo>
                  <a:lnTo>
                    <a:pt x="4039433" y="1703156"/>
                  </a:lnTo>
                  <a:lnTo>
                    <a:pt x="4046417" y="1749337"/>
                  </a:lnTo>
                  <a:lnTo>
                    <a:pt x="4052359" y="1795852"/>
                  </a:lnTo>
                  <a:lnTo>
                    <a:pt x="4057249" y="1842689"/>
                  </a:lnTo>
                  <a:lnTo>
                    <a:pt x="4061073" y="1889836"/>
                  </a:lnTo>
                  <a:lnTo>
                    <a:pt x="4063820" y="1937281"/>
                  </a:lnTo>
                  <a:lnTo>
                    <a:pt x="4065476" y="1985012"/>
                  </a:lnTo>
                  <a:lnTo>
                    <a:pt x="4066032" y="2033016"/>
                  </a:lnTo>
                  <a:lnTo>
                    <a:pt x="4065476" y="2081019"/>
                  </a:lnTo>
                  <a:lnTo>
                    <a:pt x="4063820" y="2128750"/>
                  </a:lnTo>
                  <a:lnTo>
                    <a:pt x="4061073" y="2176195"/>
                  </a:lnTo>
                  <a:lnTo>
                    <a:pt x="4057249" y="2223342"/>
                  </a:lnTo>
                  <a:lnTo>
                    <a:pt x="4052359" y="2270179"/>
                  </a:lnTo>
                  <a:lnTo>
                    <a:pt x="4046417" y="2316694"/>
                  </a:lnTo>
                  <a:lnTo>
                    <a:pt x="4039433" y="2362875"/>
                  </a:lnTo>
                  <a:lnTo>
                    <a:pt x="4031421" y="2408709"/>
                  </a:lnTo>
                  <a:lnTo>
                    <a:pt x="4022392" y="2454184"/>
                  </a:lnTo>
                  <a:lnTo>
                    <a:pt x="4012358" y="2499288"/>
                  </a:lnTo>
                  <a:lnTo>
                    <a:pt x="4001333" y="2544010"/>
                  </a:lnTo>
                  <a:lnTo>
                    <a:pt x="3989327" y="2588336"/>
                  </a:lnTo>
                  <a:lnTo>
                    <a:pt x="3976353" y="2632254"/>
                  </a:lnTo>
                  <a:lnTo>
                    <a:pt x="3962424" y="2675753"/>
                  </a:lnTo>
                  <a:lnTo>
                    <a:pt x="3947551" y="2718820"/>
                  </a:lnTo>
                  <a:lnTo>
                    <a:pt x="3931747" y="2761444"/>
                  </a:lnTo>
                  <a:lnTo>
                    <a:pt x="3915024" y="2803611"/>
                  </a:lnTo>
                  <a:lnTo>
                    <a:pt x="3897393" y="2845309"/>
                  </a:lnTo>
                  <a:lnTo>
                    <a:pt x="3878868" y="2886527"/>
                  </a:lnTo>
                  <a:lnTo>
                    <a:pt x="3859461" y="2927252"/>
                  </a:lnTo>
                  <a:lnTo>
                    <a:pt x="3839183" y="2967473"/>
                  </a:lnTo>
                  <a:lnTo>
                    <a:pt x="3818046" y="3007176"/>
                  </a:lnTo>
                  <a:lnTo>
                    <a:pt x="3796064" y="3046350"/>
                  </a:lnTo>
                  <a:lnTo>
                    <a:pt x="3773248" y="3084983"/>
                  </a:lnTo>
                  <a:lnTo>
                    <a:pt x="3749610" y="3123061"/>
                  </a:lnTo>
                  <a:lnTo>
                    <a:pt x="3725163" y="3160575"/>
                  </a:lnTo>
                  <a:lnTo>
                    <a:pt x="3699918" y="3197510"/>
                  </a:lnTo>
                  <a:lnTo>
                    <a:pt x="3673888" y="3233854"/>
                  </a:lnTo>
                  <a:lnTo>
                    <a:pt x="3647085" y="3269597"/>
                  </a:lnTo>
                  <a:lnTo>
                    <a:pt x="3619522" y="3304725"/>
                  </a:lnTo>
                  <a:lnTo>
                    <a:pt x="3591210" y="3339226"/>
                  </a:lnTo>
                  <a:lnTo>
                    <a:pt x="3562161" y="3373088"/>
                  </a:lnTo>
                  <a:lnTo>
                    <a:pt x="3532388" y="3406299"/>
                  </a:lnTo>
                  <a:lnTo>
                    <a:pt x="3501904" y="3438847"/>
                  </a:lnTo>
                  <a:lnTo>
                    <a:pt x="3470719" y="3470719"/>
                  </a:lnTo>
                  <a:lnTo>
                    <a:pt x="3438847" y="3501904"/>
                  </a:lnTo>
                  <a:lnTo>
                    <a:pt x="3406299" y="3532388"/>
                  </a:lnTo>
                  <a:lnTo>
                    <a:pt x="3373088" y="3562161"/>
                  </a:lnTo>
                  <a:lnTo>
                    <a:pt x="3339226" y="3591210"/>
                  </a:lnTo>
                  <a:lnTo>
                    <a:pt x="3304725" y="3619522"/>
                  </a:lnTo>
                  <a:lnTo>
                    <a:pt x="3269597" y="3647085"/>
                  </a:lnTo>
                  <a:lnTo>
                    <a:pt x="3233854" y="3673888"/>
                  </a:lnTo>
                  <a:lnTo>
                    <a:pt x="3197510" y="3699918"/>
                  </a:lnTo>
                  <a:lnTo>
                    <a:pt x="3160575" y="3725163"/>
                  </a:lnTo>
                  <a:lnTo>
                    <a:pt x="3123061" y="3749610"/>
                  </a:lnTo>
                  <a:lnTo>
                    <a:pt x="3084983" y="3773248"/>
                  </a:lnTo>
                  <a:lnTo>
                    <a:pt x="3046350" y="3796064"/>
                  </a:lnTo>
                  <a:lnTo>
                    <a:pt x="3007176" y="3818046"/>
                  </a:lnTo>
                  <a:lnTo>
                    <a:pt x="2967473" y="3839183"/>
                  </a:lnTo>
                  <a:lnTo>
                    <a:pt x="2927252" y="3859461"/>
                  </a:lnTo>
                  <a:lnTo>
                    <a:pt x="2886527" y="3878868"/>
                  </a:lnTo>
                  <a:lnTo>
                    <a:pt x="2845309" y="3897393"/>
                  </a:lnTo>
                  <a:lnTo>
                    <a:pt x="2803611" y="3915024"/>
                  </a:lnTo>
                  <a:lnTo>
                    <a:pt x="2761444" y="3931747"/>
                  </a:lnTo>
                  <a:lnTo>
                    <a:pt x="2718820" y="3947551"/>
                  </a:lnTo>
                  <a:lnTo>
                    <a:pt x="2675753" y="3962424"/>
                  </a:lnTo>
                  <a:lnTo>
                    <a:pt x="2632254" y="3976353"/>
                  </a:lnTo>
                  <a:lnTo>
                    <a:pt x="2588336" y="3989327"/>
                  </a:lnTo>
                  <a:lnTo>
                    <a:pt x="2544010" y="4001333"/>
                  </a:lnTo>
                  <a:lnTo>
                    <a:pt x="2499288" y="4012358"/>
                  </a:lnTo>
                  <a:lnTo>
                    <a:pt x="2454184" y="4022392"/>
                  </a:lnTo>
                  <a:lnTo>
                    <a:pt x="2408709" y="4031421"/>
                  </a:lnTo>
                  <a:lnTo>
                    <a:pt x="2362875" y="4039433"/>
                  </a:lnTo>
                  <a:lnTo>
                    <a:pt x="2316694" y="4046417"/>
                  </a:lnTo>
                  <a:lnTo>
                    <a:pt x="2270179" y="4052359"/>
                  </a:lnTo>
                  <a:lnTo>
                    <a:pt x="2223342" y="4057249"/>
                  </a:lnTo>
                  <a:lnTo>
                    <a:pt x="2176195" y="4061073"/>
                  </a:lnTo>
                  <a:lnTo>
                    <a:pt x="2128750" y="4063820"/>
                  </a:lnTo>
                  <a:lnTo>
                    <a:pt x="2081019" y="4065476"/>
                  </a:lnTo>
                  <a:lnTo>
                    <a:pt x="2033016" y="4066032"/>
                  </a:lnTo>
                  <a:lnTo>
                    <a:pt x="1985012" y="4065476"/>
                  </a:lnTo>
                  <a:lnTo>
                    <a:pt x="1937281" y="4063820"/>
                  </a:lnTo>
                  <a:lnTo>
                    <a:pt x="1889836" y="4061073"/>
                  </a:lnTo>
                  <a:lnTo>
                    <a:pt x="1842689" y="4057249"/>
                  </a:lnTo>
                  <a:lnTo>
                    <a:pt x="1795852" y="4052359"/>
                  </a:lnTo>
                  <a:lnTo>
                    <a:pt x="1749337" y="4046417"/>
                  </a:lnTo>
                  <a:lnTo>
                    <a:pt x="1703156" y="4039433"/>
                  </a:lnTo>
                  <a:lnTo>
                    <a:pt x="1657322" y="4031421"/>
                  </a:lnTo>
                  <a:lnTo>
                    <a:pt x="1611847" y="4022392"/>
                  </a:lnTo>
                  <a:lnTo>
                    <a:pt x="1566743" y="4012358"/>
                  </a:lnTo>
                  <a:lnTo>
                    <a:pt x="1522021" y="4001333"/>
                  </a:lnTo>
                  <a:lnTo>
                    <a:pt x="1477695" y="3989327"/>
                  </a:lnTo>
                  <a:lnTo>
                    <a:pt x="1433777" y="3976353"/>
                  </a:lnTo>
                  <a:lnTo>
                    <a:pt x="1390278" y="3962424"/>
                  </a:lnTo>
                  <a:lnTo>
                    <a:pt x="1347211" y="3947551"/>
                  </a:lnTo>
                  <a:lnTo>
                    <a:pt x="1304587" y="3931747"/>
                  </a:lnTo>
                  <a:lnTo>
                    <a:pt x="1262420" y="3915024"/>
                  </a:lnTo>
                  <a:lnTo>
                    <a:pt x="1220722" y="3897393"/>
                  </a:lnTo>
                  <a:lnTo>
                    <a:pt x="1179504" y="3878868"/>
                  </a:lnTo>
                  <a:lnTo>
                    <a:pt x="1138779" y="3859461"/>
                  </a:lnTo>
                  <a:lnTo>
                    <a:pt x="1098558" y="3839183"/>
                  </a:lnTo>
                  <a:lnTo>
                    <a:pt x="1058855" y="3818046"/>
                  </a:lnTo>
                  <a:lnTo>
                    <a:pt x="1019681" y="3796064"/>
                  </a:lnTo>
                  <a:lnTo>
                    <a:pt x="981048" y="3773248"/>
                  </a:lnTo>
                  <a:lnTo>
                    <a:pt x="942970" y="3749610"/>
                  </a:lnTo>
                  <a:lnTo>
                    <a:pt x="905456" y="3725163"/>
                  </a:lnTo>
                  <a:lnTo>
                    <a:pt x="868521" y="3699918"/>
                  </a:lnTo>
                  <a:lnTo>
                    <a:pt x="832177" y="3673888"/>
                  </a:lnTo>
                  <a:lnTo>
                    <a:pt x="796434" y="3647085"/>
                  </a:lnTo>
                  <a:lnTo>
                    <a:pt x="761306" y="3619522"/>
                  </a:lnTo>
                  <a:lnTo>
                    <a:pt x="726805" y="3591210"/>
                  </a:lnTo>
                  <a:lnTo>
                    <a:pt x="692943" y="3562161"/>
                  </a:lnTo>
                  <a:lnTo>
                    <a:pt x="659732" y="3532388"/>
                  </a:lnTo>
                  <a:lnTo>
                    <a:pt x="627184" y="3501904"/>
                  </a:lnTo>
                  <a:lnTo>
                    <a:pt x="595312" y="3470719"/>
                  </a:lnTo>
                  <a:lnTo>
                    <a:pt x="564127" y="3438847"/>
                  </a:lnTo>
                  <a:lnTo>
                    <a:pt x="533643" y="3406299"/>
                  </a:lnTo>
                  <a:lnTo>
                    <a:pt x="503870" y="3373088"/>
                  </a:lnTo>
                  <a:lnTo>
                    <a:pt x="474821" y="3339226"/>
                  </a:lnTo>
                  <a:lnTo>
                    <a:pt x="446509" y="3304725"/>
                  </a:lnTo>
                  <a:lnTo>
                    <a:pt x="418946" y="3269597"/>
                  </a:lnTo>
                  <a:lnTo>
                    <a:pt x="392143" y="3233854"/>
                  </a:lnTo>
                  <a:lnTo>
                    <a:pt x="366113" y="3197510"/>
                  </a:lnTo>
                  <a:lnTo>
                    <a:pt x="340868" y="3160575"/>
                  </a:lnTo>
                  <a:lnTo>
                    <a:pt x="316421" y="3123061"/>
                  </a:lnTo>
                  <a:lnTo>
                    <a:pt x="292783" y="3084983"/>
                  </a:lnTo>
                  <a:lnTo>
                    <a:pt x="269967" y="3046350"/>
                  </a:lnTo>
                  <a:lnTo>
                    <a:pt x="247985" y="3007176"/>
                  </a:lnTo>
                  <a:lnTo>
                    <a:pt x="226848" y="2967473"/>
                  </a:lnTo>
                  <a:lnTo>
                    <a:pt x="206570" y="2927252"/>
                  </a:lnTo>
                  <a:lnTo>
                    <a:pt x="187163" y="2886527"/>
                  </a:lnTo>
                  <a:lnTo>
                    <a:pt x="168638" y="2845309"/>
                  </a:lnTo>
                  <a:lnTo>
                    <a:pt x="151007" y="2803611"/>
                  </a:lnTo>
                  <a:lnTo>
                    <a:pt x="134284" y="2761444"/>
                  </a:lnTo>
                  <a:lnTo>
                    <a:pt x="118480" y="2718820"/>
                  </a:lnTo>
                  <a:lnTo>
                    <a:pt x="103607" y="2675753"/>
                  </a:lnTo>
                  <a:lnTo>
                    <a:pt x="89678" y="2632254"/>
                  </a:lnTo>
                  <a:lnTo>
                    <a:pt x="76704" y="2588336"/>
                  </a:lnTo>
                  <a:lnTo>
                    <a:pt x="64698" y="2544010"/>
                  </a:lnTo>
                  <a:lnTo>
                    <a:pt x="53673" y="2499288"/>
                  </a:lnTo>
                  <a:lnTo>
                    <a:pt x="43639" y="2454184"/>
                  </a:lnTo>
                  <a:lnTo>
                    <a:pt x="34610" y="2408709"/>
                  </a:lnTo>
                  <a:lnTo>
                    <a:pt x="26598" y="2362875"/>
                  </a:lnTo>
                  <a:lnTo>
                    <a:pt x="19614" y="2316694"/>
                  </a:lnTo>
                  <a:lnTo>
                    <a:pt x="13672" y="2270179"/>
                  </a:lnTo>
                  <a:lnTo>
                    <a:pt x="8782" y="2223342"/>
                  </a:lnTo>
                  <a:lnTo>
                    <a:pt x="4958" y="2176195"/>
                  </a:lnTo>
                  <a:lnTo>
                    <a:pt x="2211" y="2128750"/>
                  </a:lnTo>
                  <a:lnTo>
                    <a:pt x="555" y="2081019"/>
                  </a:lnTo>
                  <a:lnTo>
                    <a:pt x="0" y="2033016"/>
                  </a:lnTo>
                </a:path>
              </a:pathLst>
            </a:custGeom>
            <a:ln w="28956">
              <a:solidFill>
                <a:srgbClr val="00AFEF"/>
              </a:solidFill>
            </a:ln>
          </p:spPr>
          <p:txBody>
            <a:bodyPr wrap="square" lIns="0" tIns="0" rIns="0" bIns="0" rtlCol="0"/>
            <a:lstStyle/>
            <a:p>
              <a:endParaRPr sz="1749"/>
            </a:p>
          </p:txBody>
        </p:sp>
        <p:sp>
          <p:nvSpPr>
            <p:cNvPr id="32" name="object 32"/>
            <p:cNvSpPr/>
            <p:nvPr/>
          </p:nvSpPr>
          <p:spPr>
            <a:xfrm>
              <a:off x="7493507" y="5038343"/>
              <a:ext cx="1908175" cy="756285"/>
            </a:xfrm>
            <a:custGeom>
              <a:avLst/>
              <a:gdLst/>
              <a:ahLst/>
              <a:cxnLst/>
              <a:rect l="l" t="t" r="r" b="b"/>
              <a:pathLst>
                <a:path w="1908175" h="756285">
                  <a:moveTo>
                    <a:pt x="0" y="0"/>
                  </a:moveTo>
                  <a:lnTo>
                    <a:pt x="295656" y="755904"/>
                  </a:lnTo>
                  <a:lnTo>
                    <a:pt x="1908048" y="755904"/>
                  </a:lnTo>
                </a:path>
              </a:pathLst>
            </a:custGeom>
            <a:ln w="12191">
              <a:solidFill>
                <a:srgbClr val="00AFEF"/>
              </a:solidFill>
            </a:ln>
          </p:spPr>
          <p:txBody>
            <a:bodyPr wrap="square" lIns="0" tIns="0" rIns="0" bIns="0" rtlCol="0"/>
            <a:lstStyle/>
            <a:p>
              <a:endParaRPr sz="1749"/>
            </a:p>
          </p:txBody>
        </p:sp>
        <p:pic>
          <p:nvPicPr>
            <p:cNvPr id="33" name="object 33"/>
            <p:cNvPicPr/>
            <p:nvPr/>
          </p:nvPicPr>
          <p:blipFill>
            <a:blip r:embed="rId4" cstate="print"/>
            <a:stretch>
              <a:fillRect/>
            </a:stretch>
          </p:blipFill>
          <p:spPr>
            <a:xfrm>
              <a:off x="4623815" y="2133600"/>
              <a:ext cx="1757172" cy="2449068"/>
            </a:xfrm>
            <a:prstGeom prst="rect">
              <a:avLst/>
            </a:prstGeom>
          </p:spPr>
        </p:pic>
      </p:grpSp>
      <p:sp>
        <p:nvSpPr>
          <p:cNvPr id="34" name="object 34"/>
          <p:cNvSpPr txBox="1"/>
          <p:nvPr/>
        </p:nvSpPr>
        <p:spPr>
          <a:xfrm>
            <a:off x="4176266" y="2688032"/>
            <a:ext cx="861729" cy="1245816"/>
          </a:xfrm>
          <a:prstGeom prst="rect">
            <a:avLst/>
          </a:prstGeom>
        </p:spPr>
        <p:txBody>
          <a:bodyPr vert="horz" wrap="square" lIns="0" tIns="20091" rIns="0" bIns="0" rtlCol="0">
            <a:spAutoFit/>
          </a:bodyPr>
          <a:lstStyle/>
          <a:p>
            <a:pPr marL="139548" marR="133032" indent="-1629" algn="ctr">
              <a:lnSpc>
                <a:spcPct val="95200"/>
              </a:lnSpc>
              <a:spcBef>
                <a:spcPts val="158"/>
              </a:spcBef>
            </a:pPr>
            <a:r>
              <a:rPr sz="1197" b="1" spc="-17" dirty="0">
                <a:solidFill>
                  <a:srgbClr val="262626"/>
                </a:solidFill>
                <a:latin typeface="Meiryo UI"/>
                <a:cs typeface="Meiryo UI"/>
              </a:rPr>
              <a:t>行政の</a:t>
            </a:r>
            <a:r>
              <a:rPr sz="1197" b="1" spc="-13" dirty="0">
                <a:solidFill>
                  <a:srgbClr val="262626"/>
                </a:solidFill>
                <a:latin typeface="Meiryo UI"/>
                <a:cs typeface="Meiryo UI"/>
              </a:rPr>
              <a:t>業務量に</a:t>
            </a:r>
            <a:r>
              <a:rPr sz="1197" b="1" spc="-17" dirty="0">
                <a:solidFill>
                  <a:srgbClr val="262626"/>
                </a:solidFill>
                <a:latin typeface="Meiryo UI"/>
                <a:cs typeface="Meiryo UI"/>
              </a:rPr>
              <a:t>応じて、民間に</a:t>
            </a:r>
            <a:endParaRPr sz="1197">
              <a:latin typeface="Meiryo UI"/>
              <a:cs typeface="Meiryo UI"/>
            </a:endParaRPr>
          </a:p>
          <a:p>
            <a:pPr marL="10317" marR="4344" algn="ctr">
              <a:lnSpc>
                <a:spcPts val="1334"/>
              </a:lnSpc>
              <a:spcBef>
                <a:spcPts val="68"/>
              </a:spcBef>
            </a:pPr>
            <a:r>
              <a:rPr sz="1197" b="1" spc="-9" dirty="0">
                <a:solidFill>
                  <a:srgbClr val="262626"/>
                </a:solidFill>
                <a:latin typeface="Meiryo UI"/>
                <a:cs typeface="Meiryo UI"/>
              </a:rPr>
              <a:t>委ねる範囲を</a:t>
            </a:r>
            <a:r>
              <a:rPr sz="1197" b="1" spc="-21" dirty="0">
                <a:solidFill>
                  <a:srgbClr val="262626"/>
                </a:solidFill>
                <a:latin typeface="Meiryo UI"/>
                <a:cs typeface="Meiryo UI"/>
              </a:rPr>
              <a:t>拡大</a:t>
            </a:r>
            <a:endParaRPr sz="1197">
              <a:latin typeface="Meiryo UI"/>
              <a:cs typeface="Meiryo UI"/>
            </a:endParaRPr>
          </a:p>
        </p:txBody>
      </p:sp>
      <p:sp>
        <p:nvSpPr>
          <p:cNvPr id="35" name="object 35"/>
          <p:cNvSpPr txBox="1"/>
          <p:nvPr/>
        </p:nvSpPr>
        <p:spPr>
          <a:xfrm>
            <a:off x="5611505" y="2062939"/>
            <a:ext cx="2382653" cy="957168"/>
          </a:xfrm>
          <a:prstGeom prst="rect">
            <a:avLst/>
          </a:prstGeom>
          <a:solidFill>
            <a:srgbClr val="EBF0DD"/>
          </a:solidFill>
          <a:ln w="12192">
            <a:solidFill>
              <a:srgbClr val="000000"/>
            </a:solidFill>
          </a:ln>
        </p:spPr>
        <p:txBody>
          <a:bodyPr vert="horz" wrap="square" lIns="0" tIns="114029" rIns="0" bIns="0" rtlCol="0">
            <a:spAutoFit/>
          </a:bodyPr>
          <a:lstStyle/>
          <a:p>
            <a:pPr marL="150951" indent="-93937">
              <a:spcBef>
                <a:spcPts val="898"/>
              </a:spcBef>
              <a:buFont typeface="Arial"/>
              <a:buChar char="•"/>
              <a:tabLst>
                <a:tab pos="150951" algn="l"/>
              </a:tabLst>
            </a:pPr>
            <a:r>
              <a:rPr sz="1368" b="1" spc="-26" dirty="0">
                <a:solidFill>
                  <a:srgbClr val="0070BF"/>
                </a:solidFill>
                <a:latin typeface="Meiryo UI"/>
                <a:cs typeface="Meiryo UI"/>
              </a:rPr>
              <a:t>長寿命化計画立案、</a:t>
            </a:r>
            <a:endParaRPr sz="1368">
              <a:latin typeface="Meiryo UI"/>
              <a:cs typeface="Meiryo UI"/>
            </a:endParaRPr>
          </a:p>
          <a:p>
            <a:pPr marL="150951" indent="-93937">
              <a:buFont typeface="Arial"/>
              <a:buChar char="•"/>
              <a:tabLst>
                <a:tab pos="150951" algn="l"/>
                <a:tab pos="2144805" algn="l"/>
              </a:tabLst>
            </a:pPr>
            <a:r>
              <a:rPr sz="1368" b="1" spc="-21" dirty="0">
                <a:solidFill>
                  <a:srgbClr val="0070BF"/>
                </a:solidFill>
                <a:latin typeface="Meiryo UI"/>
                <a:cs typeface="Meiryo UI"/>
              </a:rPr>
              <a:t>適切</a:t>
            </a:r>
            <a:r>
              <a:rPr sz="1368" b="1" spc="-17" dirty="0">
                <a:solidFill>
                  <a:srgbClr val="0070BF"/>
                </a:solidFill>
                <a:latin typeface="Meiryo UI"/>
                <a:cs typeface="Meiryo UI"/>
              </a:rPr>
              <a:t>な</a:t>
            </a:r>
            <a:r>
              <a:rPr sz="1368" b="1" spc="-9" dirty="0">
                <a:solidFill>
                  <a:srgbClr val="0070BF"/>
                </a:solidFill>
                <a:latin typeface="Meiryo UI"/>
                <a:cs typeface="Meiryo UI"/>
              </a:rPr>
              <a:t>ﾒﾝﾃﾅﾝｽｻｲｸﾙの</a:t>
            </a:r>
            <a:r>
              <a:rPr sz="1368" b="1" spc="-21" dirty="0">
                <a:solidFill>
                  <a:srgbClr val="0070BF"/>
                </a:solidFill>
                <a:latin typeface="Meiryo UI"/>
                <a:cs typeface="Meiryo UI"/>
              </a:rPr>
              <a:t>実</a:t>
            </a:r>
            <a:r>
              <a:rPr sz="1368" b="1" spc="-43" dirty="0">
                <a:solidFill>
                  <a:srgbClr val="0070BF"/>
                </a:solidFill>
                <a:latin typeface="Meiryo UI"/>
                <a:cs typeface="Meiryo UI"/>
              </a:rPr>
              <a:t>行</a:t>
            </a:r>
            <a:r>
              <a:rPr sz="1368" b="1" dirty="0">
                <a:solidFill>
                  <a:srgbClr val="0070BF"/>
                </a:solidFill>
                <a:latin typeface="Meiryo UI"/>
                <a:cs typeface="Meiryo UI"/>
              </a:rPr>
              <a:t>	</a:t>
            </a:r>
            <a:r>
              <a:rPr sz="1368" b="1" spc="-43" dirty="0">
                <a:solidFill>
                  <a:srgbClr val="0070BF"/>
                </a:solidFill>
                <a:latin typeface="Meiryo UI"/>
                <a:cs typeface="Meiryo UI"/>
              </a:rPr>
              <a:t>等</a:t>
            </a:r>
            <a:endParaRPr sz="1368">
              <a:latin typeface="Meiryo UI"/>
              <a:cs typeface="Meiryo UI"/>
            </a:endParaRPr>
          </a:p>
          <a:p>
            <a:pPr marL="173213"/>
            <a:r>
              <a:rPr sz="1368" b="1" spc="-21" dirty="0">
                <a:solidFill>
                  <a:srgbClr val="0070BF"/>
                </a:solidFill>
                <a:latin typeface="Meiryo UI"/>
                <a:cs typeface="Meiryo UI"/>
              </a:rPr>
              <a:t>（点検、診断、措置、記録</a:t>
            </a:r>
            <a:r>
              <a:rPr sz="1368" b="1" spc="-43" dirty="0">
                <a:solidFill>
                  <a:srgbClr val="0070BF"/>
                </a:solidFill>
                <a:latin typeface="Meiryo UI"/>
                <a:cs typeface="Meiryo UI"/>
              </a:rPr>
              <a:t>）</a:t>
            </a:r>
            <a:endParaRPr sz="1368">
              <a:latin typeface="Meiryo UI"/>
              <a:cs typeface="Meiryo UI"/>
            </a:endParaRPr>
          </a:p>
        </p:txBody>
      </p:sp>
      <p:grpSp>
        <p:nvGrpSpPr>
          <p:cNvPr id="36" name="object 36"/>
          <p:cNvGrpSpPr/>
          <p:nvPr/>
        </p:nvGrpSpPr>
        <p:grpSpPr>
          <a:xfrm>
            <a:off x="922002" y="5510943"/>
            <a:ext cx="7496017" cy="828064"/>
            <a:chOff x="1078230" y="6216141"/>
            <a:chExt cx="8766175" cy="968375"/>
          </a:xfrm>
        </p:grpSpPr>
        <p:sp>
          <p:nvSpPr>
            <p:cNvPr id="37" name="object 37"/>
            <p:cNvSpPr/>
            <p:nvPr/>
          </p:nvSpPr>
          <p:spPr>
            <a:xfrm>
              <a:off x="1097280" y="6222491"/>
              <a:ext cx="5638800" cy="243840"/>
            </a:xfrm>
            <a:custGeom>
              <a:avLst/>
              <a:gdLst/>
              <a:ahLst/>
              <a:cxnLst/>
              <a:rect l="l" t="t" r="r" b="b"/>
              <a:pathLst>
                <a:path w="5638800" h="243839">
                  <a:moveTo>
                    <a:pt x="5280659" y="0"/>
                  </a:moveTo>
                  <a:lnTo>
                    <a:pt x="0" y="0"/>
                  </a:lnTo>
                  <a:lnTo>
                    <a:pt x="0" y="243845"/>
                  </a:lnTo>
                  <a:lnTo>
                    <a:pt x="5280659" y="243845"/>
                  </a:lnTo>
                  <a:lnTo>
                    <a:pt x="5638800" y="121925"/>
                  </a:lnTo>
                  <a:lnTo>
                    <a:pt x="5280659" y="0"/>
                  </a:lnTo>
                  <a:close/>
                </a:path>
              </a:pathLst>
            </a:custGeom>
            <a:solidFill>
              <a:srgbClr val="C3D69A"/>
            </a:solidFill>
          </p:spPr>
          <p:txBody>
            <a:bodyPr wrap="square" lIns="0" tIns="0" rIns="0" bIns="0" rtlCol="0"/>
            <a:lstStyle/>
            <a:p>
              <a:endParaRPr sz="1749"/>
            </a:p>
          </p:txBody>
        </p:sp>
        <p:sp>
          <p:nvSpPr>
            <p:cNvPr id="38" name="object 38"/>
            <p:cNvSpPr/>
            <p:nvPr/>
          </p:nvSpPr>
          <p:spPr>
            <a:xfrm>
              <a:off x="1097280" y="6222491"/>
              <a:ext cx="5638800" cy="243840"/>
            </a:xfrm>
            <a:custGeom>
              <a:avLst/>
              <a:gdLst/>
              <a:ahLst/>
              <a:cxnLst/>
              <a:rect l="l" t="t" r="r" b="b"/>
              <a:pathLst>
                <a:path w="5638800" h="243839">
                  <a:moveTo>
                    <a:pt x="0" y="0"/>
                  </a:moveTo>
                  <a:lnTo>
                    <a:pt x="5280659" y="0"/>
                  </a:lnTo>
                  <a:lnTo>
                    <a:pt x="5638800" y="121925"/>
                  </a:lnTo>
                  <a:lnTo>
                    <a:pt x="5280659" y="243845"/>
                  </a:lnTo>
                  <a:lnTo>
                    <a:pt x="0" y="243845"/>
                  </a:lnTo>
                  <a:lnTo>
                    <a:pt x="0" y="0"/>
                  </a:lnTo>
                  <a:close/>
                </a:path>
              </a:pathLst>
            </a:custGeom>
            <a:ln w="12192">
              <a:solidFill>
                <a:srgbClr val="77933B"/>
              </a:solidFill>
            </a:ln>
          </p:spPr>
          <p:txBody>
            <a:bodyPr wrap="square" lIns="0" tIns="0" rIns="0" bIns="0" rtlCol="0"/>
            <a:lstStyle/>
            <a:p>
              <a:endParaRPr sz="1749"/>
            </a:p>
          </p:txBody>
        </p:sp>
        <p:sp>
          <p:nvSpPr>
            <p:cNvPr id="39" name="object 39"/>
            <p:cNvSpPr/>
            <p:nvPr/>
          </p:nvSpPr>
          <p:spPr>
            <a:xfrm>
              <a:off x="1097280" y="6516628"/>
              <a:ext cx="8728075" cy="295910"/>
            </a:xfrm>
            <a:custGeom>
              <a:avLst/>
              <a:gdLst/>
              <a:ahLst/>
              <a:cxnLst/>
              <a:rect l="l" t="t" r="r" b="b"/>
              <a:pathLst>
                <a:path w="8728075" h="295909">
                  <a:moveTo>
                    <a:pt x="8727948" y="0"/>
                  </a:moveTo>
                  <a:lnTo>
                    <a:pt x="8726981" y="78521"/>
                  </a:lnTo>
                  <a:lnTo>
                    <a:pt x="8724279" y="149126"/>
                  </a:lnTo>
                  <a:lnTo>
                    <a:pt x="8720137" y="208978"/>
                  </a:lnTo>
                  <a:lnTo>
                    <a:pt x="8714852" y="255241"/>
                  </a:lnTo>
                  <a:lnTo>
                    <a:pt x="8702040" y="295656"/>
                  </a:lnTo>
                  <a:lnTo>
                    <a:pt x="24383" y="295656"/>
                  </a:lnTo>
                  <a:lnTo>
                    <a:pt x="11966" y="255241"/>
                  </a:lnTo>
                  <a:lnTo>
                    <a:pt x="7048" y="208978"/>
                  </a:lnTo>
                  <a:lnTo>
                    <a:pt x="3273" y="149126"/>
                  </a:lnTo>
                  <a:lnTo>
                    <a:pt x="853" y="78521"/>
                  </a:lnTo>
                  <a:lnTo>
                    <a:pt x="0" y="0"/>
                  </a:lnTo>
                </a:path>
              </a:pathLst>
            </a:custGeom>
            <a:ln w="38100">
              <a:solidFill>
                <a:srgbClr val="00AF4F"/>
              </a:solidFill>
            </a:ln>
          </p:spPr>
          <p:txBody>
            <a:bodyPr wrap="square" lIns="0" tIns="0" rIns="0" bIns="0" rtlCol="0"/>
            <a:lstStyle/>
            <a:p>
              <a:endParaRPr sz="1749"/>
            </a:p>
          </p:txBody>
        </p:sp>
        <p:sp>
          <p:nvSpPr>
            <p:cNvPr id="40" name="object 40"/>
            <p:cNvSpPr/>
            <p:nvPr/>
          </p:nvSpPr>
          <p:spPr>
            <a:xfrm>
              <a:off x="1840992" y="6515104"/>
              <a:ext cx="6583680" cy="449580"/>
            </a:xfrm>
            <a:custGeom>
              <a:avLst/>
              <a:gdLst/>
              <a:ahLst/>
              <a:cxnLst/>
              <a:rect l="l" t="t" r="r" b="b"/>
              <a:pathLst>
                <a:path w="6583680" h="449579">
                  <a:moveTo>
                    <a:pt x="6583680" y="0"/>
                  </a:moveTo>
                  <a:lnTo>
                    <a:pt x="0" y="0"/>
                  </a:lnTo>
                  <a:lnTo>
                    <a:pt x="0" y="449579"/>
                  </a:lnTo>
                  <a:lnTo>
                    <a:pt x="6583680" y="449579"/>
                  </a:lnTo>
                  <a:lnTo>
                    <a:pt x="6583680" y="0"/>
                  </a:lnTo>
                  <a:close/>
                </a:path>
              </a:pathLst>
            </a:custGeom>
            <a:solidFill>
              <a:srgbClr val="C3D69A"/>
            </a:solidFill>
          </p:spPr>
          <p:txBody>
            <a:bodyPr wrap="square" lIns="0" tIns="0" rIns="0" bIns="0" rtlCol="0"/>
            <a:lstStyle/>
            <a:p>
              <a:endParaRPr sz="1749"/>
            </a:p>
          </p:txBody>
        </p:sp>
        <p:sp>
          <p:nvSpPr>
            <p:cNvPr id="41" name="object 41"/>
            <p:cNvSpPr/>
            <p:nvPr/>
          </p:nvSpPr>
          <p:spPr>
            <a:xfrm>
              <a:off x="8580120" y="6864100"/>
              <a:ext cx="935990" cy="320040"/>
            </a:xfrm>
            <a:custGeom>
              <a:avLst/>
              <a:gdLst/>
              <a:ahLst/>
              <a:cxnLst/>
              <a:rect l="l" t="t" r="r" b="b"/>
              <a:pathLst>
                <a:path w="935990" h="320040">
                  <a:moveTo>
                    <a:pt x="935735" y="0"/>
                  </a:moveTo>
                  <a:lnTo>
                    <a:pt x="0" y="0"/>
                  </a:lnTo>
                  <a:lnTo>
                    <a:pt x="0" y="320040"/>
                  </a:lnTo>
                  <a:lnTo>
                    <a:pt x="935735" y="320040"/>
                  </a:lnTo>
                  <a:lnTo>
                    <a:pt x="935735" y="0"/>
                  </a:lnTo>
                  <a:close/>
                </a:path>
              </a:pathLst>
            </a:custGeom>
            <a:solidFill>
              <a:srgbClr val="FFFFFF"/>
            </a:solidFill>
          </p:spPr>
          <p:txBody>
            <a:bodyPr wrap="square" lIns="0" tIns="0" rIns="0" bIns="0" rtlCol="0"/>
            <a:lstStyle/>
            <a:p>
              <a:endParaRPr sz="1749"/>
            </a:p>
          </p:txBody>
        </p:sp>
      </p:grpSp>
      <p:sp>
        <p:nvSpPr>
          <p:cNvPr id="42" name="object 42"/>
          <p:cNvSpPr txBox="1"/>
          <p:nvPr/>
        </p:nvSpPr>
        <p:spPr>
          <a:xfrm>
            <a:off x="7399039" y="6060673"/>
            <a:ext cx="674940" cy="274115"/>
          </a:xfrm>
          <a:prstGeom prst="rect">
            <a:avLst/>
          </a:prstGeom>
        </p:spPr>
        <p:txBody>
          <a:bodyPr vert="horz" wrap="square" lIns="0" tIns="10860" rIns="0" bIns="0" rtlCol="0">
            <a:spAutoFit/>
          </a:bodyPr>
          <a:lstStyle/>
          <a:p>
            <a:pPr marL="10860">
              <a:spcBef>
                <a:spcPts val="86"/>
              </a:spcBef>
            </a:pPr>
            <a:r>
              <a:rPr sz="1710" b="1" spc="-17" dirty="0">
                <a:latin typeface="Meiryo UI"/>
                <a:cs typeface="Meiryo UI"/>
              </a:rPr>
              <a:t>非定型</a:t>
            </a:r>
            <a:endParaRPr sz="1710">
              <a:latin typeface="Meiryo UI"/>
              <a:cs typeface="Meiryo UI"/>
            </a:endParaRPr>
          </a:p>
        </p:txBody>
      </p:sp>
      <p:sp>
        <p:nvSpPr>
          <p:cNvPr id="43" name="object 43"/>
          <p:cNvSpPr txBox="1"/>
          <p:nvPr/>
        </p:nvSpPr>
        <p:spPr>
          <a:xfrm>
            <a:off x="994328" y="5478158"/>
            <a:ext cx="6766452" cy="680308"/>
          </a:xfrm>
          <a:prstGeom prst="rect">
            <a:avLst/>
          </a:prstGeom>
        </p:spPr>
        <p:txBody>
          <a:bodyPr vert="horz" wrap="square" lIns="0" tIns="52127" rIns="0" bIns="0" rtlCol="0">
            <a:spAutoFit/>
          </a:bodyPr>
          <a:lstStyle/>
          <a:p>
            <a:pPr marL="32579">
              <a:spcBef>
                <a:spcPts val="410"/>
              </a:spcBef>
            </a:pPr>
            <a:r>
              <a:rPr sz="1112" b="1" spc="-30" dirty="0">
                <a:solidFill>
                  <a:srgbClr val="0070BF"/>
                </a:solidFill>
                <a:latin typeface="Meiryo UI"/>
                <a:cs typeface="Meiryo UI"/>
              </a:rPr>
              <a:t>適切な価格で必要な公共サービスの供給が担保される場合、民間委託が可能</a:t>
            </a:r>
            <a:endParaRPr sz="1112" dirty="0">
              <a:latin typeface="Meiryo UI"/>
              <a:cs typeface="Meiryo UI"/>
            </a:endParaRPr>
          </a:p>
          <a:p>
            <a:pPr marL="1809781" marR="47783" indent="-1175570">
              <a:lnSpc>
                <a:spcPts val="1368"/>
              </a:lnSpc>
              <a:spcBef>
                <a:spcPts val="671"/>
              </a:spcBef>
            </a:pPr>
            <a:r>
              <a:rPr sz="2052" b="1" spc="-32" baseline="-26041" dirty="0">
                <a:solidFill>
                  <a:srgbClr val="0070BF"/>
                </a:solidFill>
                <a:latin typeface="Meiryo UI"/>
                <a:cs typeface="Meiryo UI"/>
              </a:rPr>
              <a:t>公共サービス ＝</a:t>
            </a:r>
            <a:r>
              <a:rPr sz="2052" b="1" spc="-288" baseline="-26041" dirty="0">
                <a:solidFill>
                  <a:srgbClr val="0070BF"/>
                </a:solidFill>
                <a:latin typeface="Meiryo UI"/>
                <a:cs typeface="Meiryo UI"/>
              </a:rPr>
              <a:t> </a:t>
            </a:r>
            <a:r>
              <a:rPr sz="1368" b="1" spc="-21" dirty="0">
                <a:solidFill>
                  <a:srgbClr val="0070BF"/>
                </a:solidFill>
                <a:latin typeface="Meiryo UI"/>
                <a:cs typeface="Meiryo UI"/>
              </a:rPr>
              <a:t>非競合性</a:t>
            </a:r>
            <a:r>
              <a:rPr sz="1026" b="1" dirty="0">
                <a:solidFill>
                  <a:srgbClr val="0070BF"/>
                </a:solidFill>
                <a:latin typeface="Meiryo UI"/>
                <a:cs typeface="Meiryo UI"/>
              </a:rPr>
              <a:t>（</a:t>
            </a:r>
            <a:r>
              <a:rPr sz="1026" b="1" spc="-21" dirty="0">
                <a:solidFill>
                  <a:srgbClr val="0070BF"/>
                </a:solidFill>
                <a:latin typeface="Meiryo UI"/>
                <a:cs typeface="Meiryo UI"/>
              </a:rPr>
              <a:t>ある者にサービスを供給しても他者へのサービス供給に影響しない</a:t>
            </a:r>
            <a:r>
              <a:rPr sz="1026" b="1" spc="-43" dirty="0">
                <a:solidFill>
                  <a:srgbClr val="0070BF"/>
                </a:solidFill>
                <a:latin typeface="Meiryo UI"/>
                <a:cs typeface="Meiryo UI"/>
              </a:rPr>
              <a:t>）</a:t>
            </a:r>
            <a:r>
              <a:rPr sz="1368" b="1" spc="-21" dirty="0">
                <a:solidFill>
                  <a:srgbClr val="0070BF"/>
                </a:solidFill>
                <a:latin typeface="Meiryo UI"/>
                <a:cs typeface="Meiryo UI"/>
              </a:rPr>
              <a:t>非排除性</a:t>
            </a:r>
            <a:r>
              <a:rPr sz="1026" b="1" dirty="0">
                <a:solidFill>
                  <a:srgbClr val="0070BF"/>
                </a:solidFill>
                <a:latin typeface="Meiryo UI"/>
                <a:cs typeface="Meiryo UI"/>
              </a:rPr>
              <a:t>（</a:t>
            </a:r>
            <a:r>
              <a:rPr sz="1026" b="1" spc="-21" dirty="0">
                <a:solidFill>
                  <a:srgbClr val="0070BF"/>
                </a:solidFill>
                <a:latin typeface="Meiryo UI"/>
                <a:cs typeface="Meiryo UI"/>
              </a:rPr>
              <a:t>対価を支払わない者をサービスの供給から排除できない</a:t>
            </a:r>
            <a:r>
              <a:rPr sz="1026" b="1" spc="-43" dirty="0">
                <a:solidFill>
                  <a:srgbClr val="0070BF"/>
                </a:solidFill>
                <a:latin typeface="Meiryo UI"/>
                <a:cs typeface="Meiryo UI"/>
              </a:rPr>
              <a:t>）</a:t>
            </a:r>
            <a:endParaRPr sz="1026" dirty="0">
              <a:latin typeface="Meiryo UI"/>
              <a:cs typeface="Meiryo UI"/>
            </a:endParaRPr>
          </a:p>
        </p:txBody>
      </p:sp>
      <p:sp>
        <p:nvSpPr>
          <p:cNvPr id="44" name="object 44"/>
          <p:cNvSpPr txBox="1"/>
          <p:nvPr/>
        </p:nvSpPr>
        <p:spPr>
          <a:xfrm>
            <a:off x="8672248" y="6144076"/>
            <a:ext cx="129775" cy="220925"/>
          </a:xfrm>
          <a:prstGeom prst="rect">
            <a:avLst/>
          </a:prstGeom>
        </p:spPr>
        <p:txBody>
          <a:bodyPr vert="horz" wrap="square" lIns="0" tIns="10317" rIns="0" bIns="0" rtlCol="0">
            <a:spAutoFit/>
          </a:bodyPr>
          <a:lstStyle/>
          <a:p>
            <a:pPr marL="10860">
              <a:spcBef>
                <a:spcPts val="81"/>
              </a:spcBef>
            </a:pPr>
            <a:r>
              <a:rPr sz="1368" spc="-43" dirty="0">
                <a:latin typeface="Meiryo UI"/>
                <a:cs typeface="Meiryo UI"/>
              </a:rPr>
              <a:t>9</a:t>
            </a:r>
            <a:endParaRPr sz="1368">
              <a:latin typeface="Meiryo UI"/>
              <a:cs typeface="Meiryo UI"/>
            </a:endParaRPr>
          </a:p>
        </p:txBody>
      </p:sp>
      <p:sp>
        <p:nvSpPr>
          <p:cNvPr id="45" name="object 45"/>
          <p:cNvSpPr/>
          <p:nvPr/>
        </p:nvSpPr>
        <p:spPr>
          <a:xfrm>
            <a:off x="4447762" y="4201462"/>
            <a:ext cx="976301" cy="453942"/>
          </a:xfrm>
          <a:custGeom>
            <a:avLst/>
            <a:gdLst/>
            <a:ahLst/>
            <a:cxnLst/>
            <a:rect l="l" t="t" r="r" b="b"/>
            <a:pathLst>
              <a:path w="1141729" h="530860">
                <a:moveTo>
                  <a:pt x="88391" y="530351"/>
                </a:moveTo>
                <a:lnTo>
                  <a:pt x="54006" y="523398"/>
                </a:lnTo>
                <a:lnTo>
                  <a:pt x="25908" y="504443"/>
                </a:lnTo>
                <a:lnTo>
                  <a:pt x="6953" y="476345"/>
                </a:lnTo>
                <a:lnTo>
                  <a:pt x="0" y="441959"/>
                </a:lnTo>
                <a:lnTo>
                  <a:pt x="0" y="88391"/>
                </a:lnTo>
                <a:lnTo>
                  <a:pt x="6953" y="54006"/>
                </a:lnTo>
                <a:lnTo>
                  <a:pt x="25908" y="25907"/>
                </a:lnTo>
                <a:lnTo>
                  <a:pt x="54006" y="6953"/>
                </a:lnTo>
                <a:lnTo>
                  <a:pt x="88391" y="0"/>
                </a:lnTo>
              </a:path>
              <a:path w="1141729" h="530860">
                <a:moveTo>
                  <a:pt x="1053084" y="0"/>
                </a:moveTo>
                <a:lnTo>
                  <a:pt x="1087469" y="6953"/>
                </a:lnTo>
                <a:lnTo>
                  <a:pt x="1115567" y="25907"/>
                </a:lnTo>
                <a:lnTo>
                  <a:pt x="1134522" y="54006"/>
                </a:lnTo>
                <a:lnTo>
                  <a:pt x="1141476" y="88391"/>
                </a:lnTo>
                <a:lnTo>
                  <a:pt x="1141476" y="441959"/>
                </a:lnTo>
                <a:lnTo>
                  <a:pt x="1134522" y="476345"/>
                </a:lnTo>
                <a:lnTo>
                  <a:pt x="1115567" y="504443"/>
                </a:lnTo>
                <a:lnTo>
                  <a:pt x="1087469" y="523398"/>
                </a:lnTo>
                <a:lnTo>
                  <a:pt x="1053084" y="530351"/>
                </a:lnTo>
              </a:path>
            </a:pathLst>
          </a:custGeom>
          <a:ln w="9144">
            <a:solidFill>
              <a:srgbClr val="595959"/>
            </a:solidFill>
          </a:ln>
        </p:spPr>
        <p:txBody>
          <a:bodyPr wrap="square" lIns="0" tIns="0" rIns="0" bIns="0" rtlCol="0"/>
          <a:lstStyle/>
          <a:p>
            <a:endParaRPr sz="1749"/>
          </a:p>
        </p:txBody>
      </p:sp>
      <p:sp>
        <p:nvSpPr>
          <p:cNvPr id="46" name="object 46"/>
          <p:cNvSpPr txBox="1"/>
          <p:nvPr/>
        </p:nvSpPr>
        <p:spPr>
          <a:xfrm>
            <a:off x="4486424" y="4212756"/>
            <a:ext cx="902997" cy="445316"/>
          </a:xfrm>
          <a:prstGeom prst="rect">
            <a:avLst/>
          </a:prstGeom>
        </p:spPr>
        <p:txBody>
          <a:bodyPr vert="horz" wrap="square" lIns="0" tIns="10860" rIns="0" bIns="0" rtlCol="0">
            <a:spAutoFit/>
          </a:bodyPr>
          <a:lstStyle/>
          <a:p>
            <a:pPr marL="10860" marR="4344" algn="ctr">
              <a:spcBef>
                <a:spcPts val="86"/>
              </a:spcBef>
            </a:pPr>
            <a:r>
              <a:rPr sz="941" b="1" spc="-9" dirty="0">
                <a:solidFill>
                  <a:srgbClr val="595959"/>
                </a:solidFill>
                <a:latin typeface="Meiryo UI"/>
                <a:cs typeface="Meiryo UI"/>
              </a:rPr>
              <a:t>包括的民間委託,</a:t>
            </a:r>
            <a:r>
              <a:rPr sz="941" b="1" spc="-43" dirty="0">
                <a:solidFill>
                  <a:srgbClr val="595959"/>
                </a:solidFill>
                <a:latin typeface="Meiryo UI"/>
                <a:cs typeface="Meiryo UI"/>
              </a:rPr>
              <a:t> </a:t>
            </a:r>
            <a:r>
              <a:rPr sz="941" b="1" spc="-9" dirty="0">
                <a:solidFill>
                  <a:srgbClr val="595959"/>
                </a:solidFill>
                <a:latin typeface="Meiryo UI"/>
                <a:cs typeface="Meiryo UI"/>
              </a:rPr>
              <a:t>PM,CM,</a:t>
            </a:r>
            <a:endParaRPr sz="941">
              <a:latin typeface="Meiryo UI"/>
              <a:cs typeface="Meiryo UI"/>
            </a:endParaRPr>
          </a:p>
          <a:p>
            <a:pPr algn="ctr">
              <a:lnSpc>
                <a:spcPct val="100000"/>
              </a:lnSpc>
            </a:pPr>
            <a:r>
              <a:rPr sz="941" b="1" dirty="0">
                <a:solidFill>
                  <a:srgbClr val="595959"/>
                </a:solidFill>
                <a:latin typeface="Meiryo UI"/>
                <a:cs typeface="Meiryo UI"/>
              </a:rPr>
              <a:t>事業促進</a:t>
            </a:r>
            <a:r>
              <a:rPr sz="941" b="1" spc="-21" dirty="0">
                <a:solidFill>
                  <a:srgbClr val="595959"/>
                </a:solidFill>
                <a:latin typeface="Meiryo UI"/>
                <a:cs typeface="Meiryo UI"/>
              </a:rPr>
              <a:t>PPP</a:t>
            </a:r>
            <a:endParaRPr sz="941">
              <a:latin typeface="Meiryo UI"/>
              <a:cs typeface="Meiryo UI"/>
            </a:endParaRPr>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365590" y="495210"/>
            <a:ext cx="1440017" cy="288003"/>
          </a:xfrm>
          <a:prstGeom prst="rect">
            <a:avLst/>
          </a:prstGeom>
        </p:spPr>
      </p:pic>
      <p:sp>
        <p:nvSpPr>
          <p:cNvPr id="3" name="object 3"/>
          <p:cNvSpPr txBox="1">
            <a:spLocks noGrp="1"/>
          </p:cNvSpPr>
          <p:nvPr>
            <p:ph type="title"/>
          </p:nvPr>
        </p:nvSpPr>
        <p:spPr>
          <a:xfrm flipH="1">
            <a:off x="0" y="477722"/>
            <a:ext cx="7595419" cy="300462"/>
          </a:xfrm>
          <a:prstGeom prst="rect">
            <a:avLst/>
          </a:prstGeom>
        </p:spPr>
        <p:txBody>
          <a:bodyPr vert="horz" wrap="square" lIns="0" tIns="62987" rIns="0" bIns="0" rtlCol="0">
            <a:spAutoFit/>
          </a:bodyPr>
          <a:lstStyle/>
          <a:p>
            <a:pPr marL="10860">
              <a:lnSpc>
                <a:spcPct val="100000"/>
              </a:lnSpc>
              <a:spcBef>
                <a:spcPts val="86"/>
              </a:spcBef>
            </a:pPr>
            <a:r>
              <a:rPr sz="1539" dirty="0"/>
              <a:t>【</a:t>
            </a:r>
            <a:r>
              <a:rPr sz="1539" spc="-4" dirty="0">
                <a:solidFill>
                  <a:srgbClr val="006600"/>
                </a:solidFill>
              </a:rPr>
              <a:t>自治体・事業者間の役割分担</a:t>
            </a:r>
            <a:r>
              <a:rPr sz="1539" spc="-17" dirty="0"/>
              <a:t>】行政が担っていた業務の民間委託</a:t>
            </a:r>
            <a:r>
              <a:rPr sz="1197" spc="-9" dirty="0"/>
              <a:t>(府中市の取組事例)</a:t>
            </a:r>
            <a:endParaRPr sz="1197" dirty="0"/>
          </a:p>
        </p:txBody>
      </p:sp>
      <p:sp>
        <p:nvSpPr>
          <p:cNvPr id="4" name="object 4"/>
          <p:cNvSpPr txBox="1"/>
          <p:nvPr/>
        </p:nvSpPr>
        <p:spPr>
          <a:xfrm>
            <a:off x="8517169" y="6112800"/>
            <a:ext cx="237831" cy="220925"/>
          </a:xfrm>
          <a:prstGeom prst="rect">
            <a:avLst/>
          </a:prstGeom>
        </p:spPr>
        <p:txBody>
          <a:bodyPr vert="horz" wrap="square" lIns="0" tIns="10317" rIns="0" bIns="0" rtlCol="0">
            <a:spAutoFit/>
          </a:bodyPr>
          <a:lstStyle/>
          <a:p>
            <a:pPr marL="10860">
              <a:spcBef>
                <a:spcPts val="81"/>
              </a:spcBef>
            </a:pPr>
            <a:r>
              <a:rPr sz="1368" spc="-21" dirty="0">
                <a:latin typeface="Meiryo UI"/>
                <a:cs typeface="Meiryo UI"/>
              </a:rPr>
              <a:t>10</a:t>
            </a:r>
            <a:endParaRPr sz="1368">
              <a:latin typeface="Meiryo UI"/>
              <a:cs typeface="Meiryo UI"/>
            </a:endParaRPr>
          </a:p>
        </p:txBody>
      </p:sp>
      <p:sp>
        <p:nvSpPr>
          <p:cNvPr id="5" name="object 5"/>
          <p:cNvSpPr txBox="1"/>
          <p:nvPr/>
        </p:nvSpPr>
        <p:spPr>
          <a:xfrm>
            <a:off x="445688" y="990420"/>
            <a:ext cx="8189419" cy="497774"/>
          </a:xfrm>
          <a:prstGeom prst="rect">
            <a:avLst/>
          </a:prstGeom>
          <a:ln w="9144">
            <a:solidFill>
              <a:srgbClr val="000000"/>
            </a:solidFill>
          </a:ln>
        </p:spPr>
        <p:txBody>
          <a:bodyPr vert="horz" wrap="square" lIns="0" tIns="76019" rIns="0" bIns="0" rtlCol="0">
            <a:spAutoFit/>
          </a:bodyPr>
          <a:lstStyle/>
          <a:p>
            <a:pPr marL="197648" marR="104797" indent="-149865">
              <a:spcBef>
                <a:spcPts val="599"/>
              </a:spcBef>
              <a:buClr>
                <a:srgbClr val="000000"/>
              </a:buClr>
              <a:buFont typeface="Meiryo UI"/>
              <a:buChar char="○"/>
              <a:tabLst>
                <a:tab pos="197648" algn="l"/>
                <a:tab pos="337196" algn="l"/>
              </a:tabLst>
            </a:pPr>
            <a:r>
              <a:rPr sz="1368" b="1" spc="-21" dirty="0">
                <a:solidFill>
                  <a:srgbClr val="FF0000"/>
                </a:solidFill>
                <a:latin typeface="Meiryo UI"/>
                <a:cs typeface="Meiryo UI"/>
              </a:rPr>
              <a:t>	東京都府中市</a:t>
            </a:r>
            <a:r>
              <a:rPr sz="1368" spc="-26" dirty="0">
                <a:latin typeface="Meiryo UI"/>
                <a:cs typeface="Meiryo UI"/>
              </a:rPr>
              <a:t>では、道路等の維持管理業務について、</a:t>
            </a:r>
            <a:r>
              <a:rPr sz="1368" b="1" spc="-21" dirty="0">
                <a:solidFill>
                  <a:srgbClr val="FF0000"/>
                </a:solidFill>
                <a:latin typeface="Meiryo UI"/>
                <a:cs typeface="Meiryo UI"/>
              </a:rPr>
              <a:t>一部行政が担っていた業務の民間化（要望相談対応</a:t>
            </a:r>
            <a:r>
              <a:rPr sz="1368" b="1" spc="-43" dirty="0">
                <a:solidFill>
                  <a:srgbClr val="FF0000"/>
                </a:solidFill>
                <a:latin typeface="Meiryo UI"/>
                <a:cs typeface="Meiryo UI"/>
              </a:rPr>
              <a:t>･</a:t>
            </a:r>
            <a:r>
              <a:rPr sz="1368" b="1" spc="-21" dirty="0">
                <a:solidFill>
                  <a:srgbClr val="FF0000"/>
                </a:solidFill>
                <a:latin typeface="Meiryo UI"/>
                <a:cs typeface="Meiryo UI"/>
              </a:rPr>
              <a:t>現地対応）</a:t>
            </a:r>
            <a:r>
              <a:rPr sz="1368" spc="-26" dirty="0">
                <a:latin typeface="Meiryo UI"/>
                <a:cs typeface="Meiryo UI"/>
              </a:rPr>
              <a:t>を行いながら、業務の全体管理も含めて包括的民間委託を実施</a:t>
            </a:r>
            <a:r>
              <a:rPr sz="1368" spc="-9" dirty="0">
                <a:latin typeface="Meiryo UI"/>
                <a:cs typeface="Meiryo UI"/>
              </a:rPr>
              <a:t>（</a:t>
            </a:r>
            <a:r>
              <a:rPr sz="1368" spc="-21" dirty="0">
                <a:latin typeface="Meiryo UI"/>
                <a:cs typeface="Meiryo UI"/>
              </a:rPr>
              <a:t>契約期間：５年</a:t>
            </a:r>
            <a:r>
              <a:rPr sz="1368" spc="-43" dirty="0">
                <a:latin typeface="Meiryo UI"/>
                <a:cs typeface="Meiryo UI"/>
              </a:rPr>
              <a:t>）</a:t>
            </a:r>
            <a:endParaRPr sz="1368" dirty="0">
              <a:latin typeface="Meiryo UI"/>
              <a:cs typeface="Meiryo UI"/>
            </a:endParaRPr>
          </a:p>
        </p:txBody>
      </p:sp>
      <p:pic>
        <p:nvPicPr>
          <p:cNvPr id="6" name="object 6"/>
          <p:cNvPicPr/>
          <p:nvPr/>
        </p:nvPicPr>
        <p:blipFill>
          <a:blip r:embed="rId3" cstate="print"/>
          <a:stretch>
            <a:fillRect/>
          </a:stretch>
        </p:blipFill>
        <p:spPr>
          <a:xfrm>
            <a:off x="4624996" y="1768419"/>
            <a:ext cx="4180610" cy="4200163"/>
          </a:xfrm>
          <a:prstGeom prst="rect">
            <a:avLst/>
          </a:prstGeom>
        </p:spPr>
      </p:pic>
      <p:graphicFrame>
        <p:nvGraphicFramePr>
          <p:cNvPr id="7" name="object 7"/>
          <p:cNvGraphicFramePr>
            <a:graphicFrameLocks noGrp="1"/>
          </p:cNvGraphicFramePr>
          <p:nvPr/>
        </p:nvGraphicFramePr>
        <p:xfrm>
          <a:off x="440476" y="1669378"/>
          <a:ext cx="4185932" cy="3281842"/>
        </p:xfrm>
        <a:graphic>
          <a:graphicData uri="http://schemas.openxmlformats.org/drawingml/2006/table">
            <a:tbl>
              <a:tblPr firstRow="1" bandRow="1">
                <a:tableStyleId>{2D5ABB26-0587-4C30-8999-92F81FD0307C}</a:tableStyleId>
              </a:tblPr>
              <a:tblGrid>
                <a:gridCol w="553853">
                  <a:extLst>
                    <a:ext uri="{9D8B030D-6E8A-4147-A177-3AD203B41FA5}">
                      <a16:colId xmlns:a16="http://schemas.microsoft.com/office/drawing/2014/main" val="20000"/>
                    </a:ext>
                  </a:extLst>
                </a:gridCol>
                <a:gridCol w="3632079">
                  <a:extLst>
                    <a:ext uri="{9D8B030D-6E8A-4147-A177-3AD203B41FA5}">
                      <a16:colId xmlns:a16="http://schemas.microsoft.com/office/drawing/2014/main" val="20001"/>
                    </a:ext>
                  </a:extLst>
                </a:gridCol>
              </a:tblGrid>
              <a:tr h="208509">
                <a:tc>
                  <a:txBody>
                    <a:bodyPr/>
                    <a:lstStyle/>
                    <a:p>
                      <a:pPr marL="2540" algn="ctr">
                        <a:lnSpc>
                          <a:spcPct val="100000"/>
                        </a:lnSpc>
                        <a:spcBef>
                          <a:spcPts val="345"/>
                        </a:spcBef>
                      </a:pPr>
                      <a:r>
                        <a:rPr sz="900" spc="-25" dirty="0">
                          <a:latin typeface="Meiryo UI"/>
                          <a:cs typeface="Meiryo UI"/>
                        </a:rPr>
                        <a:t>業務名</a:t>
                      </a:r>
                      <a:endParaRPr sz="900">
                        <a:latin typeface="Meiryo UI"/>
                        <a:cs typeface="Meiryo UI"/>
                      </a:endParaRPr>
                    </a:p>
                  </a:txBody>
                  <a:tcPr marL="0" marR="0" marT="3746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marL="45085">
                        <a:lnSpc>
                          <a:spcPct val="100000"/>
                        </a:lnSpc>
                        <a:spcBef>
                          <a:spcPts val="345"/>
                        </a:spcBef>
                      </a:pPr>
                      <a:r>
                        <a:rPr sz="900" spc="-10" dirty="0">
                          <a:latin typeface="Meiryo UI"/>
                          <a:cs typeface="Meiryo UI"/>
                        </a:rPr>
                        <a:t>府中市道路等包括管理事業（全域2</a:t>
                      </a:r>
                      <a:r>
                        <a:rPr sz="900" dirty="0">
                          <a:latin typeface="Meiryo UI"/>
                          <a:cs typeface="Meiryo UI"/>
                        </a:rPr>
                        <a:t>期</a:t>
                      </a:r>
                      <a:r>
                        <a:rPr sz="900" spc="-10" dirty="0">
                          <a:latin typeface="Meiryo UI"/>
                          <a:cs typeface="Meiryo UI"/>
                        </a:rPr>
                        <a:t>）※</a:t>
                      </a:r>
                      <a:r>
                        <a:rPr sz="900" spc="-20" dirty="0">
                          <a:latin typeface="Meiryo UI"/>
                          <a:cs typeface="Meiryo UI"/>
                        </a:rPr>
                        <a:t>東地区</a:t>
                      </a:r>
                      <a:endParaRPr sz="900">
                        <a:latin typeface="Meiryo UI"/>
                        <a:cs typeface="Meiryo UI"/>
                      </a:endParaRPr>
                    </a:p>
                  </a:txBody>
                  <a:tcPr marL="0" marR="0" marT="3746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6F2"/>
                    </a:solidFill>
                  </a:tcPr>
                </a:tc>
                <a:extLst>
                  <a:ext uri="{0D108BD9-81ED-4DB2-BD59-A6C34878D82A}">
                    <a16:rowId xmlns:a16="http://schemas.microsoft.com/office/drawing/2014/main" val="10000"/>
                  </a:ext>
                </a:extLst>
              </a:tr>
              <a:tr h="207965">
                <a:tc>
                  <a:txBody>
                    <a:bodyPr/>
                    <a:lstStyle/>
                    <a:p>
                      <a:pPr marL="2540" algn="ctr">
                        <a:lnSpc>
                          <a:spcPct val="100000"/>
                        </a:lnSpc>
                        <a:spcBef>
                          <a:spcPts val="340"/>
                        </a:spcBef>
                      </a:pPr>
                      <a:r>
                        <a:rPr sz="900" spc="-25" dirty="0">
                          <a:latin typeface="Meiryo UI"/>
                          <a:cs typeface="Meiryo UI"/>
                        </a:rPr>
                        <a:t>発注者</a:t>
                      </a:r>
                      <a:endParaRPr sz="900">
                        <a:latin typeface="Meiryo UI"/>
                        <a:cs typeface="Meiryo UI"/>
                      </a:endParaRPr>
                    </a:p>
                  </a:txBody>
                  <a:tcPr marL="0" marR="0" marT="3692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marL="45085">
                        <a:lnSpc>
                          <a:spcPct val="100000"/>
                        </a:lnSpc>
                        <a:spcBef>
                          <a:spcPts val="340"/>
                        </a:spcBef>
                      </a:pPr>
                      <a:r>
                        <a:rPr sz="900" spc="-10" dirty="0">
                          <a:latin typeface="Meiryo UI"/>
                          <a:cs typeface="Meiryo UI"/>
                        </a:rPr>
                        <a:t>府中市（担当部署：都市整備部道路課</a:t>
                      </a:r>
                      <a:r>
                        <a:rPr sz="900" spc="-50" dirty="0">
                          <a:latin typeface="Meiryo UI"/>
                          <a:cs typeface="Meiryo UI"/>
                        </a:rPr>
                        <a:t>）</a:t>
                      </a:r>
                      <a:endParaRPr sz="900">
                        <a:latin typeface="Meiryo UI"/>
                        <a:cs typeface="Meiryo UI"/>
                      </a:endParaRPr>
                    </a:p>
                  </a:txBody>
                  <a:tcPr marL="0" marR="0" marT="3692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6F2"/>
                    </a:solidFill>
                  </a:tcPr>
                </a:tc>
                <a:extLst>
                  <a:ext uri="{0D108BD9-81ED-4DB2-BD59-A6C34878D82A}">
                    <a16:rowId xmlns:a16="http://schemas.microsoft.com/office/drawing/2014/main" val="10001"/>
                  </a:ext>
                </a:extLst>
              </a:tr>
              <a:tr h="298103">
                <a:tc>
                  <a:txBody>
                    <a:bodyPr/>
                    <a:lstStyle/>
                    <a:p>
                      <a:pPr marL="2540" algn="ctr">
                        <a:lnSpc>
                          <a:spcPct val="100000"/>
                        </a:lnSpc>
                        <a:spcBef>
                          <a:spcPts val="345"/>
                        </a:spcBef>
                      </a:pPr>
                      <a:r>
                        <a:rPr sz="900" spc="-25" dirty="0">
                          <a:latin typeface="Meiryo UI"/>
                          <a:cs typeface="Meiryo UI"/>
                        </a:rPr>
                        <a:t>受託者</a:t>
                      </a:r>
                      <a:endParaRPr sz="900">
                        <a:latin typeface="Meiryo UI"/>
                        <a:cs typeface="Meiryo UI"/>
                      </a:endParaRPr>
                    </a:p>
                  </a:txBody>
                  <a:tcPr marL="0" marR="0" marT="3746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marL="45085">
                        <a:lnSpc>
                          <a:spcPct val="100000"/>
                        </a:lnSpc>
                        <a:spcBef>
                          <a:spcPts val="345"/>
                        </a:spcBef>
                      </a:pPr>
                      <a:r>
                        <a:rPr sz="900" spc="-15" dirty="0">
                          <a:latin typeface="Meiryo UI"/>
                          <a:cs typeface="Meiryo UI"/>
                        </a:rPr>
                        <a:t>前田道路・スバル興業・武蔵造園・第一造園・前田建設・日本工営 共同企業体</a:t>
                      </a:r>
                      <a:endParaRPr sz="900">
                        <a:latin typeface="Meiryo UI"/>
                        <a:cs typeface="Meiryo UI"/>
                      </a:endParaRPr>
                    </a:p>
                  </a:txBody>
                  <a:tcPr marL="0" marR="0" marT="3746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6F2"/>
                    </a:solidFill>
                  </a:tcPr>
                </a:tc>
                <a:extLst>
                  <a:ext uri="{0D108BD9-81ED-4DB2-BD59-A6C34878D82A}">
                    <a16:rowId xmlns:a16="http://schemas.microsoft.com/office/drawing/2014/main" val="10002"/>
                  </a:ext>
                </a:extLst>
              </a:tr>
              <a:tr h="207965">
                <a:tc>
                  <a:txBody>
                    <a:bodyPr/>
                    <a:lstStyle/>
                    <a:p>
                      <a:pPr marL="1270" algn="ctr">
                        <a:lnSpc>
                          <a:spcPct val="100000"/>
                        </a:lnSpc>
                        <a:spcBef>
                          <a:spcPts val="340"/>
                        </a:spcBef>
                      </a:pPr>
                      <a:r>
                        <a:rPr sz="900" spc="-30" dirty="0">
                          <a:latin typeface="Meiryo UI"/>
                          <a:cs typeface="Meiryo UI"/>
                        </a:rPr>
                        <a:t>期間</a:t>
                      </a:r>
                      <a:endParaRPr sz="900">
                        <a:latin typeface="Meiryo UI"/>
                        <a:cs typeface="Meiryo UI"/>
                      </a:endParaRPr>
                    </a:p>
                  </a:txBody>
                  <a:tcPr marL="0" marR="0" marT="3692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marL="45085">
                        <a:lnSpc>
                          <a:spcPct val="100000"/>
                        </a:lnSpc>
                        <a:spcBef>
                          <a:spcPts val="340"/>
                        </a:spcBef>
                      </a:pPr>
                      <a:r>
                        <a:rPr sz="900" spc="-10" dirty="0">
                          <a:latin typeface="Meiryo UI"/>
                          <a:cs typeface="Meiryo UI"/>
                        </a:rPr>
                        <a:t>2024年4月1日～2029年3</a:t>
                      </a:r>
                      <a:r>
                        <a:rPr sz="900" dirty="0">
                          <a:latin typeface="Meiryo UI"/>
                          <a:cs typeface="Meiryo UI"/>
                        </a:rPr>
                        <a:t>月末 までの</a:t>
                      </a:r>
                      <a:r>
                        <a:rPr sz="900" spc="-10" dirty="0">
                          <a:latin typeface="Meiryo UI"/>
                          <a:cs typeface="Meiryo UI"/>
                        </a:rPr>
                        <a:t>5</a:t>
                      </a:r>
                      <a:r>
                        <a:rPr sz="900" spc="-30" dirty="0">
                          <a:latin typeface="Meiryo UI"/>
                          <a:cs typeface="Meiryo UI"/>
                        </a:rPr>
                        <a:t>年間</a:t>
                      </a:r>
                      <a:endParaRPr sz="900">
                        <a:latin typeface="Meiryo UI"/>
                        <a:cs typeface="Meiryo UI"/>
                      </a:endParaRPr>
                    </a:p>
                  </a:txBody>
                  <a:tcPr marL="0" marR="0" marT="3692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6F2"/>
                    </a:solidFill>
                  </a:tcPr>
                </a:tc>
                <a:extLst>
                  <a:ext uri="{0D108BD9-81ED-4DB2-BD59-A6C34878D82A}">
                    <a16:rowId xmlns:a16="http://schemas.microsoft.com/office/drawing/2014/main" val="10003"/>
                  </a:ext>
                </a:extLst>
              </a:tr>
              <a:tr h="338285">
                <a:tc>
                  <a:txBody>
                    <a:bodyPr/>
                    <a:lstStyle/>
                    <a:p>
                      <a:pPr marL="1270" algn="ctr">
                        <a:lnSpc>
                          <a:spcPct val="100000"/>
                        </a:lnSpc>
                        <a:spcBef>
                          <a:spcPts val="945"/>
                        </a:spcBef>
                      </a:pPr>
                      <a:r>
                        <a:rPr sz="900" spc="-20" dirty="0">
                          <a:latin typeface="Meiryo UI"/>
                          <a:cs typeface="Meiryo UI"/>
                        </a:rPr>
                        <a:t>業務概要</a:t>
                      </a:r>
                      <a:endParaRPr sz="900">
                        <a:latin typeface="Meiryo UI"/>
                        <a:cs typeface="Meiryo UI"/>
                      </a:endParaRPr>
                    </a:p>
                  </a:txBody>
                  <a:tcPr marL="0" marR="0" marT="102626"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marL="45085">
                        <a:lnSpc>
                          <a:spcPct val="100000"/>
                        </a:lnSpc>
                        <a:spcBef>
                          <a:spcPts val="345"/>
                        </a:spcBef>
                      </a:pPr>
                      <a:r>
                        <a:rPr sz="900" spc="-10" dirty="0">
                          <a:latin typeface="Meiryo UI"/>
                          <a:cs typeface="Meiryo UI"/>
                        </a:rPr>
                        <a:t>道路等（1,029路線・延184km）</a:t>
                      </a:r>
                      <a:r>
                        <a:rPr sz="900" spc="-20" dirty="0">
                          <a:latin typeface="Meiryo UI"/>
                          <a:cs typeface="Meiryo UI"/>
                        </a:rPr>
                        <a:t>の維持管理業務</a:t>
                      </a:r>
                      <a:endParaRPr sz="900">
                        <a:latin typeface="Meiryo UI"/>
                        <a:cs typeface="Meiryo UI"/>
                      </a:endParaRPr>
                    </a:p>
                    <a:p>
                      <a:pPr marL="45085">
                        <a:lnSpc>
                          <a:spcPct val="100000"/>
                        </a:lnSpc>
                      </a:pPr>
                      <a:r>
                        <a:rPr sz="900" spc="-10" dirty="0">
                          <a:latin typeface="Meiryo UI"/>
                          <a:cs typeface="Meiryo UI"/>
                        </a:rPr>
                        <a:t>（</a:t>
                      </a:r>
                      <a:r>
                        <a:rPr sz="900" spc="-15" dirty="0">
                          <a:latin typeface="Meiryo UI"/>
                          <a:cs typeface="Meiryo UI"/>
                        </a:rPr>
                        <a:t>点検、維持修繕・要望相談対応等</a:t>
                      </a:r>
                      <a:r>
                        <a:rPr sz="900" spc="-10" dirty="0">
                          <a:latin typeface="Meiryo UI"/>
                          <a:cs typeface="Meiryo UI"/>
                        </a:rPr>
                        <a:t>）</a:t>
                      </a:r>
                      <a:r>
                        <a:rPr sz="900" spc="-20" dirty="0">
                          <a:latin typeface="Meiryo UI"/>
                          <a:cs typeface="Meiryo UI"/>
                        </a:rPr>
                        <a:t>の包括管理</a:t>
                      </a:r>
                      <a:endParaRPr sz="900">
                        <a:latin typeface="Meiryo UI"/>
                        <a:cs typeface="Meiryo UI"/>
                      </a:endParaRPr>
                    </a:p>
                  </a:txBody>
                  <a:tcPr marL="0" marR="0" marT="3746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6F2"/>
                    </a:solidFill>
                  </a:tcPr>
                </a:tc>
                <a:extLst>
                  <a:ext uri="{0D108BD9-81ED-4DB2-BD59-A6C34878D82A}">
                    <a16:rowId xmlns:a16="http://schemas.microsoft.com/office/drawing/2014/main" val="10004"/>
                  </a:ext>
                </a:extLst>
              </a:tr>
              <a:tr h="558740">
                <a:tc>
                  <a:txBody>
                    <a:bodyPr/>
                    <a:lstStyle/>
                    <a:p>
                      <a:pPr>
                        <a:lnSpc>
                          <a:spcPct val="100000"/>
                        </a:lnSpc>
                        <a:spcBef>
                          <a:spcPts val="390"/>
                        </a:spcBef>
                      </a:pPr>
                      <a:endParaRPr sz="900">
                        <a:latin typeface="Times New Roman"/>
                        <a:cs typeface="Times New Roman"/>
                      </a:endParaRPr>
                    </a:p>
                    <a:p>
                      <a:pPr marL="1270" algn="ctr">
                        <a:lnSpc>
                          <a:spcPct val="100000"/>
                        </a:lnSpc>
                        <a:spcBef>
                          <a:spcPts val="5"/>
                        </a:spcBef>
                      </a:pPr>
                      <a:r>
                        <a:rPr sz="900" spc="-30" dirty="0">
                          <a:latin typeface="Meiryo UI"/>
                          <a:cs typeface="Meiryo UI"/>
                        </a:rPr>
                        <a:t>対象</a:t>
                      </a:r>
                      <a:endParaRPr sz="900">
                        <a:latin typeface="Meiryo UI"/>
                        <a:cs typeface="Meiryo UI"/>
                      </a:endParaRPr>
                    </a:p>
                  </a:txBody>
                  <a:tcPr marL="0" marR="0" marT="42353"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marL="45085">
                        <a:lnSpc>
                          <a:spcPct val="100000"/>
                        </a:lnSpc>
                        <a:spcBef>
                          <a:spcPts val="345"/>
                        </a:spcBef>
                      </a:pPr>
                      <a:r>
                        <a:rPr sz="900" spc="-25" dirty="0">
                          <a:latin typeface="Meiryo UI"/>
                          <a:cs typeface="Meiryo UI"/>
                        </a:rPr>
                        <a:t>東地区内の市が管理する市施設</a:t>
                      </a:r>
                      <a:endParaRPr sz="900">
                        <a:latin typeface="Meiryo UI"/>
                        <a:cs typeface="Meiryo UI"/>
                      </a:endParaRPr>
                    </a:p>
                    <a:p>
                      <a:pPr marL="45085" marR="506730">
                        <a:lnSpc>
                          <a:spcPct val="100000"/>
                        </a:lnSpc>
                      </a:pPr>
                      <a:r>
                        <a:rPr sz="900" spc="-10" dirty="0">
                          <a:latin typeface="Meiryo UI"/>
                          <a:cs typeface="Meiryo UI"/>
                        </a:rPr>
                        <a:t>（</a:t>
                      </a:r>
                      <a:r>
                        <a:rPr sz="900" spc="-25" dirty="0">
                          <a:latin typeface="Meiryo UI"/>
                          <a:cs typeface="Meiryo UI"/>
                        </a:rPr>
                        <a:t>車道舗装、歩道舗装、道路排水施設、橋梁(立体横断施設を含む)、</a:t>
                      </a:r>
                      <a:r>
                        <a:rPr sz="900" spc="-20" dirty="0">
                          <a:latin typeface="Meiryo UI"/>
                          <a:cs typeface="Meiryo UI"/>
                        </a:rPr>
                        <a:t>大型構造物、街路樹、案内標識、道路反射鏡、法定外公共物 等</a:t>
                      </a:r>
                      <a:r>
                        <a:rPr sz="900" spc="-50" dirty="0">
                          <a:latin typeface="Meiryo UI"/>
                          <a:cs typeface="Meiryo UI"/>
                        </a:rPr>
                        <a:t>）</a:t>
                      </a:r>
                      <a:endParaRPr sz="900">
                        <a:latin typeface="Meiryo UI"/>
                        <a:cs typeface="Meiryo UI"/>
                      </a:endParaRPr>
                    </a:p>
                  </a:txBody>
                  <a:tcPr marL="0" marR="0" marT="3746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6F2"/>
                    </a:solidFill>
                  </a:tcPr>
                </a:tc>
                <a:extLst>
                  <a:ext uri="{0D108BD9-81ED-4DB2-BD59-A6C34878D82A}">
                    <a16:rowId xmlns:a16="http://schemas.microsoft.com/office/drawing/2014/main" val="10005"/>
                  </a:ext>
                </a:extLst>
              </a:tr>
              <a:tr h="1220648">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1090"/>
                        </a:spcBef>
                      </a:pPr>
                      <a:endParaRPr sz="900">
                        <a:latin typeface="Times New Roman"/>
                        <a:cs typeface="Times New Roman"/>
                      </a:endParaRPr>
                    </a:p>
                    <a:p>
                      <a:pPr marL="1270" algn="ctr">
                        <a:lnSpc>
                          <a:spcPct val="100000"/>
                        </a:lnSpc>
                        <a:spcBef>
                          <a:spcPts val="5"/>
                        </a:spcBef>
                      </a:pPr>
                      <a:r>
                        <a:rPr sz="900" spc="-20" dirty="0">
                          <a:latin typeface="Meiryo UI"/>
                          <a:cs typeface="Meiryo UI"/>
                        </a:rPr>
                        <a:t>業務内容</a:t>
                      </a:r>
                      <a:endParaRPr sz="9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marL="45085">
                        <a:lnSpc>
                          <a:spcPct val="100000"/>
                        </a:lnSpc>
                        <a:spcBef>
                          <a:spcPts val="340"/>
                        </a:spcBef>
                      </a:pPr>
                      <a:r>
                        <a:rPr sz="900" spc="-20" dirty="0">
                          <a:latin typeface="Meiryo UI"/>
                          <a:cs typeface="Meiryo UI"/>
                        </a:rPr>
                        <a:t>[総価契約]</a:t>
                      </a:r>
                      <a:endParaRPr sz="900">
                        <a:latin typeface="Meiryo UI"/>
                        <a:cs typeface="Meiryo UI"/>
                      </a:endParaRPr>
                    </a:p>
                    <a:p>
                      <a:pPr marL="45085">
                        <a:lnSpc>
                          <a:spcPct val="100000"/>
                        </a:lnSpc>
                      </a:pPr>
                      <a:r>
                        <a:rPr sz="900" spc="-25" dirty="0">
                          <a:latin typeface="Meiryo UI"/>
                          <a:cs typeface="Meiryo UI"/>
                        </a:rPr>
                        <a:t>①統括マネジメント、②巡回、③事故対応、④災害対応、</a:t>
                      </a:r>
                      <a:endParaRPr sz="900">
                        <a:latin typeface="Meiryo UI"/>
                        <a:cs typeface="Meiryo UI"/>
                      </a:endParaRPr>
                    </a:p>
                    <a:p>
                      <a:pPr marL="45085">
                        <a:lnSpc>
                          <a:spcPct val="100000"/>
                        </a:lnSpc>
                      </a:pPr>
                      <a:r>
                        <a:rPr sz="900" spc="-20" dirty="0">
                          <a:latin typeface="Meiryo UI"/>
                          <a:cs typeface="Meiryo UI"/>
                        </a:rPr>
                        <a:t>⑤コールセンター(東地区が全体コールセンターを実施)、⑥要望相談対応、</a:t>
                      </a:r>
                      <a:endParaRPr sz="900">
                        <a:latin typeface="Meiryo UI"/>
                        <a:cs typeface="Meiryo UI"/>
                      </a:endParaRPr>
                    </a:p>
                    <a:p>
                      <a:pPr marL="45085">
                        <a:lnSpc>
                          <a:spcPct val="100000"/>
                        </a:lnSpc>
                      </a:pPr>
                      <a:r>
                        <a:rPr sz="900" spc="-20" dirty="0">
                          <a:latin typeface="Meiryo UI"/>
                          <a:cs typeface="Meiryo UI"/>
                        </a:rPr>
                        <a:t>⑦補修・修繕、⑧道路反射鏡・案内標識・街区表示管理、⑨植栽管理、</a:t>
                      </a:r>
                      <a:endParaRPr sz="900">
                        <a:latin typeface="Meiryo UI"/>
                        <a:cs typeface="Meiryo UI"/>
                      </a:endParaRPr>
                    </a:p>
                    <a:p>
                      <a:pPr marL="45085">
                        <a:lnSpc>
                          <a:spcPct val="100000"/>
                        </a:lnSpc>
                      </a:pPr>
                      <a:r>
                        <a:rPr sz="900" spc="-25" dirty="0">
                          <a:latin typeface="Meiryo UI"/>
                          <a:cs typeface="Meiryo UI"/>
                        </a:rPr>
                        <a:t>⑩害獣・害虫対応、⑪法定外公共物・水路管理、⑫清掃、⑬占用物件管理</a:t>
                      </a:r>
                      <a:endParaRPr sz="900">
                        <a:latin typeface="Meiryo UI"/>
                        <a:cs typeface="Meiryo UI"/>
                      </a:endParaRPr>
                    </a:p>
                    <a:p>
                      <a:pPr>
                        <a:lnSpc>
                          <a:spcPct val="100000"/>
                        </a:lnSpc>
                        <a:spcBef>
                          <a:spcPts val="50"/>
                        </a:spcBef>
                      </a:pPr>
                      <a:endParaRPr sz="900">
                        <a:latin typeface="Times New Roman"/>
                        <a:cs typeface="Times New Roman"/>
                      </a:endParaRPr>
                    </a:p>
                    <a:p>
                      <a:pPr marL="45085">
                        <a:lnSpc>
                          <a:spcPct val="100000"/>
                        </a:lnSpc>
                        <a:spcBef>
                          <a:spcPts val="5"/>
                        </a:spcBef>
                      </a:pPr>
                      <a:r>
                        <a:rPr sz="900" spc="-20" dirty="0">
                          <a:latin typeface="Meiryo UI"/>
                          <a:cs typeface="Meiryo UI"/>
                        </a:rPr>
                        <a:t>[単価契約]</a:t>
                      </a:r>
                      <a:endParaRPr sz="900">
                        <a:latin typeface="Meiryo UI"/>
                        <a:cs typeface="Meiryo UI"/>
                      </a:endParaRPr>
                    </a:p>
                    <a:p>
                      <a:pPr marL="45085">
                        <a:lnSpc>
                          <a:spcPct val="100000"/>
                        </a:lnSpc>
                      </a:pPr>
                      <a:r>
                        <a:rPr sz="900" spc="-10" dirty="0">
                          <a:latin typeface="Meiryo UI"/>
                          <a:cs typeface="Meiryo UI"/>
                        </a:rPr>
                        <a:t>①新設・補修・更新(50万円以上500</a:t>
                      </a:r>
                      <a:r>
                        <a:rPr sz="900" spc="-20" dirty="0">
                          <a:latin typeface="Meiryo UI"/>
                          <a:cs typeface="Meiryo UI"/>
                        </a:rPr>
                        <a:t>万円未満)、②樹木剪定等</a:t>
                      </a:r>
                      <a:endParaRPr sz="900">
                        <a:latin typeface="Meiryo UI"/>
                        <a:cs typeface="Meiryo UI"/>
                      </a:endParaRPr>
                    </a:p>
                  </a:txBody>
                  <a:tcPr marL="0" marR="0" marT="3692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BE6F2"/>
                    </a:solidFill>
                  </a:tcPr>
                </a:tc>
                <a:extLst>
                  <a:ext uri="{0D108BD9-81ED-4DB2-BD59-A6C34878D82A}">
                    <a16:rowId xmlns:a16="http://schemas.microsoft.com/office/drawing/2014/main" val="10006"/>
                  </a:ext>
                </a:extLst>
              </a:tr>
            </a:tbl>
          </a:graphicData>
        </a:graphic>
      </p:graphicFrame>
      <p:pic>
        <p:nvPicPr>
          <p:cNvPr id="8" name="object 8"/>
          <p:cNvPicPr/>
          <p:nvPr/>
        </p:nvPicPr>
        <p:blipFill>
          <a:blip r:embed="rId4" cstate="print"/>
          <a:stretch>
            <a:fillRect/>
          </a:stretch>
        </p:blipFill>
        <p:spPr>
          <a:xfrm>
            <a:off x="1116827" y="4550499"/>
            <a:ext cx="3184978" cy="1763890"/>
          </a:xfrm>
          <a:prstGeom prst="rect">
            <a:avLst/>
          </a:prstGeom>
        </p:spPr>
      </p:pic>
      <p:sp>
        <p:nvSpPr>
          <p:cNvPr id="9" name="object 9"/>
          <p:cNvSpPr txBox="1"/>
          <p:nvPr/>
        </p:nvSpPr>
        <p:spPr>
          <a:xfrm>
            <a:off x="6055456" y="6161018"/>
            <a:ext cx="1916765" cy="247954"/>
          </a:xfrm>
          <a:prstGeom prst="rect">
            <a:avLst/>
          </a:prstGeom>
        </p:spPr>
        <p:txBody>
          <a:bodyPr vert="horz" wrap="square" lIns="0" tIns="10860" rIns="0" bIns="0" rtlCol="0">
            <a:spAutoFit/>
          </a:bodyPr>
          <a:lstStyle/>
          <a:p>
            <a:pPr marL="10860">
              <a:spcBef>
                <a:spcPts val="86"/>
              </a:spcBef>
            </a:pPr>
            <a:r>
              <a:rPr sz="770" spc="-9" dirty="0">
                <a:latin typeface="Meiryo UI"/>
                <a:cs typeface="Meiryo UI"/>
              </a:rPr>
              <a:t>※出典：府中市提供資料より国土交通省作成</a:t>
            </a:r>
            <a:endParaRPr sz="770">
              <a:latin typeface="Meiryo UI"/>
              <a:cs typeface="Meiryo UI"/>
            </a:endParaRPr>
          </a:p>
        </p:txBody>
      </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365590" y="495210"/>
            <a:ext cx="1440017" cy="288003"/>
          </a:xfrm>
          <a:prstGeom prst="rect">
            <a:avLst/>
          </a:prstGeom>
        </p:spPr>
      </p:pic>
      <p:sp>
        <p:nvSpPr>
          <p:cNvPr id="3" name="object 3"/>
          <p:cNvSpPr txBox="1">
            <a:spLocks noGrp="1"/>
          </p:cNvSpPr>
          <p:nvPr>
            <p:ph type="title"/>
          </p:nvPr>
        </p:nvSpPr>
        <p:spPr>
          <a:xfrm>
            <a:off x="403552" y="506503"/>
            <a:ext cx="6669581" cy="378852"/>
          </a:xfrm>
          <a:prstGeom prst="rect">
            <a:avLst/>
          </a:prstGeom>
        </p:spPr>
        <p:txBody>
          <a:bodyPr vert="horz" wrap="square" lIns="0" tIns="10317" rIns="0" bIns="0" rtlCol="0">
            <a:spAutoFit/>
          </a:bodyPr>
          <a:lstStyle/>
          <a:p>
            <a:pPr marL="10860">
              <a:lnSpc>
                <a:spcPct val="100000"/>
              </a:lnSpc>
              <a:spcBef>
                <a:spcPts val="81"/>
              </a:spcBef>
              <a:tabLst>
                <a:tab pos="4300469" algn="l"/>
              </a:tabLst>
            </a:pPr>
            <a:r>
              <a:rPr sz="2394" spc="-9" dirty="0"/>
              <a:t>【</a:t>
            </a:r>
            <a:r>
              <a:rPr sz="2394" spc="-30" dirty="0">
                <a:solidFill>
                  <a:srgbClr val="006600"/>
                </a:solidFill>
              </a:rPr>
              <a:t>自治体</a:t>
            </a:r>
            <a:r>
              <a:rPr sz="2394" spc="-21" dirty="0">
                <a:solidFill>
                  <a:srgbClr val="006600"/>
                </a:solidFill>
              </a:rPr>
              <a:t>・</a:t>
            </a:r>
            <a:r>
              <a:rPr sz="2394" spc="-30" dirty="0">
                <a:solidFill>
                  <a:srgbClr val="006600"/>
                </a:solidFill>
              </a:rPr>
              <a:t>事業者間の役割分担</a:t>
            </a:r>
            <a:r>
              <a:rPr sz="2394" spc="-43" dirty="0"/>
              <a:t>】</a:t>
            </a:r>
            <a:r>
              <a:rPr sz="2394" dirty="0"/>
              <a:t>	</a:t>
            </a:r>
            <a:r>
              <a:rPr sz="2394" spc="-30" dirty="0"/>
              <a:t>主な課</a:t>
            </a:r>
            <a:r>
              <a:rPr sz="2394" spc="-43" dirty="0"/>
              <a:t>題</a:t>
            </a:r>
            <a:endParaRPr sz="2394" dirty="0"/>
          </a:p>
        </p:txBody>
      </p:sp>
      <p:sp>
        <p:nvSpPr>
          <p:cNvPr id="4" name="object 4"/>
          <p:cNvSpPr txBox="1"/>
          <p:nvPr/>
        </p:nvSpPr>
        <p:spPr>
          <a:xfrm>
            <a:off x="2059029" y="1334459"/>
            <a:ext cx="6205866" cy="719859"/>
          </a:xfrm>
          <a:prstGeom prst="rect">
            <a:avLst/>
          </a:prstGeom>
          <a:solidFill>
            <a:srgbClr val="FF0000"/>
          </a:solidFill>
        </p:spPr>
        <p:txBody>
          <a:bodyPr vert="horz" wrap="square" lIns="0" tIns="87422" rIns="0" bIns="0" rtlCol="0">
            <a:spAutoFit/>
          </a:bodyPr>
          <a:lstStyle/>
          <a:p>
            <a:pPr marL="32579" marR="65702">
              <a:spcBef>
                <a:spcPts val="688"/>
              </a:spcBef>
            </a:pPr>
            <a:r>
              <a:rPr sz="2052" b="1" spc="-26" dirty="0">
                <a:solidFill>
                  <a:srgbClr val="FFFFFF"/>
                </a:solidFill>
                <a:latin typeface="Meiryo UI"/>
                <a:cs typeface="Meiryo UI"/>
              </a:rPr>
              <a:t>行政の技術的体制の確保に向けて、自治体・事業者間の</a:t>
            </a:r>
            <a:r>
              <a:rPr sz="2052" b="1" spc="-30" dirty="0">
                <a:solidFill>
                  <a:srgbClr val="FFFFFF"/>
                </a:solidFill>
                <a:latin typeface="Meiryo UI"/>
                <a:cs typeface="Meiryo UI"/>
              </a:rPr>
              <a:t>役割分担の考え方を示すことができていない</a:t>
            </a:r>
            <a:endParaRPr sz="2052">
              <a:latin typeface="Meiryo UI"/>
              <a:cs typeface="Meiryo UI"/>
            </a:endParaRPr>
          </a:p>
        </p:txBody>
      </p:sp>
      <p:sp>
        <p:nvSpPr>
          <p:cNvPr id="5" name="object 5"/>
          <p:cNvSpPr txBox="1"/>
          <p:nvPr/>
        </p:nvSpPr>
        <p:spPr>
          <a:xfrm>
            <a:off x="691990" y="1334459"/>
            <a:ext cx="1316215" cy="561977"/>
          </a:xfrm>
          <a:prstGeom prst="rect">
            <a:avLst/>
          </a:prstGeom>
          <a:ln w="25908">
            <a:solidFill>
              <a:srgbClr val="000000"/>
            </a:solidFill>
          </a:ln>
        </p:spPr>
        <p:txBody>
          <a:bodyPr vert="horz" wrap="square" lIns="0" tIns="243804" rIns="0" bIns="0" rtlCol="0">
            <a:spAutoFit/>
          </a:bodyPr>
          <a:lstStyle/>
          <a:p>
            <a:pPr marL="149322">
              <a:spcBef>
                <a:spcPts val="1920"/>
              </a:spcBef>
            </a:pPr>
            <a:r>
              <a:rPr sz="2052" b="1" spc="-21" dirty="0">
                <a:latin typeface="Meiryo UI"/>
                <a:cs typeface="Meiryo UI"/>
              </a:rPr>
              <a:t>主な課題</a:t>
            </a:r>
            <a:endParaRPr sz="2052">
              <a:latin typeface="Meiryo UI"/>
              <a:cs typeface="Meiryo UI"/>
            </a:endParaRPr>
          </a:p>
        </p:txBody>
      </p:sp>
      <p:sp>
        <p:nvSpPr>
          <p:cNvPr id="6" name="object 6"/>
          <p:cNvSpPr/>
          <p:nvPr/>
        </p:nvSpPr>
        <p:spPr>
          <a:xfrm>
            <a:off x="1149407" y="2489079"/>
            <a:ext cx="195477" cy="195477"/>
          </a:xfrm>
          <a:custGeom>
            <a:avLst/>
            <a:gdLst/>
            <a:ahLst/>
            <a:cxnLst/>
            <a:rect l="l" t="t" r="r" b="b"/>
            <a:pathLst>
              <a:path w="228600" h="228600">
                <a:moveTo>
                  <a:pt x="114198" y="0"/>
                </a:moveTo>
                <a:lnTo>
                  <a:pt x="0" y="114401"/>
                </a:lnTo>
                <a:lnTo>
                  <a:pt x="114198" y="228600"/>
                </a:lnTo>
                <a:lnTo>
                  <a:pt x="228600" y="114401"/>
                </a:lnTo>
                <a:lnTo>
                  <a:pt x="114198" y="0"/>
                </a:lnTo>
                <a:close/>
              </a:path>
            </a:pathLst>
          </a:custGeom>
          <a:solidFill>
            <a:srgbClr val="000000"/>
          </a:solidFill>
        </p:spPr>
        <p:txBody>
          <a:bodyPr wrap="square" lIns="0" tIns="0" rIns="0" bIns="0" rtlCol="0"/>
          <a:lstStyle/>
          <a:p>
            <a:endParaRPr sz="1749"/>
          </a:p>
        </p:txBody>
      </p:sp>
      <p:sp>
        <p:nvSpPr>
          <p:cNvPr id="7" name="object 7"/>
          <p:cNvSpPr txBox="1"/>
          <p:nvPr/>
        </p:nvSpPr>
        <p:spPr>
          <a:xfrm>
            <a:off x="1362696" y="2279614"/>
            <a:ext cx="6669581" cy="3717365"/>
          </a:xfrm>
          <a:prstGeom prst="rect">
            <a:avLst/>
          </a:prstGeom>
        </p:spPr>
        <p:txBody>
          <a:bodyPr vert="horz" wrap="square" lIns="0" tIns="10860" rIns="0" bIns="0" rtlCol="0">
            <a:spAutoFit/>
          </a:bodyPr>
          <a:lstStyle/>
          <a:p>
            <a:pPr marL="10860" marR="65159" indent="158553" algn="just">
              <a:lnSpc>
                <a:spcPct val="150000"/>
              </a:lnSpc>
              <a:spcBef>
                <a:spcPts val="86"/>
              </a:spcBef>
            </a:pPr>
            <a:r>
              <a:rPr sz="1881" spc="-30" dirty="0">
                <a:latin typeface="Meiryo UI"/>
                <a:cs typeface="Meiryo UI"/>
              </a:rPr>
              <a:t>インフラメンテナンスの実施においては、行政の業務量に応じて、民間に委ねる範囲の拡大について検討していくことが必要であるが、公共財</a:t>
            </a:r>
            <a:r>
              <a:rPr sz="1881" spc="-43" dirty="0">
                <a:latin typeface="Meiryo UI"/>
                <a:cs typeface="Meiryo UI"/>
              </a:rPr>
              <a:t> </a:t>
            </a:r>
            <a:r>
              <a:rPr sz="1881" spc="-30" dirty="0">
                <a:latin typeface="Meiryo UI"/>
                <a:cs typeface="Meiryo UI"/>
              </a:rPr>
              <a:t>(インフラ)として適切なサービスを供給する上では、民間委託によらず行政の責務において直接実施すべき業務が一定存在すると考えられる</a:t>
            </a:r>
            <a:endParaRPr sz="1881">
              <a:latin typeface="Meiryo UI"/>
              <a:cs typeface="Meiryo UI"/>
            </a:endParaRPr>
          </a:p>
          <a:p>
            <a:pPr marL="10860" marR="4344" indent="158553">
              <a:lnSpc>
                <a:spcPct val="150000"/>
              </a:lnSpc>
              <a:spcBef>
                <a:spcPts val="2052"/>
              </a:spcBef>
            </a:pPr>
            <a:r>
              <a:rPr sz="1881" spc="-21" dirty="0">
                <a:solidFill>
                  <a:srgbClr val="FF0000"/>
                </a:solidFill>
                <a:latin typeface="Meiryo UI"/>
                <a:cs typeface="Meiryo UI"/>
              </a:rPr>
              <a:t>行政の責務を適切に果たす上で、自治体における一定の技術的体制の確保が必要であり、そのことを踏まえて自治体・事業者間の役割分担を検討すべき</a:t>
            </a:r>
            <a:r>
              <a:rPr sz="1881" spc="-17" dirty="0">
                <a:latin typeface="Meiryo UI"/>
                <a:cs typeface="Meiryo UI"/>
              </a:rPr>
              <a:t>ではないか</a:t>
            </a:r>
            <a:endParaRPr sz="1881">
              <a:latin typeface="Meiryo UI"/>
              <a:cs typeface="Meiryo UI"/>
            </a:endParaRPr>
          </a:p>
        </p:txBody>
      </p:sp>
      <p:sp>
        <p:nvSpPr>
          <p:cNvPr id="8" name="object 8"/>
          <p:cNvSpPr/>
          <p:nvPr/>
        </p:nvSpPr>
        <p:spPr>
          <a:xfrm>
            <a:off x="1149407" y="4469918"/>
            <a:ext cx="195477" cy="195477"/>
          </a:xfrm>
          <a:custGeom>
            <a:avLst/>
            <a:gdLst/>
            <a:ahLst/>
            <a:cxnLst/>
            <a:rect l="l" t="t" r="r" b="b"/>
            <a:pathLst>
              <a:path w="228600" h="228600">
                <a:moveTo>
                  <a:pt x="114198" y="0"/>
                </a:moveTo>
                <a:lnTo>
                  <a:pt x="0" y="114401"/>
                </a:lnTo>
                <a:lnTo>
                  <a:pt x="114198" y="228600"/>
                </a:lnTo>
                <a:lnTo>
                  <a:pt x="228600" y="114401"/>
                </a:lnTo>
                <a:lnTo>
                  <a:pt x="114198" y="0"/>
                </a:lnTo>
                <a:close/>
              </a:path>
            </a:pathLst>
          </a:custGeom>
          <a:solidFill>
            <a:srgbClr val="000000"/>
          </a:solidFill>
        </p:spPr>
        <p:txBody>
          <a:bodyPr wrap="square" lIns="0" tIns="0" rIns="0" bIns="0" rtlCol="0"/>
          <a:lstStyle/>
          <a:p>
            <a:endParaRPr sz="1749"/>
          </a:p>
        </p:txBody>
      </p:sp>
      <p:sp>
        <p:nvSpPr>
          <p:cNvPr id="9" name="object 9"/>
          <p:cNvSpPr txBox="1">
            <a:spLocks noGrp="1"/>
          </p:cNvSpPr>
          <p:nvPr>
            <p:ph type="sldNum" sz="quarter" idx="7"/>
          </p:nvPr>
        </p:nvSpPr>
        <p:spPr>
          <a:xfrm>
            <a:off x="9962388" y="6895615"/>
            <a:ext cx="388873" cy="339598"/>
          </a:xfrm>
          <a:prstGeom prst="rect">
            <a:avLst/>
          </a:prstGeom>
        </p:spPr>
        <p:txBody>
          <a:bodyPr vert="horz" wrap="square" lIns="0" tIns="0" rIns="0" bIns="0" rtlCol="0">
            <a:spAutoFit/>
          </a:bodyPr>
          <a:lstStyle>
            <a:defPPr>
              <a:defRPr kern="0"/>
            </a:defPPr>
            <a:lvl1pPr>
              <a:defRPr sz="1600" b="0" i="0">
                <a:solidFill>
                  <a:schemeClr val="tx1"/>
                </a:solidFill>
                <a:latin typeface="Meiryo UI"/>
                <a:cs typeface="Meiryo UI"/>
              </a:defRPr>
            </a:lvl1pPr>
          </a:lstStyle>
          <a:p>
            <a:pPr marL="126364">
              <a:spcBef>
                <a:spcPts val="190"/>
              </a:spcBef>
            </a:pPr>
            <a:fld id="{81D60167-4931-47E6-BA6A-407CBD079E47}" type="slidenum">
              <a:rPr lang="en-US" altLang="ja-JP" spc="-50" smtClean="0"/>
              <a:pPr marL="126364">
                <a:spcBef>
                  <a:spcPts val="190"/>
                </a:spcBef>
              </a:pPr>
              <a:t>18</a:t>
            </a:fld>
            <a:endParaRPr spc="-21" dirty="0"/>
          </a:p>
        </p:txBody>
      </p:sp>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448341" y="180220"/>
            <a:ext cx="1440017" cy="288003"/>
          </a:xfrm>
          <a:prstGeom prst="rect">
            <a:avLst/>
          </a:prstGeom>
        </p:spPr>
      </p:pic>
      <p:sp>
        <p:nvSpPr>
          <p:cNvPr id="3" name="object 3"/>
          <p:cNvSpPr txBox="1"/>
          <p:nvPr/>
        </p:nvSpPr>
        <p:spPr>
          <a:xfrm>
            <a:off x="421530" y="1432490"/>
            <a:ext cx="6457429" cy="263690"/>
          </a:xfrm>
          <a:prstGeom prst="rect">
            <a:avLst/>
          </a:prstGeom>
          <a:solidFill>
            <a:srgbClr val="000000"/>
          </a:solidFill>
        </p:spPr>
        <p:txBody>
          <a:bodyPr vert="horz" wrap="square" lIns="0" tIns="52669" rIns="0" bIns="0" rtlCol="0">
            <a:spAutoFit/>
          </a:bodyPr>
          <a:lstStyle/>
          <a:p>
            <a:pPr marL="125973">
              <a:spcBef>
                <a:spcPts val="414"/>
              </a:spcBef>
            </a:pPr>
            <a:r>
              <a:rPr sz="1368" b="1" spc="-30" dirty="0">
                <a:solidFill>
                  <a:srgbClr val="FFFFFF"/>
                </a:solidFill>
                <a:latin typeface="Meiryo UI"/>
                <a:cs typeface="Meiryo UI"/>
              </a:rPr>
              <a:t>専門家によるハンズオン支援等を通じた新技術導入・技術者育成の体制構築</a:t>
            </a:r>
            <a:endParaRPr sz="1368" dirty="0">
              <a:latin typeface="Meiryo UI"/>
              <a:cs typeface="Meiryo UI"/>
            </a:endParaRPr>
          </a:p>
        </p:txBody>
      </p:sp>
      <p:sp>
        <p:nvSpPr>
          <p:cNvPr id="6" name="object 6"/>
          <p:cNvSpPr txBox="1">
            <a:spLocks noGrp="1"/>
          </p:cNvSpPr>
          <p:nvPr>
            <p:ph type="body" idx="1"/>
          </p:nvPr>
        </p:nvSpPr>
        <p:spPr>
          <a:xfrm flipH="1">
            <a:off x="662890" y="2092621"/>
            <a:ext cx="5254080" cy="2196444"/>
          </a:xfrm>
          <a:prstGeom prst="rect">
            <a:avLst/>
          </a:prstGeom>
        </p:spPr>
        <p:txBody>
          <a:bodyPr vert="horz" wrap="square" lIns="0" tIns="76019" rIns="0" bIns="0" rtlCol="0">
            <a:spAutoFit/>
          </a:bodyPr>
          <a:lstStyle/>
          <a:p>
            <a:pPr marL="0" indent="0">
              <a:lnSpc>
                <a:spcPct val="100000"/>
              </a:lnSpc>
              <a:spcBef>
                <a:spcPts val="599"/>
              </a:spcBef>
              <a:buNone/>
            </a:pPr>
            <a:r>
              <a:rPr spc="-26" dirty="0"/>
              <a:t>＜実施内容＞</a:t>
            </a:r>
          </a:p>
          <a:p>
            <a:pPr marL="254375" indent="0">
              <a:lnSpc>
                <a:spcPct val="100000"/>
              </a:lnSpc>
              <a:spcBef>
                <a:spcPts val="513"/>
              </a:spcBef>
              <a:buNone/>
            </a:pPr>
            <a:r>
              <a:rPr lang="ja-JP" altLang="en-US" spc="-26" dirty="0"/>
              <a:t>●</a:t>
            </a:r>
            <a:r>
              <a:rPr spc="-26" dirty="0" err="1"/>
              <a:t>新技術導入促進及び職員の人材育成を図るための</a:t>
            </a:r>
            <a:endParaRPr spc="-26" dirty="0"/>
          </a:p>
          <a:p>
            <a:pPr marL="254375" indent="0">
              <a:lnSpc>
                <a:spcPct val="100000"/>
              </a:lnSpc>
              <a:buNone/>
            </a:pPr>
            <a:r>
              <a:rPr spc="-26" dirty="0"/>
              <a:t>「自治体技術支援アドバイザー」を公募で選定</a:t>
            </a:r>
          </a:p>
          <a:p>
            <a:pPr marL="142519" indent="0">
              <a:lnSpc>
                <a:spcPct val="100000"/>
              </a:lnSpc>
              <a:buNone/>
            </a:pPr>
            <a:r>
              <a:rPr spc="-21" dirty="0"/>
              <a:t>（産学の人材から選定。地域ブロックで分担</a:t>
            </a:r>
            <a:r>
              <a:rPr spc="-43" dirty="0"/>
              <a:t>）</a:t>
            </a:r>
          </a:p>
          <a:p>
            <a:pPr marL="254375" marR="4344" indent="0">
              <a:lnSpc>
                <a:spcPct val="100000"/>
              </a:lnSpc>
              <a:spcBef>
                <a:spcPts val="513"/>
              </a:spcBef>
              <a:buNone/>
            </a:pPr>
            <a:r>
              <a:rPr lang="ja-JP" altLang="en-US" spc="-30" dirty="0"/>
              <a:t>●</a:t>
            </a:r>
            <a:r>
              <a:rPr spc="-30" dirty="0" err="1"/>
              <a:t>また、新技術導入促進及び職員の人材育成に課題を抱える自治体を公募で選定し、アドバイザーによるハン</a:t>
            </a:r>
            <a:r>
              <a:rPr spc="-26" dirty="0" err="1"/>
              <a:t>ズオン支援を実施</a:t>
            </a:r>
            <a:endParaRPr spc="-26" dirty="0"/>
          </a:p>
        </p:txBody>
      </p:sp>
      <p:sp>
        <p:nvSpPr>
          <p:cNvPr id="12" name="object 12"/>
          <p:cNvSpPr txBox="1"/>
          <p:nvPr/>
        </p:nvSpPr>
        <p:spPr>
          <a:xfrm>
            <a:off x="729863" y="4343843"/>
            <a:ext cx="6149095" cy="2146623"/>
          </a:xfrm>
          <a:prstGeom prst="rect">
            <a:avLst/>
          </a:prstGeom>
        </p:spPr>
        <p:txBody>
          <a:bodyPr vert="horz" wrap="square" lIns="0" tIns="76019" rIns="0" bIns="0" rtlCol="0">
            <a:spAutoFit/>
          </a:bodyPr>
          <a:lstStyle/>
          <a:p>
            <a:pPr marL="10860">
              <a:spcBef>
                <a:spcPts val="599"/>
              </a:spcBef>
            </a:pPr>
            <a:r>
              <a:rPr sz="1800" spc="-26" dirty="0">
                <a:latin typeface="Meiryo UI"/>
                <a:cs typeface="Meiryo UI"/>
              </a:rPr>
              <a:t>＜支援の例＞</a:t>
            </a:r>
            <a:endParaRPr sz="1800" dirty="0">
              <a:latin typeface="Meiryo UI"/>
              <a:cs typeface="Meiryo UI"/>
            </a:endParaRPr>
          </a:p>
          <a:p>
            <a:pPr marL="393667" marR="1644711">
              <a:lnSpc>
                <a:spcPct val="131300"/>
              </a:lnSpc>
            </a:pPr>
            <a:r>
              <a:rPr lang="ja-JP" altLang="en-US" sz="1800" spc="-30" dirty="0">
                <a:latin typeface="Meiryo UI"/>
                <a:cs typeface="Meiryo UI"/>
              </a:rPr>
              <a:t>●</a:t>
            </a:r>
            <a:r>
              <a:rPr sz="1800" spc="-30" dirty="0" err="1">
                <a:latin typeface="Meiryo UI"/>
                <a:cs typeface="Meiryo UI"/>
              </a:rPr>
              <a:t>現場に適用する新技術の推薦</a:t>
            </a:r>
            <a:r>
              <a:rPr sz="1800" spc="-26" dirty="0" err="1">
                <a:latin typeface="Meiryo UI"/>
                <a:cs typeface="Meiryo UI"/>
              </a:rPr>
              <a:t>新技</a:t>
            </a:r>
            <a:endParaRPr lang="en-US" sz="1800" spc="-26" dirty="0">
              <a:latin typeface="Meiryo UI"/>
              <a:cs typeface="Meiryo UI"/>
            </a:endParaRPr>
          </a:p>
          <a:p>
            <a:pPr marL="393667" marR="1644711">
              <a:lnSpc>
                <a:spcPct val="131300"/>
              </a:lnSpc>
            </a:pPr>
            <a:r>
              <a:rPr lang="ja-JP" altLang="en-US" sz="1800" spc="-26" dirty="0">
                <a:latin typeface="Meiryo UI"/>
                <a:cs typeface="Meiryo UI"/>
              </a:rPr>
              <a:t>●</a:t>
            </a:r>
            <a:r>
              <a:rPr sz="1800" spc="-26" dirty="0" err="1">
                <a:latin typeface="Meiryo UI"/>
                <a:cs typeface="Meiryo UI"/>
              </a:rPr>
              <a:t>術導入の仕様書作成支援メンテ業</a:t>
            </a:r>
            <a:endParaRPr lang="en-US" sz="1800" spc="-26" dirty="0">
              <a:latin typeface="Meiryo UI"/>
              <a:cs typeface="Meiryo UI"/>
            </a:endParaRPr>
          </a:p>
          <a:p>
            <a:pPr marL="393667" marR="1644711">
              <a:lnSpc>
                <a:spcPct val="131300"/>
              </a:lnSpc>
            </a:pPr>
            <a:r>
              <a:rPr lang="ja-JP" altLang="en-US" sz="1800" spc="-26" dirty="0">
                <a:latin typeface="Meiryo UI"/>
                <a:cs typeface="Meiryo UI"/>
              </a:rPr>
              <a:t>●</a:t>
            </a:r>
            <a:r>
              <a:rPr sz="1800" spc="-26" dirty="0" err="1">
                <a:latin typeface="Meiryo UI"/>
                <a:cs typeface="Meiryo UI"/>
              </a:rPr>
              <a:t>務全般の技術的助言</a:t>
            </a:r>
            <a:endParaRPr sz="1800" dirty="0">
              <a:latin typeface="Meiryo UI"/>
              <a:cs typeface="Meiryo UI"/>
            </a:endParaRPr>
          </a:p>
          <a:p>
            <a:pPr marL="393667" marR="4344">
              <a:lnSpc>
                <a:spcPct val="131300"/>
              </a:lnSpc>
            </a:pPr>
            <a:r>
              <a:rPr lang="ja-JP" altLang="en-US" sz="1800" spc="-26" dirty="0">
                <a:latin typeface="Meiryo UI"/>
                <a:cs typeface="Meiryo UI"/>
              </a:rPr>
              <a:t>●</a:t>
            </a:r>
            <a:r>
              <a:rPr sz="1800" spc="-26" dirty="0" err="1">
                <a:latin typeface="Meiryo UI"/>
                <a:cs typeface="Meiryo UI"/>
              </a:rPr>
              <a:t>実地研修を通じた職員人材育成</a:t>
            </a:r>
            <a:r>
              <a:rPr sz="1800" spc="-9" dirty="0" err="1">
                <a:latin typeface="Meiryo UI"/>
                <a:cs typeface="Meiryo UI"/>
              </a:rPr>
              <a:t>（</a:t>
            </a:r>
            <a:r>
              <a:rPr sz="1800" spc="-17" dirty="0" err="1">
                <a:latin typeface="Meiryo UI"/>
                <a:cs typeface="Meiryo UI"/>
              </a:rPr>
              <a:t>デジタル活用含む</a:t>
            </a:r>
            <a:r>
              <a:rPr sz="1800" spc="-43" dirty="0">
                <a:latin typeface="Meiryo UI"/>
                <a:cs typeface="Meiryo UI"/>
              </a:rPr>
              <a:t>）</a:t>
            </a:r>
            <a:r>
              <a:rPr lang="ja-JP" altLang="en-US" sz="1800" spc="-43" dirty="0">
                <a:latin typeface="Meiryo UI"/>
                <a:cs typeface="Meiryo UI"/>
              </a:rPr>
              <a:t>●</a:t>
            </a:r>
            <a:r>
              <a:rPr sz="1800" spc="-17" dirty="0" err="1">
                <a:latin typeface="Meiryo UI"/>
                <a:cs typeface="Meiryo UI"/>
              </a:rPr>
              <a:t>支援終了後の業務実施ツールの構築</a:t>
            </a:r>
            <a:r>
              <a:rPr sz="1800" spc="-17" dirty="0">
                <a:latin typeface="Meiryo UI"/>
                <a:cs typeface="Meiryo UI"/>
              </a:rPr>
              <a:t> 等</a:t>
            </a:r>
            <a:endParaRPr sz="1800" dirty="0">
              <a:latin typeface="Meiryo UI"/>
              <a:cs typeface="Meiryo UI"/>
            </a:endParaRPr>
          </a:p>
        </p:txBody>
      </p:sp>
      <p:grpSp>
        <p:nvGrpSpPr>
          <p:cNvPr id="13" name="object 13"/>
          <p:cNvGrpSpPr/>
          <p:nvPr/>
        </p:nvGrpSpPr>
        <p:grpSpPr>
          <a:xfrm>
            <a:off x="6212277" y="2492278"/>
            <a:ext cx="2325638" cy="2503740"/>
            <a:chOff x="6423405" y="3276600"/>
            <a:chExt cx="2719705" cy="2927985"/>
          </a:xfrm>
        </p:grpSpPr>
        <p:pic>
          <p:nvPicPr>
            <p:cNvPr id="14" name="object 14"/>
            <p:cNvPicPr/>
            <p:nvPr/>
          </p:nvPicPr>
          <p:blipFill>
            <a:blip r:embed="rId3" cstate="print"/>
            <a:stretch>
              <a:fillRect/>
            </a:stretch>
          </p:blipFill>
          <p:spPr>
            <a:xfrm>
              <a:off x="6496811" y="3276600"/>
              <a:ext cx="914399" cy="574548"/>
            </a:xfrm>
            <a:prstGeom prst="rect">
              <a:avLst/>
            </a:prstGeom>
          </p:spPr>
        </p:pic>
        <p:sp>
          <p:nvSpPr>
            <p:cNvPr id="15" name="object 15"/>
            <p:cNvSpPr/>
            <p:nvPr/>
          </p:nvSpPr>
          <p:spPr>
            <a:xfrm>
              <a:off x="6429755" y="4754880"/>
              <a:ext cx="2707005" cy="1443355"/>
            </a:xfrm>
            <a:custGeom>
              <a:avLst/>
              <a:gdLst/>
              <a:ahLst/>
              <a:cxnLst/>
              <a:rect l="l" t="t" r="r" b="b"/>
              <a:pathLst>
                <a:path w="2707004" h="1443354">
                  <a:moveTo>
                    <a:pt x="0" y="722375"/>
                  </a:moveTo>
                  <a:lnTo>
                    <a:pt x="5536" y="656575"/>
                  </a:lnTo>
                  <a:lnTo>
                    <a:pt x="21825" y="592440"/>
                  </a:lnTo>
                  <a:lnTo>
                    <a:pt x="48387" y="530224"/>
                  </a:lnTo>
                  <a:lnTo>
                    <a:pt x="84741" y="470182"/>
                  </a:lnTo>
                  <a:lnTo>
                    <a:pt x="130410" y="412566"/>
                  </a:lnTo>
                  <a:lnTo>
                    <a:pt x="156586" y="384748"/>
                  </a:lnTo>
                  <a:lnTo>
                    <a:pt x="184911" y="357631"/>
                  </a:lnTo>
                  <a:lnTo>
                    <a:pt x="215325" y="331249"/>
                  </a:lnTo>
                  <a:lnTo>
                    <a:pt x="247767" y="305632"/>
                  </a:lnTo>
                  <a:lnTo>
                    <a:pt x="282178" y="280812"/>
                  </a:lnTo>
                  <a:lnTo>
                    <a:pt x="318497" y="256822"/>
                  </a:lnTo>
                  <a:lnTo>
                    <a:pt x="356664" y="233692"/>
                  </a:lnTo>
                  <a:lnTo>
                    <a:pt x="396621" y="211454"/>
                  </a:lnTo>
                  <a:lnTo>
                    <a:pt x="438305" y="190141"/>
                  </a:lnTo>
                  <a:lnTo>
                    <a:pt x="481659" y="169784"/>
                  </a:lnTo>
                  <a:lnTo>
                    <a:pt x="526621" y="150415"/>
                  </a:lnTo>
                  <a:lnTo>
                    <a:pt x="573132" y="132065"/>
                  </a:lnTo>
                  <a:lnTo>
                    <a:pt x="621131" y="114767"/>
                  </a:lnTo>
                  <a:lnTo>
                    <a:pt x="670560" y="98551"/>
                  </a:lnTo>
                  <a:lnTo>
                    <a:pt x="721357" y="83451"/>
                  </a:lnTo>
                  <a:lnTo>
                    <a:pt x="773462" y="69497"/>
                  </a:lnTo>
                  <a:lnTo>
                    <a:pt x="826817" y="56721"/>
                  </a:lnTo>
                  <a:lnTo>
                    <a:pt x="881361" y="45155"/>
                  </a:lnTo>
                  <a:lnTo>
                    <a:pt x="937033" y="34831"/>
                  </a:lnTo>
                  <a:lnTo>
                    <a:pt x="993775" y="25780"/>
                  </a:lnTo>
                  <a:lnTo>
                    <a:pt x="1051525" y="18035"/>
                  </a:lnTo>
                  <a:lnTo>
                    <a:pt x="1110224" y="11627"/>
                  </a:lnTo>
                  <a:lnTo>
                    <a:pt x="1169812" y="6588"/>
                  </a:lnTo>
                  <a:lnTo>
                    <a:pt x="1230230" y="2949"/>
                  </a:lnTo>
                  <a:lnTo>
                    <a:pt x="1291416" y="742"/>
                  </a:lnTo>
                  <a:lnTo>
                    <a:pt x="1353312" y="0"/>
                  </a:lnTo>
                  <a:lnTo>
                    <a:pt x="1415207" y="742"/>
                  </a:lnTo>
                  <a:lnTo>
                    <a:pt x="1476393" y="2949"/>
                  </a:lnTo>
                  <a:lnTo>
                    <a:pt x="1536811" y="6588"/>
                  </a:lnTo>
                  <a:lnTo>
                    <a:pt x="1596399" y="11627"/>
                  </a:lnTo>
                  <a:lnTo>
                    <a:pt x="1655098" y="18035"/>
                  </a:lnTo>
                  <a:lnTo>
                    <a:pt x="1712849" y="25781"/>
                  </a:lnTo>
                  <a:lnTo>
                    <a:pt x="1769590" y="34831"/>
                  </a:lnTo>
                  <a:lnTo>
                    <a:pt x="1825262" y="45155"/>
                  </a:lnTo>
                  <a:lnTo>
                    <a:pt x="1879806" y="56721"/>
                  </a:lnTo>
                  <a:lnTo>
                    <a:pt x="1933161" y="69497"/>
                  </a:lnTo>
                  <a:lnTo>
                    <a:pt x="1985266" y="83451"/>
                  </a:lnTo>
                  <a:lnTo>
                    <a:pt x="2036064" y="98551"/>
                  </a:lnTo>
                  <a:lnTo>
                    <a:pt x="2085492" y="114767"/>
                  </a:lnTo>
                  <a:lnTo>
                    <a:pt x="2133491" y="132065"/>
                  </a:lnTo>
                  <a:lnTo>
                    <a:pt x="2180002" y="150415"/>
                  </a:lnTo>
                  <a:lnTo>
                    <a:pt x="2224964" y="169784"/>
                  </a:lnTo>
                  <a:lnTo>
                    <a:pt x="2268318" y="190141"/>
                  </a:lnTo>
                  <a:lnTo>
                    <a:pt x="2310003" y="211454"/>
                  </a:lnTo>
                  <a:lnTo>
                    <a:pt x="2349959" y="233692"/>
                  </a:lnTo>
                  <a:lnTo>
                    <a:pt x="2388126" y="256822"/>
                  </a:lnTo>
                  <a:lnTo>
                    <a:pt x="2424445" y="280812"/>
                  </a:lnTo>
                  <a:lnTo>
                    <a:pt x="2458856" y="305632"/>
                  </a:lnTo>
                  <a:lnTo>
                    <a:pt x="2491298" y="331249"/>
                  </a:lnTo>
                  <a:lnTo>
                    <a:pt x="2521712" y="357631"/>
                  </a:lnTo>
                  <a:lnTo>
                    <a:pt x="2550037" y="384748"/>
                  </a:lnTo>
                  <a:lnTo>
                    <a:pt x="2576213" y="412566"/>
                  </a:lnTo>
                  <a:lnTo>
                    <a:pt x="2621882" y="470182"/>
                  </a:lnTo>
                  <a:lnTo>
                    <a:pt x="2658237" y="530225"/>
                  </a:lnTo>
                  <a:lnTo>
                    <a:pt x="2684798" y="592440"/>
                  </a:lnTo>
                  <a:lnTo>
                    <a:pt x="2701087" y="656575"/>
                  </a:lnTo>
                  <a:lnTo>
                    <a:pt x="2706624" y="722375"/>
                  </a:lnTo>
                  <a:lnTo>
                    <a:pt x="2705229" y="755344"/>
                  </a:lnTo>
                  <a:lnTo>
                    <a:pt x="2694257" y="820117"/>
                  </a:lnTo>
                  <a:lnTo>
                    <a:pt x="2672772" y="883123"/>
                  </a:lnTo>
                  <a:lnTo>
                    <a:pt x="2641253" y="944108"/>
                  </a:lnTo>
                  <a:lnTo>
                    <a:pt x="2600182" y="1002815"/>
                  </a:lnTo>
                  <a:lnTo>
                    <a:pt x="2550037" y="1058990"/>
                  </a:lnTo>
                  <a:lnTo>
                    <a:pt x="2521712" y="1086047"/>
                  </a:lnTo>
                  <a:lnTo>
                    <a:pt x="2491298" y="1112375"/>
                  </a:lnTo>
                  <a:lnTo>
                    <a:pt x="2458856" y="1137943"/>
                  </a:lnTo>
                  <a:lnTo>
                    <a:pt x="2424445" y="1162717"/>
                  </a:lnTo>
                  <a:lnTo>
                    <a:pt x="2388126" y="1186667"/>
                  </a:lnTo>
                  <a:lnTo>
                    <a:pt x="2349959" y="1209759"/>
                  </a:lnTo>
                  <a:lnTo>
                    <a:pt x="2310003" y="1231963"/>
                  </a:lnTo>
                  <a:lnTo>
                    <a:pt x="2268318" y="1253246"/>
                  </a:lnTo>
                  <a:lnTo>
                    <a:pt x="2224964" y="1273576"/>
                  </a:lnTo>
                  <a:lnTo>
                    <a:pt x="2180002" y="1292922"/>
                  </a:lnTo>
                  <a:lnTo>
                    <a:pt x="2133491" y="1311251"/>
                  </a:lnTo>
                  <a:lnTo>
                    <a:pt x="2085492" y="1328532"/>
                  </a:lnTo>
                  <a:lnTo>
                    <a:pt x="2036063" y="1344732"/>
                  </a:lnTo>
                  <a:lnTo>
                    <a:pt x="1985266" y="1359820"/>
                  </a:lnTo>
                  <a:lnTo>
                    <a:pt x="1933161" y="1373763"/>
                  </a:lnTo>
                  <a:lnTo>
                    <a:pt x="1879806" y="1386530"/>
                  </a:lnTo>
                  <a:lnTo>
                    <a:pt x="1825262" y="1398089"/>
                  </a:lnTo>
                  <a:lnTo>
                    <a:pt x="1769590" y="1408407"/>
                  </a:lnTo>
                  <a:lnTo>
                    <a:pt x="1712848" y="1417454"/>
                  </a:lnTo>
                  <a:lnTo>
                    <a:pt x="1655098" y="1425196"/>
                  </a:lnTo>
                  <a:lnTo>
                    <a:pt x="1596399" y="1431602"/>
                  </a:lnTo>
                  <a:lnTo>
                    <a:pt x="1536811" y="1436640"/>
                  </a:lnTo>
                  <a:lnTo>
                    <a:pt x="1476393" y="1440279"/>
                  </a:lnTo>
                  <a:lnTo>
                    <a:pt x="1415207" y="1442485"/>
                  </a:lnTo>
                  <a:lnTo>
                    <a:pt x="1353312" y="1443227"/>
                  </a:lnTo>
                  <a:lnTo>
                    <a:pt x="1291416" y="1442485"/>
                  </a:lnTo>
                  <a:lnTo>
                    <a:pt x="1230230" y="1440279"/>
                  </a:lnTo>
                  <a:lnTo>
                    <a:pt x="1169812" y="1436640"/>
                  </a:lnTo>
                  <a:lnTo>
                    <a:pt x="1110224" y="1431602"/>
                  </a:lnTo>
                  <a:lnTo>
                    <a:pt x="1051525" y="1425196"/>
                  </a:lnTo>
                  <a:lnTo>
                    <a:pt x="993774" y="1417454"/>
                  </a:lnTo>
                  <a:lnTo>
                    <a:pt x="937033" y="1408407"/>
                  </a:lnTo>
                  <a:lnTo>
                    <a:pt x="881361" y="1398089"/>
                  </a:lnTo>
                  <a:lnTo>
                    <a:pt x="826817" y="1386530"/>
                  </a:lnTo>
                  <a:lnTo>
                    <a:pt x="773462" y="1373763"/>
                  </a:lnTo>
                  <a:lnTo>
                    <a:pt x="721357" y="1359820"/>
                  </a:lnTo>
                  <a:lnTo>
                    <a:pt x="670559" y="1344732"/>
                  </a:lnTo>
                  <a:lnTo>
                    <a:pt x="621131" y="1328532"/>
                  </a:lnTo>
                  <a:lnTo>
                    <a:pt x="573132" y="1311251"/>
                  </a:lnTo>
                  <a:lnTo>
                    <a:pt x="526621" y="1292922"/>
                  </a:lnTo>
                  <a:lnTo>
                    <a:pt x="481659" y="1273576"/>
                  </a:lnTo>
                  <a:lnTo>
                    <a:pt x="438305" y="1253246"/>
                  </a:lnTo>
                  <a:lnTo>
                    <a:pt x="396620" y="1231963"/>
                  </a:lnTo>
                  <a:lnTo>
                    <a:pt x="356664" y="1209759"/>
                  </a:lnTo>
                  <a:lnTo>
                    <a:pt x="318497" y="1186667"/>
                  </a:lnTo>
                  <a:lnTo>
                    <a:pt x="282178" y="1162717"/>
                  </a:lnTo>
                  <a:lnTo>
                    <a:pt x="247767" y="1137943"/>
                  </a:lnTo>
                  <a:lnTo>
                    <a:pt x="215325" y="1112375"/>
                  </a:lnTo>
                  <a:lnTo>
                    <a:pt x="184911" y="1086047"/>
                  </a:lnTo>
                  <a:lnTo>
                    <a:pt x="156586" y="1058990"/>
                  </a:lnTo>
                  <a:lnTo>
                    <a:pt x="130410" y="1031235"/>
                  </a:lnTo>
                  <a:lnTo>
                    <a:pt x="84741" y="973762"/>
                  </a:lnTo>
                  <a:lnTo>
                    <a:pt x="48386" y="913884"/>
                  </a:lnTo>
                  <a:lnTo>
                    <a:pt x="21825" y="851857"/>
                  </a:lnTo>
                  <a:lnTo>
                    <a:pt x="5536" y="787935"/>
                  </a:lnTo>
                  <a:lnTo>
                    <a:pt x="0" y="722375"/>
                  </a:lnTo>
                </a:path>
              </a:pathLst>
            </a:custGeom>
            <a:ln w="12192">
              <a:solidFill>
                <a:srgbClr val="000000"/>
              </a:solidFill>
            </a:ln>
          </p:spPr>
          <p:txBody>
            <a:bodyPr wrap="square" lIns="0" tIns="0" rIns="0" bIns="0" rtlCol="0"/>
            <a:lstStyle/>
            <a:p>
              <a:endParaRPr sz="1749"/>
            </a:p>
          </p:txBody>
        </p:sp>
      </p:grpSp>
      <p:sp>
        <p:nvSpPr>
          <p:cNvPr id="16" name="object 16"/>
          <p:cNvSpPr txBox="1"/>
          <p:nvPr/>
        </p:nvSpPr>
        <p:spPr>
          <a:xfrm>
            <a:off x="7448341" y="5127922"/>
            <a:ext cx="479463" cy="195184"/>
          </a:xfrm>
          <a:prstGeom prst="rect">
            <a:avLst/>
          </a:prstGeom>
        </p:spPr>
        <p:txBody>
          <a:bodyPr vert="horz" wrap="square" lIns="0" tIns="10860" rIns="0" bIns="0" rtlCol="0">
            <a:spAutoFit/>
          </a:bodyPr>
          <a:lstStyle/>
          <a:p>
            <a:pPr marL="10860">
              <a:spcBef>
                <a:spcPts val="86"/>
              </a:spcBef>
            </a:pPr>
            <a:r>
              <a:rPr sz="1197" spc="-17" dirty="0">
                <a:latin typeface="Meiryo UI"/>
                <a:cs typeface="Meiryo UI"/>
              </a:rPr>
              <a:t>自治体</a:t>
            </a:r>
            <a:endParaRPr sz="1197" dirty="0">
              <a:latin typeface="Meiryo UI"/>
              <a:cs typeface="Meiryo UI"/>
            </a:endParaRPr>
          </a:p>
        </p:txBody>
      </p:sp>
      <p:grpSp>
        <p:nvGrpSpPr>
          <p:cNvPr id="17" name="object 17"/>
          <p:cNvGrpSpPr/>
          <p:nvPr/>
        </p:nvGrpSpPr>
        <p:grpSpPr>
          <a:xfrm>
            <a:off x="6658235" y="2997972"/>
            <a:ext cx="1640924" cy="1571964"/>
            <a:chOff x="6952488" y="3883152"/>
            <a:chExt cx="1918970" cy="1838325"/>
          </a:xfrm>
        </p:grpSpPr>
        <p:pic>
          <p:nvPicPr>
            <p:cNvPr id="18" name="object 18"/>
            <p:cNvPicPr/>
            <p:nvPr/>
          </p:nvPicPr>
          <p:blipFill>
            <a:blip r:embed="rId4" cstate="print"/>
            <a:stretch>
              <a:fillRect/>
            </a:stretch>
          </p:blipFill>
          <p:spPr>
            <a:xfrm>
              <a:off x="7287768" y="5097780"/>
              <a:ext cx="952500" cy="623315"/>
            </a:xfrm>
            <a:prstGeom prst="rect">
              <a:avLst/>
            </a:prstGeom>
          </p:spPr>
        </p:pic>
        <p:sp>
          <p:nvSpPr>
            <p:cNvPr id="19" name="object 19"/>
            <p:cNvSpPr/>
            <p:nvPr/>
          </p:nvSpPr>
          <p:spPr>
            <a:xfrm>
              <a:off x="6952488" y="3883152"/>
              <a:ext cx="772795" cy="1216660"/>
            </a:xfrm>
            <a:custGeom>
              <a:avLst/>
              <a:gdLst/>
              <a:ahLst/>
              <a:cxnLst/>
              <a:rect l="l" t="t" r="r" b="b"/>
              <a:pathLst>
                <a:path w="772795" h="1216660">
                  <a:moveTo>
                    <a:pt x="94487" y="0"/>
                  </a:moveTo>
                  <a:lnTo>
                    <a:pt x="0" y="51816"/>
                  </a:lnTo>
                  <a:lnTo>
                    <a:pt x="582167" y="1098804"/>
                  </a:lnTo>
                  <a:lnTo>
                    <a:pt x="486155" y="1152144"/>
                  </a:lnTo>
                  <a:lnTo>
                    <a:pt x="708659" y="1216152"/>
                  </a:lnTo>
                  <a:lnTo>
                    <a:pt x="772667" y="993648"/>
                  </a:lnTo>
                  <a:lnTo>
                    <a:pt x="676655" y="1046988"/>
                  </a:lnTo>
                  <a:lnTo>
                    <a:pt x="94487" y="0"/>
                  </a:lnTo>
                  <a:close/>
                </a:path>
              </a:pathLst>
            </a:custGeom>
            <a:solidFill>
              <a:srgbClr val="F4B182"/>
            </a:solidFill>
          </p:spPr>
          <p:txBody>
            <a:bodyPr wrap="square" lIns="0" tIns="0" rIns="0" bIns="0" rtlCol="0"/>
            <a:lstStyle/>
            <a:p>
              <a:endParaRPr sz="1749"/>
            </a:p>
          </p:txBody>
        </p:sp>
        <p:sp>
          <p:nvSpPr>
            <p:cNvPr id="20" name="object 20"/>
            <p:cNvSpPr/>
            <p:nvPr/>
          </p:nvSpPr>
          <p:spPr>
            <a:xfrm>
              <a:off x="7597140" y="4108704"/>
              <a:ext cx="1274445" cy="312420"/>
            </a:xfrm>
            <a:custGeom>
              <a:avLst/>
              <a:gdLst/>
              <a:ahLst/>
              <a:cxnLst/>
              <a:rect l="l" t="t" r="r" b="b"/>
              <a:pathLst>
                <a:path w="1274445" h="312420">
                  <a:moveTo>
                    <a:pt x="1274063" y="0"/>
                  </a:moveTo>
                  <a:lnTo>
                    <a:pt x="0" y="0"/>
                  </a:lnTo>
                  <a:lnTo>
                    <a:pt x="0" y="312420"/>
                  </a:lnTo>
                  <a:lnTo>
                    <a:pt x="1274063" y="312420"/>
                  </a:lnTo>
                  <a:lnTo>
                    <a:pt x="1274063" y="0"/>
                  </a:lnTo>
                  <a:close/>
                </a:path>
              </a:pathLst>
            </a:custGeom>
            <a:solidFill>
              <a:srgbClr val="FFFFFF"/>
            </a:solidFill>
          </p:spPr>
          <p:txBody>
            <a:bodyPr wrap="square" lIns="0" tIns="0" rIns="0" bIns="0" rtlCol="0"/>
            <a:lstStyle/>
            <a:p>
              <a:endParaRPr sz="1749"/>
            </a:p>
          </p:txBody>
        </p:sp>
      </p:grpSp>
      <p:sp>
        <p:nvSpPr>
          <p:cNvPr id="21" name="object 21"/>
          <p:cNvSpPr txBox="1"/>
          <p:nvPr/>
        </p:nvSpPr>
        <p:spPr>
          <a:xfrm>
            <a:off x="7448342" y="3103362"/>
            <a:ext cx="1416176" cy="226436"/>
          </a:xfrm>
          <a:prstGeom prst="rect">
            <a:avLst/>
          </a:prstGeom>
          <a:ln w="6096">
            <a:solidFill>
              <a:srgbClr val="000000"/>
            </a:solidFill>
          </a:ln>
        </p:spPr>
        <p:txBody>
          <a:bodyPr vert="horz" wrap="square" lIns="0" tIns="41810" rIns="0" bIns="0" rtlCol="0">
            <a:spAutoFit/>
          </a:bodyPr>
          <a:lstStyle/>
          <a:p>
            <a:pPr marL="80362">
              <a:spcBef>
                <a:spcPts val="329"/>
              </a:spcBef>
            </a:pPr>
            <a:r>
              <a:rPr sz="1197" b="1" spc="-17" dirty="0">
                <a:latin typeface="Meiryo UI"/>
                <a:cs typeface="Meiryo UI"/>
              </a:rPr>
              <a:t>ハンズオン支援</a:t>
            </a:r>
            <a:endParaRPr sz="1197" dirty="0">
              <a:latin typeface="Meiryo UI"/>
              <a:cs typeface="Meiryo UI"/>
            </a:endParaRPr>
          </a:p>
        </p:txBody>
      </p:sp>
      <p:sp>
        <p:nvSpPr>
          <p:cNvPr id="25" name="object 25"/>
          <p:cNvSpPr txBox="1">
            <a:spLocks noGrp="1"/>
          </p:cNvSpPr>
          <p:nvPr>
            <p:ph type="sldNum" sz="quarter" idx="7"/>
          </p:nvPr>
        </p:nvSpPr>
        <p:spPr>
          <a:xfrm>
            <a:off x="9962388" y="6895615"/>
            <a:ext cx="388873" cy="339598"/>
          </a:xfrm>
          <a:prstGeom prst="rect">
            <a:avLst/>
          </a:prstGeom>
        </p:spPr>
        <p:txBody>
          <a:bodyPr vert="horz" wrap="square" lIns="0" tIns="0" rIns="0" bIns="0" rtlCol="0">
            <a:spAutoFit/>
          </a:bodyPr>
          <a:lstStyle>
            <a:defPPr>
              <a:defRPr kern="0"/>
            </a:defPPr>
            <a:lvl1pPr>
              <a:defRPr sz="1600" b="0" i="0">
                <a:solidFill>
                  <a:schemeClr val="tx1"/>
                </a:solidFill>
                <a:latin typeface="Meiryo UI"/>
                <a:cs typeface="Meiryo UI"/>
              </a:defRPr>
            </a:lvl1pPr>
          </a:lstStyle>
          <a:p>
            <a:pPr marL="126364">
              <a:spcBef>
                <a:spcPts val="190"/>
              </a:spcBef>
            </a:pPr>
            <a:fld id="{81D60167-4931-47E6-BA6A-407CBD079E47}" type="slidenum">
              <a:rPr lang="en-US" altLang="ja-JP" spc="-50" smtClean="0"/>
              <a:pPr marL="126364">
                <a:spcBef>
                  <a:spcPts val="190"/>
                </a:spcBef>
              </a:pPr>
              <a:t>19</a:t>
            </a:fld>
            <a:endParaRPr spc="-21" dirty="0"/>
          </a:p>
        </p:txBody>
      </p:sp>
      <p:sp>
        <p:nvSpPr>
          <p:cNvPr id="22" name="object 22"/>
          <p:cNvSpPr txBox="1"/>
          <p:nvPr/>
        </p:nvSpPr>
        <p:spPr>
          <a:xfrm>
            <a:off x="7188120" y="2503571"/>
            <a:ext cx="1296688" cy="379949"/>
          </a:xfrm>
          <a:prstGeom prst="rect">
            <a:avLst/>
          </a:prstGeom>
        </p:spPr>
        <p:txBody>
          <a:bodyPr vert="horz" wrap="square" lIns="0" tIns="11403" rIns="0" bIns="0" rtlCol="0">
            <a:spAutoFit/>
          </a:bodyPr>
          <a:lstStyle/>
          <a:p>
            <a:pPr marL="186788" marR="4344" indent="-175928">
              <a:spcBef>
                <a:spcPts val="90"/>
              </a:spcBef>
            </a:pPr>
            <a:r>
              <a:rPr sz="1197" spc="-9" dirty="0">
                <a:latin typeface="Meiryo UI"/>
                <a:cs typeface="Meiryo UI"/>
              </a:rPr>
              <a:t>自治体技術支援</a:t>
            </a:r>
            <a:r>
              <a:rPr sz="1197" spc="-17" dirty="0">
                <a:latin typeface="Meiryo UI"/>
                <a:cs typeface="Meiryo UI"/>
              </a:rPr>
              <a:t>アドバイザー</a:t>
            </a:r>
            <a:endParaRPr sz="1197" dirty="0">
              <a:latin typeface="Meiryo UI"/>
              <a:cs typeface="Meiryo UI"/>
            </a:endParaRPr>
          </a:p>
        </p:txBody>
      </p:sp>
      <p:sp>
        <p:nvSpPr>
          <p:cNvPr id="23" name="object 23"/>
          <p:cNvSpPr txBox="1">
            <a:spLocks noGrp="1"/>
          </p:cNvSpPr>
          <p:nvPr>
            <p:ph type="title"/>
          </p:nvPr>
        </p:nvSpPr>
        <p:spPr>
          <a:xfrm>
            <a:off x="0" y="202835"/>
            <a:ext cx="7586153" cy="378852"/>
          </a:xfrm>
          <a:prstGeom prst="rect">
            <a:avLst/>
          </a:prstGeom>
        </p:spPr>
        <p:txBody>
          <a:bodyPr vert="horz" wrap="square" lIns="0" tIns="10317" rIns="0" bIns="0" rtlCol="0">
            <a:spAutoFit/>
          </a:bodyPr>
          <a:lstStyle/>
          <a:p>
            <a:pPr marL="10860">
              <a:lnSpc>
                <a:spcPct val="100000"/>
              </a:lnSpc>
              <a:spcBef>
                <a:spcPts val="81"/>
              </a:spcBef>
              <a:tabLst>
                <a:tab pos="2012315" algn="l"/>
              </a:tabLst>
            </a:pPr>
            <a:r>
              <a:rPr sz="2394" spc="-9" dirty="0"/>
              <a:t>【</a:t>
            </a:r>
            <a:r>
              <a:rPr sz="2394" spc="-30" dirty="0">
                <a:solidFill>
                  <a:srgbClr val="E46B0A"/>
                </a:solidFill>
              </a:rPr>
              <a:t>技術者</a:t>
            </a:r>
            <a:r>
              <a:rPr sz="2394" spc="-30" dirty="0"/>
              <a:t>の束</a:t>
            </a:r>
            <a:r>
              <a:rPr sz="2394" spc="-43" dirty="0"/>
              <a:t>】</a:t>
            </a:r>
            <a:r>
              <a:rPr sz="2394" dirty="0"/>
              <a:t>	</a:t>
            </a:r>
            <a:r>
              <a:rPr sz="2394" spc="-30" dirty="0"/>
              <a:t>専門家</a:t>
            </a:r>
            <a:r>
              <a:rPr sz="2394" dirty="0"/>
              <a:t>に</a:t>
            </a:r>
            <a:r>
              <a:rPr sz="2394" spc="-9" dirty="0"/>
              <a:t>よ</a:t>
            </a:r>
            <a:r>
              <a:rPr sz="2394" spc="-30" dirty="0"/>
              <a:t>る</a:t>
            </a:r>
            <a:r>
              <a:rPr sz="2394" spc="-26" dirty="0"/>
              <a:t>ハン</a:t>
            </a:r>
            <a:r>
              <a:rPr sz="2394" spc="-21" dirty="0"/>
              <a:t>ズ</a:t>
            </a:r>
            <a:r>
              <a:rPr sz="2394" spc="-30" dirty="0"/>
              <a:t>オ</a:t>
            </a:r>
            <a:r>
              <a:rPr sz="2394" spc="-26" dirty="0"/>
              <a:t>ン</a:t>
            </a:r>
            <a:r>
              <a:rPr sz="2394" spc="-30" dirty="0"/>
              <a:t>支援の取組</a:t>
            </a:r>
            <a:r>
              <a:rPr sz="2394" spc="-43" dirty="0"/>
              <a:t>み</a:t>
            </a:r>
            <a:endParaRPr sz="2394" dirty="0"/>
          </a:p>
        </p:txBody>
      </p:sp>
      <p:sp>
        <p:nvSpPr>
          <p:cNvPr id="24" name="object 24"/>
          <p:cNvSpPr txBox="1"/>
          <p:nvPr/>
        </p:nvSpPr>
        <p:spPr>
          <a:xfrm>
            <a:off x="169729" y="615281"/>
            <a:ext cx="8974271" cy="594426"/>
          </a:xfrm>
          <a:prstGeom prst="rect">
            <a:avLst/>
          </a:prstGeom>
          <a:ln w="18288">
            <a:solidFill>
              <a:srgbClr val="000000"/>
            </a:solidFill>
          </a:ln>
        </p:spPr>
        <p:txBody>
          <a:bodyPr vert="horz" wrap="square" lIns="0" tIns="74390" rIns="0" bIns="0" rtlCol="0">
            <a:spAutoFit/>
          </a:bodyPr>
          <a:lstStyle/>
          <a:p>
            <a:pPr marL="385522" marR="152037" indent="-293214">
              <a:lnSpc>
                <a:spcPct val="111100"/>
              </a:lnSpc>
              <a:spcBef>
                <a:spcPts val="586"/>
              </a:spcBef>
              <a:buFont typeface="HGS"/>
              <a:buChar char="○"/>
              <a:tabLst>
                <a:tab pos="385522" algn="l"/>
              </a:tabLst>
            </a:pPr>
            <a:r>
              <a:rPr sz="1539" spc="-26" dirty="0">
                <a:latin typeface="Meiryo UI"/>
                <a:cs typeface="Meiryo UI"/>
              </a:rPr>
              <a:t>新技術の活用促進を図っていくため、</a:t>
            </a:r>
            <a:r>
              <a:rPr sz="1539" u="sng" spc="-21" dirty="0">
                <a:uFill>
                  <a:solidFill>
                    <a:srgbClr val="000000"/>
                  </a:solidFill>
                </a:uFill>
                <a:latin typeface="Meiryo UI"/>
                <a:cs typeface="Meiryo UI"/>
              </a:rPr>
              <a:t>専門家によるハンズオン支援を通じた新技術導入・技術者育成</a:t>
            </a:r>
            <a:r>
              <a:rPr sz="1539" u="sng" spc="-9" dirty="0">
                <a:uFill>
                  <a:solidFill>
                    <a:srgbClr val="000000"/>
                  </a:solidFill>
                </a:uFill>
                <a:latin typeface="Meiryo UI"/>
                <a:cs typeface="Meiryo UI"/>
              </a:rPr>
              <a:t>の体制構築</a:t>
            </a:r>
            <a:r>
              <a:rPr sz="1539" spc="-26" dirty="0">
                <a:latin typeface="Meiryo UI"/>
                <a:cs typeface="Meiryo UI"/>
              </a:rPr>
              <a:t>を行う</a:t>
            </a:r>
            <a:endParaRPr sz="1539">
              <a:latin typeface="Meiryo UI"/>
              <a:cs typeface="Meiryo UI"/>
            </a:endParaRPr>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196010D5-CC15-4B83-85DC-FD990909D02C}"/>
              </a:ext>
            </a:extLst>
          </p:cNvPr>
          <p:cNvSpPr>
            <a:spLocks noGrp="1"/>
          </p:cNvSpPr>
          <p:nvPr>
            <p:ph type="sldNum" sz="quarter" idx="12"/>
          </p:nvPr>
        </p:nvSpPr>
        <p:spPr/>
        <p:txBody>
          <a:bodyPr/>
          <a:lstStyle/>
          <a:p>
            <a:fld id="{350E13FB-DCAF-430E-9FD5-74CCF70954EF}" type="slidenum">
              <a:rPr lang="en-US" altLang="ja-JP" smtClean="0">
                <a:solidFill>
                  <a:srgbClr val="000000"/>
                </a:solidFill>
              </a:rPr>
              <a:pPr/>
              <a:t>2</a:t>
            </a:fld>
            <a:endParaRPr lang="en-US" altLang="ja-JP">
              <a:solidFill>
                <a:srgbClr val="000000"/>
              </a:solidFill>
            </a:endParaRPr>
          </a:p>
        </p:txBody>
      </p:sp>
      <p:sp>
        <p:nvSpPr>
          <p:cNvPr id="3" name="テキスト ボックス 2">
            <a:extLst>
              <a:ext uri="{FF2B5EF4-FFF2-40B4-BE49-F238E27FC236}">
                <a16:creationId xmlns:a16="http://schemas.microsoft.com/office/drawing/2014/main" id="{98658827-7309-AEAA-B104-FDFAC36F6AB5}"/>
              </a:ext>
            </a:extLst>
          </p:cNvPr>
          <p:cNvSpPr txBox="1"/>
          <p:nvPr/>
        </p:nvSpPr>
        <p:spPr>
          <a:xfrm>
            <a:off x="701040" y="716280"/>
            <a:ext cx="8097088" cy="4108048"/>
          </a:xfrm>
          <a:prstGeom prst="rect">
            <a:avLst/>
          </a:prstGeom>
          <a:noFill/>
        </p:spPr>
        <p:txBody>
          <a:bodyPr wrap="none" rtlCol="0">
            <a:spAutoFit/>
          </a:bodyPr>
          <a:lstStyle/>
          <a:p>
            <a:r>
              <a:rPr kumimoji="1" lang="ja-JP" altLang="en-US" dirty="0"/>
              <a:t>国から示された事項</a:t>
            </a:r>
            <a:endParaRPr kumimoji="1" lang="en-US" altLang="ja-JP" dirty="0"/>
          </a:p>
          <a:p>
            <a:endParaRPr lang="en-US" altLang="ja-JP" dirty="0"/>
          </a:p>
          <a:p>
            <a:r>
              <a:rPr kumimoji="1" lang="ja-JP" altLang="en-US" dirty="0"/>
              <a:t>１．「道路メンテナンス事業補助制度要綱の改正について」</a:t>
            </a:r>
            <a:endParaRPr kumimoji="1" lang="en-US" altLang="ja-JP" dirty="0"/>
          </a:p>
          <a:p>
            <a:r>
              <a:rPr lang="ja-JP" altLang="en-US" dirty="0"/>
              <a:t>　　　 （令和</a:t>
            </a:r>
            <a:r>
              <a:rPr lang="en-US" altLang="ja-JP" dirty="0"/>
              <a:t>3</a:t>
            </a:r>
            <a:r>
              <a:rPr lang="ja-JP" altLang="en-US" dirty="0"/>
              <a:t>年</a:t>
            </a:r>
            <a:r>
              <a:rPr lang="en-US" altLang="ja-JP" dirty="0"/>
              <a:t>3</a:t>
            </a:r>
            <a:r>
              <a:rPr lang="ja-JP" altLang="en-US" dirty="0"/>
              <a:t>月：国土交通省）</a:t>
            </a:r>
            <a:endParaRPr kumimoji="1" lang="en-US" altLang="ja-JP" dirty="0"/>
          </a:p>
          <a:p>
            <a:r>
              <a:rPr lang="ja-JP" altLang="en-US" dirty="0"/>
              <a:t>　　優先支援　の条件として</a:t>
            </a:r>
            <a:endParaRPr lang="en-US" altLang="ja-JP" dirty="0"/>
          </a:p>
          <a:p>
            <a:r>
              <a:rPr kumimoji="1" lang="ja-JP" altLang="en-US" dirty="0"/>
              <a:t>　　①新技術等の活用促進　⇒新技術の積極活用</a:t>
            </a:r>
            <a:endParaRPr kumimoji="1" lang="en-US" altLang="ja-JP" dirty="0"/>
          </a:p>
          <a:p>
            <a:r>
              <a:rPr lang="ja-JP" altLang="en-US" dirty="0"/>
              <a:t>　　②実効性のある長寿命化修繕計画の策定促進⇒マネジメント</a:t>
            </a:r>
            <a:endParaRPr lang="en-US" altLang="ja-JP" dirty="0"/>
          </a:p>
          <a:p>
            <a:endParaRPr lang="en-US" altLang="ja-JP" dirty="0"/>
          </a:p>
          <a:p>
            <a:pPr algn="l"/>
            <a:endParaRPr kumimoji="1" lang="en-US" altLang="ja-JP" dirty="0">
              <a:highlight>
                <a:srgbClr val="FFFF00"/>
              </a:highlight>
            </a:endParaRPr>
          </a:p>
          <a:p>
            <a:pPr algn="l"/>
            <a:r>
              <a:rPr kumimoji="1" lang="ja-JP" altLang="en-US" dirty="0">
                <a:highlight>
                  <a:srgbClr val="FFFF00"/>
                </a:highlight>
              </a:rPr>
              <a:t>２．</a:t>
            </a:r>
            <a:r>
              <a:rPr lang="ja-JP" altLang="en-US" sz="1800" b="0" i="0" u="none" strike="noStrike" baseline="0" dirty="0">
                <a:highlight>
                  <a:srgbClr val="FFFF00"/>
                </a:highlight>
                <a:latin typeface="UDデジタル教科書体NP-R"/>
              </a:rPr>
              <a:t>総力戦で取り組むべき次世代の「地域インフラ群再生戦略マネジメント</a:t>
            </a:r>
            <a:endParaRPr lang="en-US" altLang="ja-JP" sz="1800" b="0" i="0" u="none" strike="noStrike" baseline="0" dirty="0">
              <a:highlight>
                <a:srgbClr val="FFFF00"/>
              </a:highlight>
              <a:latin typeface="UDデジタル教科書体NP-R"/>
            </a:endParaRPr>
          </a:p>
          <a:p>
            <a:pPr algn="l"/>
            <a:r>
              <a:rPr lang="ja-JP" altLang="en-US" sz="1800" dirty="0">
                <a:highlight>
                  <a:srgbClr val="FFFF00"/>
                </a:highlight>
                <a:latin typeface="UDデジタル教科書体NP-R"/>
              </a:rPr>
              <a:t>　　</a:t>
            </a:r>
            <a:r>
              <a:rPr lang="en-US" altLang="ja-JP" sz="1800" b="0" i="0" u="none" strike="noStrike" baseline="0" dirty="0">
                <a:highlight>
                  <a:srgbClr val="FFFF00"/>
                </a:highlight>
                <a:latin typeface="UDデジタル教科書体NP-R"/>
              </a:rPr>
              <a:t>(</a:t>
            </a:r>
            <a:r>
              <a:rPr lang="ja-JP" altLang="en-US" sz="1800" b="0" i="0" u="none" strike="noStrike" baseline="0" dirty="0">
                <a:highlight>
                  <a:srgbClr val="FFFF00"/>
                </a:highlight>
                <a:latin typeface="UDデジタル教科書体NP-R"/>
              </a:rPr>
              <a:t>仮称</a:t>
            </a:r>
            <a:r>
              <a:rPr lang="en-US" altLang="ja-JP" sz="1800" b="0" i="0" u="none" strike="noStrike" baseline="0" dirty="0">
                <a:highlight>
                  <a:srgbClr val="FFFF00"/>
                </a:highlight>
                <a:latin typeface="UDデジタル教科書体NP-R"/>
              </a:rPr>
              <a:t>)</a:t>
            </a:r>
            <a:r>
              <a:rPr lang="ja-JP" altLang="en-US" sz="1800" b="0" i="0" u="none" strike="noStrike" baseline="0" dirty="0">
                <a:highlight>
                  <a:srgbClr val="FFFF00"/>
                </a:highlight>
                <a:latin typeface="UDデジタル教科書体NP-R"/>
              </a:rPr>
              <a:t>」～インフラメンテナンス第２フェーズへ～</a:t>
            </a:r>
          </a:p>
          <a:p>
            <a:pPr algn="l"/>
            <a:r>
              <a:rPr lang="ja-JP" altLang="en-US" sz="1800" b="0" i="0" u="none" strike="noStrike" baseline="0" dirty="0">
                <a:highlight>
                  <a:srgbClr val="FFFF00"/>
                </a:highlight>
                <a:latin typeface="UDデジタル教科書体NP-R"/>
              </a:rPr>
              <a:t>　　　社会資本メンテナンス戦略小委員会　</a:t>
            </a:r>
            <a:r>
              <a:rPr lang="zh-TW" altLang="en-US" sz="1800" b="0" i="0" u="none" strike="noStrike" baseline="0" dirty="0">
                <a:highlight>
                  <a:srgbClr val="FFFF00"/>
                </a:highlight>
                <a:latin typeface="UDデジタル教科書体NP-R"/>
              </a:rPr>
              <a:t>提言書（案）</a:t>
            </a:r>
            <a:endParaRPr lang="en-US" altLang="zh-TW" sz="1800" b="0" i="0" u="none" strike="noStrike" baseline="0" dirty="0">
              <a:highlight>
                <a:srgbClr val="FFFF00"/>
              </a:highlight>
              <a:latin typeface="UDデジタル教科書体NP-R"/>
            </a:endParaRPr>
          </a:p>
          <a:p>
            <a:pPr algn="l"/>
            <a:endParaRPr kumimoji="1" lang="ja-JP" altLang="en-US" dirty="0"/>
          </a:p>
        </p:txBody>
      </p:sp>
      <p:sp>
        <p:nvSpPr>
          <p:cNvPr id="4" name="矢印: 下 3">
            <a:extLst>
              <a:ext uri="{FF2B5EF4-FFF2-40B4-BE49-F238E27FC236}">
                <a16:creationId xmlns:a16="http://schemas.microsoft.com/office/drawing/2014/main" id="{16487E47-B5CB-255E-D168-FF59B33C79E5}"/>
              </a:ext>
            </a:extLst>
          </p:cNvPr>
          <p:cNvSpPr/>
          <p:nvPr/>
        </p:nvSpPr>
        <p:spPr>
          <a:xfrm>
            <a:off x="3057944" y="4546846"/>
            <a:ext cx="1691640" cy="56388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テキスト ボックス 4">
            <a:extLst>
              <a:ext uri="{FF2B5EF4-FFF2-40B4-BE49-F238E27FC236}">
                <a16:creationId xmlns:a16="http://schemas.microsoft.com/office/drawing/2014/main" id="{D392E1AC-8F47-08F8-FC0D-CD099A44B3BB}"/>
              </a:ext>
            </a:extLst>
          </p:cNvPr>
          <p:cNvSpPr txBox="1"/>
          <p:nvPr/>
        </p:nvSpPr>
        <p:spPr>
          <a:xfrm>
            <a:off x="1051060" y="5105282"/>
            <a:ext cx="5968301" cy="1036438"/>
          </a:xfrm>
          <a:prstGeom prst="rect">
            <a:avLst/>
          </a:prstGeom>
          <a:noFill/>
        </p:spPr>
        <p:txBody>
          <a:bodyPr wrap="none" rtlCol="0">
            <a:spAutoFit/>
          </a:bodyPr>
          <a:lstStyle/>
          <a:p>
            <a:r>
              <a:rPr kumimoji="1" lang="ja-JP" altLang="en-US" dirty="0"/>
              <a:t>示されただけで、具体的なことは出ていない。</a:t>
            </a:r>
            <a:endParaRPr kumimoji="1" lang="en-US" altLang="ja-JP" dirty="0"/>
          </a:p>
          <a:p>
            <a:endParaRPr lang="en-US" altLang="ja-JP" dirty="0"/>
          </a:p>
          <a:p>
            <a:r>
              <a:rPr kumimoji="1" lang="ja-JP" altLang="en-US" dirty="0">
                <a:solidFill>
                  <a:srgbClr val="FF0000"/>
                </a:solidFill>
              </a:rPr>
              <a:t>自治体は、きちんと考えて実行しろ</a:t>
            </a:r>
            <a:r>
              <a:rPr kumimoji="1" lang="ja-JP" altLang="en-US" dirty="0"/>
              <a:t>ということ！</a:t>
            </a:r>
          </a:p>
        </p:txBody>
      </p:sp>
      <p:sp>
        <p:nvSpPr>
          <p:cNvPr id="6" name="吹き出し: 四角形 5">
            <a:extLst>
              <a:ext uri="{FF2B5EF4-FFF2-40B4-BE49-F238E27FC236}">
                <a16:creationId xmlns:a16="http://schemas.microsoft.com/office/drawing/2014/main" id="{298E765B-9DB3-6558-8142-9D619874846E}"/>
              </a:ext>
            </a:extLst>
          </p:cNvPr>
          <p:cNvSpPr/>
          <p:nvPr/>
        </p:nvSpPr>
        <p:spPr>
          <a:xfrm>
            <a:off x="7019361" y="4738780"/>
            <a:ext cx="1961535" cy="612648"/>
          </a:xfrm>
          <a:prstGeom prst="wedgeRectCallout">
            <a:avLst>
              <a:gd name="adj1" fmla="val -57760"/>
              <a:gd name="adj2" fmla="val -130085"/>
            </a:avLst>
          </a:prstGeom>
          <a:solidFill>
            <a:srgbClr val="FFC000"/>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tx1"/>
                </a:solidFill>
              </a:rPr>
              <a:t>群管理</a:t>
            </a:r>
          </a:p>
        </p:txBody>
      </p:sp>
      <p:sp>
        <p:nvSpPr>
          <p:cNvPr id="7" name="吹き出し: 四角形 6">
            <a:extLst>
              <a:ext uri="{FF2B5EF4-FFF2-40B4-BE49-F238E27FC236}">
                <a16:creationId xmlns:a16="http://schemas.microsoft.com/office/drawing/2014/main" id="{F799F79A-F1CD-7373-2339-A6A7B96F7CF2}"/>
              </a:ext>
            </a:extLst>
          </p:cNvPr>
          <p:cNvSpPr/>
          <p:nvPr/>
        </p:nvSpPr>
        <p:spPr>
          <a:xfrm>
            <a:off x="6836593" y="2958080"/>
            <a:ext cx="1961535" cy="612648"/>
          </a:xfrm>
          <a:prstGeom prst="wedgeRectCallout">
            <a:avLst>
              <a:gd name="adj1" fmla="val -74301"/>
              <a:gd name="adj2" fmla="val -45829"/>
            </a:avLst>
          </a:prstGeom>
          <a:solidFill>
            <a:srgbClr val="FF00FF"/>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tx1"/>
                </a:solidFill>
              </a:rPr>
              <a:t>マネジメント</a:t>
            </a:r>
          </a:p>
        </p:txBody>
      </p:sp>
      <p:sp>
        <p:nvSpPr>
          <p:cNvPr id="8" name="吹き出し: 四角形 7">
            <a:extLst>
              <a:ext uri="{FF2B5EF4-FFF2-40B4-BE49-F238E27FC236}">
                <a16:creationId xmlns:a16="http://schemas.microsoft.com/office/drawing/2014/main" id="{7E82C252-198B-FACD-9B79-68CACDC4FC70}"/>
              </a:ext>
            </a:extLst>
          </p:cNvPr>
          <p:cNvSpPr/>
          <p:nvPr/>
        </p:nvSpPr>
        <p:spPr>
          <a:xfrm>
            <a:off x="6863308" y="1837180"/>
            <a:ext cx="1961535" cy="612648"/>
          </a:xfrm>
          <a:prstGeom prst="wedgeRectCallout">
            <a:avLst>
              <a:gd name="adj1" fmla="val -63023"/>
              <a:gd name="adj2" fmla="val 28798"/>
            </a:avLst>
          </a:prstGeom>
          <a:solidFill>
            <a:srgbClr val="92D050"/>
          </a:solidFill>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chemeClr val="tx1"/>
                </a:solidFill>
              </a:rPr>
              <a:t>新技術</a:t>
            </a:r>
          </a:p>
        </p:txBody>
      </p:sp>
    </p:spTree>
    <p:extLst>
      <p:ext uri="{BB962C8B-B14F-4D97-AF65-F5344CB8AC3E}">
        <p14:creationId xmlns:p14="http://schemas.microsoft.com/office/powerpoint/2010/main" val="220386905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365590" y="495210"/>
            <a:ext cx="1440017" cy="288003"/>
          </a:xfrm>
          <a:prstGeom prst="rect">
            <a:avLst/>
          </a:prstGeom>
        </p:spPr>
      </p:pic>
      <p:sp>
        <p:nvSpPr>
          <p:cNvPr id="3" name="object 3"/>
          <p:cNvSpPr txBox="1">
            <a:spLocks noGrp="1"/>
          </p:cNvSpPr>
          <p:nvPr>
            <p:ph type="title"/>
          </p:nvPr>
        </p:nvSpPr>
        <p:spPr>
          <a:xfrm flipH="1">
            <a:off x="0" y="195478"/>
            <a:ext cx="8103626" cy="353047"/>
          </a:xfrm>
          <a:prstGeom prst="rect">
            <a:avLst/>
          </a:prstGeom>
        </p:spPr>
        <p:txBody>
          <a:bodyPr vert="horz" wrap="square" lIns="0" tIns="10860" rIns="0" bIns="0" rtlCol="0">
            <a:spAutoFit/>
          </a:bodyPr>
          <a:lstStyle/>
          <a:p>
            <a:pPr marL="10860">
              <a:lnSpc>
                <a:spcPct val="100000"/>
              </a:lnSpc>
              <a:spcBef>
                <a:spcPts val="86"/>
              </a:spcBef>
              <a:tabLst>
                <a:tab pos="1868966" algn="l"/>
              </a:tabLst>
            </a:pPr>
            <a:r>
              <a:rPr sz="2223" dirty="0"/>
              <a:t>【</a:t>
            </a:r>
            <a:r>
              <a:rPr sz="2223" dirty="0">
                <a:solidFill>
                  <a:srgbClr val="E46B0A"/>
                </a:solidFill>
              </a:rPr>
              <a:t>技術者</a:t>
            </a:r>
            <a:r>
              <a:rPr sz="2223" spc="-9" dirty="0"/>
              <a:t>の</a:t>
            </a:r>
            <a:r>
              <a:rPr sz="2223" dirty="0"/>
              <a:t>束</a:t>
            </a:r>
            <a:r>
              <a:rPr sz="2223" spc="-43" dirty="0"/>
              <a:t>】</a:t>
            </a:r>
            <a:r>
              <a:rPr sz="2223" dirty="0"/>
              <a:t>	市町村</a:t>
            </a:r>
            <a:r>
              <a:rPr sz="2223" spc="-9" dirty="0"/>
              <a:t>の</a:t>
            </a:r>
            <a:r>
              <a:rPr sz="2223" dirty="0"/>
              <a:t>技術者育成（奈</a:t>
            </a:r>
            <a:r>
              <a:rPr sz="2223" spc="-13" dirty="0"/>
              <a:t>良</a:t>
            </a:r>
            <a:r>
              <a:rPr sz="2223" dirty="0"/>
              <a:t>県</a:t>
            </a:r>
            <a:r>
              <a:rPr sz="2223" spc="-9" dirty="0"/>
              <a:t>の</a:t>
            </a:r>
            <a:r>
              <a:rPr sz="2223" dirty="0"/>
              <a:t>取</a:t>
            </a:r>
            <a:r>
              <a:rPr sz="2223" spc="-13" dirty="0"/>
              <a:t>組</a:t>
            </a:r>
            <a:r>
              <a:rPr sz="2223" dirty="0"/>
              <a:t>事例</a:t>
            </a:r>
            <a:r>
              <a:rPr sz="2223" spc="-43" dirty="0"/>
              <a:t>）</a:t>
            </a:r>
            <a:endParaRPr sz="2223" dirty="0"/>
          </a:p>
        </p:txBody>
      </p:sp>
      <p:sp>
        <p:nvSpPr>
          <p:cNvPr id="4" name="object 4"/>
          <p:cNvSpPr txBox="1"/>
          <p:nvPr/>
        </p:nvSpPr>
        <p:spPr>
          <a:xfrm>
            <a:off x="8508047" y="6110194"/>
            <a:ext cx="237831" cy="220925"/>
          </a:xfrm>
          <a:prstGeom prst="rect">
            <a:avLst/>
          </a:prstGeom>
        </p:spPr>
        <p:txBody>
          <a:bodyPr vert="horz" wrap="square" lIns="0" tIns="10317" rIns="0" bIns="0" rtlCol="0">
            <a:spAutoFit/>
          </a:bodyPr>
          <a:lstStyle/>
          <a:p>
            <a:pPr marL="10860">
              <a:spcBef>
                <a:spcPts val="81"/>
              </a:spcBef>
            </a:pPr>
            <a:r>
              <a:rPr sz="1368" spc="-21" dirty="0">
                <a:latin typeface="Meiryo UI"/>
                <a:cs typeface="Meiryo UI"/>
              </a:rPr>
              <a:t>13</a:t>
            </a:r>
            <a:endParaRPr sz="1368">
              <a:latin typeface="Meiryo UI"/>
              <a:cs typeface="Meiryo UI"/>
            </a:endParaRPr>
          </a:p>
        </p:txBody>
      </p:sp>
      <p:sp>
        <p:nvSpPr>
          <p:cNvPr id="5" name="object 5"/>
          <p:cNvSpPr txBox="1"/>
          <p:nvPr/>
        </p:nvSpPr>
        <p:spPr>
          <a:xfrm>
            <a:off x="475661" y="1075126"/>
            <a:ext cx="8103626" cy="1455461"/>
          </a:xfrm>
          <a:prstGeom prst="rect">
            <a:avLst/>
          </a:prstGeom>
          <a:ln w="9144">
            <a:solidFill>
              <a:srgbClr val="000000"/>
            </a:solidFill>
          </a:ln>
        </p:spPr>
        <p:txBody>
          <a:bodyPr vert="horz" wrap="square" lIns="0" tIns="217740" rIns="0" bIns="0" rtlCol="0">
            <a:spAutoFit/>
          </a:bodyPr>
          <a:lstStyle/>
          <a:p>
            <a:pPr marL="373576" indent="-325793" algn="just">
              <a:spcBef>
                <a:spcPts val="1714"/>
              </a:spcBef>
              <a:buChar char="○"/>
              <a:tabLst>
                <a:tab pos="373576" algn="l"/>
              </a:tabLst>
            </a:pPr>
            <a:r>
              <a:rPr sz="1539" spc="-17" dirty="0">
                <a:latin typeface="Meiryo UI"/>
                <a:cs typeface="Meiryo UI"/>
              </a:rPr>
              <a:t>奈良県では、市町村の</a:t>
            </a:r>
            <a:r>
              <a:rPr sz="1539" b="1" dirty="0">
                <a:solidFill>
                  <a:srgbClr val="FF0000"/>
                </a:solidFill>
                <a:latin typeface="Meiryo UI"/>
                <a:cs typeface="Meiryo UI"/>
              </a:rPr>
              <a:t>橋梁補修設計業務</a:t>
            </a:r>
            <a:r>
              <a:rPr sz="1539" spc="-9" dirty="0">
                <a:latin typeface="Meiryo UI"/>
                <a:cs typeface="Meiryo UI"/>
              </a:rPr>
              <a:t>及び</a:t>
            </a:r>
            <a:r>
              <a:rPr sz="1539" b="1" dirty="0">
                <a:solidFill>
                  <a:srgbClr val="FF0000"/>
                </a:solidFill>
                <a:latin typeface="Meiryo UI"/>
                <a:cs typeface="Meiryo UI"/>
              </a:rPr>
              <a:t>補修工事</a:t>
            </a:r>
            <a:r>
              <a:rPr sz="1539" spc="-17" dirty="0">
                <a:latin typeface="Meiryo UI"/>
                <a:cs typeface="Meiryo UI"/>
              </a:rPr>
              <a:t>を県が</a:t>
            </a:r>
            <a:r>
              <a:rPr sz="1539" b="1" spc="-9" dirty="0">
                <a:solidFill>
                  <a:srgbClr val="FF0000"/>
                </a:solidFill>
                <a:latin typeface="Meiryo UI"/>
                <a:cs typeface="Meiryo UI"/>
              </a:rPr>
              <a:t>受託する「垂直補完」</a:t>
            </a:r>
            <a:r>
              <a:rPr sz="1539" spc="-26" dirty="0">
                <a:latin typeface="Meiryo UI"/>
                <a:cs typeface="Meiryo UI"/>
              </a:rPr>
              <a:t>を実施</a:t>
            </a:r>
            <a:endParaRPr sz="1539" dirty="0">
              <a:latin typeface="Meiryo UI"/>
              <a:cs typeface="Meiryo UI"/>
            </a:endParaRPr>
          </a:p>
          <a:p>
            <a:pPr marL="197648" marR="128688" indent="-149865" algn="just">
              <a:spcBef>
                <a:spcPts val="428"/>
              </a:spcBef>
              <a:buClr>
                <a:srgbClr val="000000"/>
              </a:buClr>
              <a:buFont typeface="Meiryo UI"/>
              <a:buChar char="○"/>
              <a:tabLst>
                <a:tab pos="197648" algn="l"/>
                <a:tab pos="373576" algn="l"/>
              </a:tabLst>
            </a:pPr>
            <a:r>
              <a:rPr sz="1539" b="1" spc="-13" dirty="0">
                <a:solidFill>
                  <a:srgbClr val="FF0000"/>
                </a:solidFill>
                <a:latin typeface="Meiryo UI"/>
                <a:cs typeface="Meiryo UI"/>
              </a:rPr>
              <a:t>	市町村が、県土木事務所へ職員を派遣</a:t>
            </a:r>
            <a:r>
              <a:rPr sz="1539" spc="-30" dirty="0">
                <a:latin typeface="Meiryo UI"/>
                <a:cs typeface="Meiryo UI"/>
              </a:rPr>
              <a:t>し、県土木事務所の技術職員の指導を受けながら、発注</a:t>
            </a:r>
            <a:r>
              <a:rPr sz="1539" spc="-26" dirty="0">
                <a:latin typeface="Meiryo UI"/>
                <a:cs typeface="Meiryo UI"/>
              </a:rPr>
              <a:t>から監督業務まで一連の現場に携わることで、</a:t>
            </a:r>
            <a:r>
              <a:rPr sz="1539" b="1" dirty="0">
                <a:solidFill>
                  <a:srgbClr val="FF0000"/>
                </a:solidFill>
                <a:latin typeface="Meiryo UI"/>
                <a:cs typeface="Meiryo UI"/>
              </a:rPr>
              <a:t>技術力の向上</a:t>
            </a:r>
            <a:r>
              <a:rPr sz="1539" spc="-26" dirty="0">
                <a:latin typeface="Meiryo UI"/>
                <a:cs typeface="Meiryo UI"/>
              </a:rPr>
              <a:t>を図り、各市町村へ技術を持ち帰ること</a:t>
            </a:r>
            <a:r>
              <a:rPr sz="1539" spc="-30" dirty="0">
                <a:latin typeface="Meiryo UI"/>
                <a:cs typeface="Meiryo UI"/>
              </a:rPr>
              <a:t>で、技術力の不足という課題の解決に向けた取組を行っている</a:t>
            </a:r>
            <a:endParaRPr sz="1539" dirty="0">
              <a:latin typeface="Meiryo UI"/>
              <a:cs typeface="Meiryo UI"/>
            </a:endParaRPr>
          </a:p>
        </p:txBody>
      </p:sp>
      <p:grpSp>
        <p:nvGrpSpPr>
          <p:cNvPr id="6" name="object 6"/>
          <p:cNvGrpSpPr/>
          <p:nvPr/>
        </p:nvGrpSpPr>
        <p:grpSpPr>
          <a:xfrm>
            <a:off x="4120664" y="4077660"/>
            <a:ext cx="1987354" cy="1507891"/>
            <a:chOff x="4818888" y="4539996"/>
            <a:chExt cx="2324100" cy="1763395"/>
          </a:xfrm>
        </p:grpSpPr>
        <p:pic>
          <p:nvPicPr>
            <p:cNvPr id="7" name="object 7"/>
            <p:cNvPicPr/>
            <p:nvPr/>
          </p:nvPicPr>
          <p:blipFill>
            <a:blip r:embed="rId3" cstate="print"/>
            <a:stretch>
              <a:fillRect/>
            </a:stretch>
          </p:blipFill>
          <p:spPr>
            <a:xfrm>
              <a:off x="4818888" y="4539996"/>
              <a:ext cx="2324100" cy="1743455"/>
            </a:xfrm>
            <a:prstGeom prst="rect">
              <a:avLst/>
            </a:prstGeom>
          </p:spPr>
        </p:pic>
        <p:pic>
          <p:nvPicPr>
            <p:cNvPr id="8" name="object 8"/>
            <p:cNvPicPr/>
            <p:nvPr/>
          </p:nvPicPr>
          <p:blipFill>
            <a:blip r:embed="rId4" cstate="print"/>
            <a:stretch>
              <a:fillRect/>
            </a:stretch>
          </p:blipFill>
          <p:spPr>
            <a:xfrm>
              <a:off x="4818888" y="6028949"/>
              <a:ext cx="2324100" cy="274319"/>
            </a:xfrm>
            <a:prstGeom prst="rect">
              <a:avLst/>
            </a:prstGeom>
          </p:spPr>
        </p:pic>
      </p:grpSp>
      <p:sp>
        <p:nvSpPr>
          <p:cNvPr id="9" name="object 9"/>
          <p:cNvSpPr txBox="1"/>
          <p:nvPr/>
        </p:nvSpPr>
        <p:spPr>
          <a:xfrm>
            <a:off x="4558100" y="5381711"/>
            <a:ext cx="1282261" cy="161129"/>
          </a:xfrm>
          <a:prstGeom prst="rect">
            <a:avLst/>
          </a:prstGeom>
        </p:spPr>
        <p:txBody>
          <a:bodyPr vert="horz" wrap="square" lIns="0" tIns="9774" rIns="0" bIns="0" rtlCol="0">
            <a:spAutoFit/>
          </a:bodyPr>
          <a:lstStyle/>
          <a:p>
            <a:pPr marL="10860">
              <a:spcBef>
                <a:spcPts val="77"/>
              </a:spcBef>
            </a:pPr>
            <a:r>
              <a:rPr sz="983" spc="-21" dirty="0">
                <a:latin typeface="Meiryo UI"/>
                <a:cs typeface="Meiryo UI"/>
              </a:rPr>
              <a:t>積算資料の作成指導</a:t>
            </a:r>
            <a:endParaRPr sz="983" dirty="0">
              <a:latin typeface="Meiryo UI"/>
              <a:cs typeface="Meiryo UI"/>
            </a:endParaRPr>
          </a:p>
        </p:txBody>
      </p:sp>
      <p:grpSp>
        <p:nvGrpSpPr>
          <p:cNvPr id="10" name="object 10"/>
          <p:cNvGrpSpPr/>
          <p:nvPr/>
        </p:nvGrpSpPr>
        <p:grpSpPr>
          <a:xfrm>
            <a:off x="6303495" y="3893698"/>
            <a:ext cx="2204551" cy="1677736"/>
            <a:chOff x="7371588" y="4539996"/>
            <a:chExt cx="2324100" cy="1746885"/>
          </a:xfrm>
        </p:grpSpPr>
        <p:pic>
          <p:nvPicPr>
            <p:cNvPr id="11" name="object 11"/>
            <p:cNvPicPr/>
            <p:nvPr/>
          </p:nvPicPr>
          <p:blipFill>
            <a:blip r:embed="rId5" cstate="print"/>
            <a:stretch>
              <a:fillRect/>
            </a:stretch>
          </p:blipFill>
          <p:spPr>
            <a:xfrm>
              <a:off x="7371588" y="4539996"/>
              <a:ext cx="2324100" cy="1743455"/>
            </a:xfrm>
            <a:prstGeom prst="rect">
              <a:avLst/>
            </a:prstGeom>
          </p:spPr>
        </p:pic>
        <p:pic>
          <p:nvPicPr>
            <p:cNvPr id="12" name="object 12"/>
            <p:cNvPicPr/>
            <p:nvPr/>
          </p:nvPicPr>
          <p:blipFill>
            <a:blip r:embed="rId6" cstate="print"/>
            <a:stretch>
              <a:fillRect/>
            </a:stretch>
          </p:blipFill>
          <p:spPr>
            <a:xfrm>
              <a:off x="7371588" y="6012180"/>
              <a:ext cx="2322576" cy="274320"/>
            </a:xfrm>
            <a:prstGeom prst="rect">
              <a:avLst/>
            </a:prstGeom>
          </p:spPr>
        </p:pic>
      </p:grpSp>
      <p:pic>
        <p:nvPicPr>
          <p:cNvPr id="13" name="object 13"/>
          <p:cNvPicPr/>
          <p:nvPr/>
        </p:nvPicPr>
        <p:blipFill>
          <a:blip r:embed="rId7" cstate="print"/>
          <a:stretch>
            <a:fillRect/>
          </a:stretch>
        </p:blipFill>
        <p:spPr>
          <a:xfrm>
            <a:off x="4065930" y="3178463"/>
            <a:ext cx="95132" cy="110770"/>
          </a:xfrm>
          <a:prstGeom prst="rect">
            <a:avLst/>
          </a:prstGeom>
        </p:spPr>
      </p:pic>
      <p:pic>
        <p:nvPicPr>
          <p:cNvPr id="14" name="object 14"/>
          <p:cNvPicPr/>
          <p:nvPr/>
        </p:nvPicPr>
        <p:blipFill>
          <a:blip r:embed="rId8" cstate="print"/>
          <a:stretch>
            <a:fillRect/>
          </a:stretch>
        </p:blipFill>
        <p:spPr>
          <a:xfrm>
            <a:off x="4065930" y="3415642"/>
            <a:ext cx="95132" cy="110770"/>
          </a:xfrm>
          <a:prstGeom prst="rect">
            <a:avLst/>
          </a:prstGeom>
        </p:spPr>
      </p:pic>
      <p:sp>
        <p:nvSpPr>
          <p:cNvPr id="15" name="object 15"/>
          <p:cNvSpPr txBox="1"/>
          <p:nvPr/>
        </p:nvSpPr>
        <p:spPr>
          <a:xfrm>
            <a:off x="4004681" y="3072905"/>
            <a:ext cx="4286386" cy="668647"/>
          </a:xfrm>
          <a:prstGeom prst="rect">
            <a:avLst/>
          </a:prstGeom>
          <a:ln w="9144">
            <a:solidFill>
              <a:srgbClr val="000000"/>
            </a:solidFill>
          </a:ln>
        </p:spPr>
        <p:txBody>
          <a:bodyPr vert="horz" wrap="square" lIns="0" tIns="64073" rIns="0" bIns="0" rtlCol="0">
            <a:spAutoFit/>
          </a:bodyPr>
          <a:lstStyle/>
          <a:p>
            <a:pPr marL="197648">
              <a:spcBef>
                <a:spcPts val="505"/>
              </a:spcBef>
            </a:pPr>
            <a:r>
              <a:rPr sz="1197" spc="-4" dirty="0">
                <a:latin typeface="Meiryo UI"/>
                <a:cs typeface="Meiryo UI"/>
              </a:rPr>
              <a:t>職員派遣は、</a:t>
            </a:r>
            <a:r>
              <a:rPr sz="1197" spc="-4" dirty="0">
                <a:solidFill>
                  <a:srgbClr val="FF0000"/>
                </a:solidFill>
                <a:latin typeface="Meiryo UI"/>
                <a:cs typeface="Meiryo UI"/>
              </a:rPr>
              <a:t>設計積算期間</a:t>
            </a:r>
            <a:r>
              <a:rPr sz="1197" spc="-9" dirty="0">
                <a:latin typeface="Meiryo UI"/>
                <a:cs typeface="Meiryo UI"/>
              </a:rPr>
              <a:t>と</a:t>
            </a:r>
            <a:r>
              <a:rPr sz="1197" spc="-17" dirty="0">
                <a:solidFill>
                  <a:srgbClr val="FF0000"/>
                </a:solidFill>
                <a:latin typeface="Meiryo UI"/>
                <a:cs typeface="Meiryo UI"/>
              </a:rPr>
              <a:t>業務・工事実施期間</a:t>
            </a:r>
            <a:endParaRPr sz="1197">
              <a:latin typeface="Meiryo UI"/>
              <a:cs typeface="Meiryo UI"/>
            </a:endParaRPr>
          </a:p>
          <a:p>
            <a:pPr marL="197648" marR="75475">
              <a:spcBef>
                <a:spcPts val="432"/>
              </a:spcBef>
            </a:pPr>
            <a:r>
              <a:rPr sz="1197" spc="-9" dirty="0">
                <a:latin typeface="Meiryo UI"/>
                <a:cs typeface="Meiryo UI"/>
              </a:rPr>
              <a:t>派遣頻度は、設計積算中は</a:t>
            </a:r>
            <a:r>
              <a:rPr sz="1197" dirty="0">
                <a:solidFill>
                  <a:srgbClr val="FF0000"/>
                </a:solidFill>
                <a:latin typeface="Meiryo UI"/>
                <a:cs typeface="Meiryo UI"/>
              </a:rPr>
              <a:t>週</a:t>
            </a:r>
            <a:r>
              <a:rPr sz="1197" spc="-17" dirty="0">
                <a:solidFill>
                  <a:srgbClr val="FF0000"/>
                </a:solidFill>
                <a:latin typeface="Meiryo UI"/>
                <a:cs typeface="Meiryo UI"/>
              </a:rPr>
              <a:t>2～4</a:t>
            </a:r>
            <a:r>
              <a:rPr sz="1197" spc="-4" dirty="0">
                <a:solidFill>
                  <a:srgbClr val="FF0000"/>
                </a:solidFill>
                <a:latin typeface="Meiryo UI"/>
                <a:cs typeface="Meiryo UI"/>
              </a:rPr>
              <a:t>日程度</a:t>
            </a:r>
            <a:r>
              <a:rPr sz="1197" spc="-9" dirty="0">
                <a:latin typeface="Meiryo UI"/>
                <a:cs typeface="Meiryo UI"/>
              </a:rPr>
              <a:t>を2</a:t>
            </a:r>
            <a:r>
              <a:rPr sz="1197" spc="-17" dirty="0">
                <a:latin typeface="Meiryo UI"/>
                <a:cs typeface="Meiryo UI"/>
              </a:rPr>
              <a:t>ヶ月程度、業務実</a:t>
            </a:r>
            <a:r>
              <a:rPr sz="1197" spc="-13" dirty="0">
                <a:latin typeface="Meiryo UI"/>
                <a:cs typeface="Meiryo UI"/>
              </a:rPr>
              <a:t>施・工事中は完了までの間、</a:t>
            </a:r>
            <a:r>
              <a:rPr sz="1197" dirty="0">
                <a:solidFill>
                  <a:srgbClr val="FF0000"/>
                </a:solidFill>
                <a:latin typeface="Meiryo UI"/>
                <a:cs typeface="Meiryo UI"/>
              </a:rPr>
              <a:t>週</a:t>
            </a:r>
            <a:r>
              <a:rPr sz="1197" spc="-9" dirty="0">
                <a:solidFill>
                  <a:srgbClr val="FF0000"/>
                </a:solidFill>
                <a:latin typeface="Meiryo UI"/>
                <a:cs typeface="Meiryo UI"/>
              </a:rPr>
              <a:t>1～</a:t>
            </a:r>
            <a:r>
              <a:rPr sz="1197" spc="-17" dirty="0">
                <a:solidFill>
                  <a:srgbClr val="FF0000"/>
                </a:solidFill>
                <a:latin typeface="Meiryo UI"/>
                <a:cs typeface="Meiryo UI"/>
              </a:rPr>
              <a:t>２日程度</a:t>
            </a:r>
            <a:endParaRPr sz="1197">
              <a:latin typeface="Meiryo UI"/>
              <a:cs typeface="Meiryo UI"/>
            </a:endParaRPr>
          </a:p>
        </p:txBody>
      </p:sp>
      <p:sp>
        <p:nvSpPr>
          <p:cNvPr id="16" name="object 16"/>
          <p:cNvSpPr txBox="1"/>
          <p:nvPr/>
        </p:nvSpPr>
        <p:spPr>
          <a:xfrm>
            <a:off x="6866035" y="5367376"/>
            <a:ext cx="965359" cy="161129"/>
          </a:xfrm>
          <a:prstGeom prst="rect">
            <a:avLst/>
          </a:prstGeom>
        </p:spPr>
        <p:txBody>
          <a:bodyPr vert="horz" wrap="square" lIns="0" tIns="9774" rIns="0" bIns="0" rtlCol="0">
            <a:spAutoFit/>
          </a:bodyPr>
          <a:lstStyle/>
          <a:p>
            <a:pPr marL="10860">
              <a:spcBef>
                <a:spcPts val="77"/>
              </a:spcBef>
            </a:pPr>
            <a:r>
              <a:rPr sz="983" spc="-21" dirty="0">
                <a:latin typeface="Meiryo UI"/>
                <a:cs typeface="Meiryo UI"/>
              </a:rPr>
              <a:t>現場立会に臨場</a:t>
            </a:r>
            <a:endParaRPr sz="983" dirty="0">
              <a:latin typeface="Meiryo UI"/>
              <a:cs typeface="Meiryo UI"/>
            </a:endParaRPr>
          </a:p>
        </p:txBody>
      </p:sp>
      <p:sp>
        <p:nvSpPr>
          <p:cNvPr id="17" name="object 17"/>
          <p:cNvSpPr txBox="1"/>
          <p:nvPr/>
        </p:nvSpPr>
        <p:spPr>
          <a:xfrm>
            <a:off x="3927359" y="2674999"/>
            <a:ext cx="1817870" cy="220925"/>
          </a:xfrm>
          <a:prstGeom prst="rect">
            <a:avLst/>
          </a:prstGeom>
        </p:spPr>
        <p:txBody>
          <a:bodyPr vert="horz" wrap="square" lIns="0" tIns="10317" rIns="0" bIns="0" rtlCol="0">
            <a:spAutoFit/>
          </a:bodyPr>
          <a:lstStyle/>
          <a:p>
            <a:pPr marL="10860">
              <a:spcBef>
                <a:spcPts val="81"/>
              </a:spcBef>
            </a:pPr>
            <a:r>
              <a:rPr sz="1368" spc="-26" dirty="0">
                <a:latin typeface="Meiryo UI"/>
                <a:cs typeface="Meiryo UI"/>
              </a:rPr>
              <a:t>【市町村の職員派遣】</a:t>
            </a:r>
            <a:endParaRPr sz="1368" dirty="0">
              <a:latin typeface="Meiryo UI"/>
              <a:cs typeface="Meiryo UI"/>
            </a:endParaRPr>
          </a:p>
        </p:txBody>
      </p:sp>
      <p:sp>
        <p:nvSpPr>
          <p:cNvPr id="18" name="object 18"/>
          <p:cNvSpPr txBox="1"/>
          <p:nvPr/>
        </p:nvSpPr>
        <p:spPr>
          <a:xfrm>
            <a:off x="6347369" y="6094555"/>
            <a:ext cx="1916765" cy="247954"/>
          </a:xfrm>
          <a:prstGeom prst="rect">
            <a:avLst/>
          </a:prstGeom>
        </p:spPr>
        <p:txBody>
          <a:bodyPr vert="horz" wrap="square" lIns="0" tIns="10860" rIns="0" bIns="0" rtlCol="0">
            <a:spAutoFit/>
          </a:bodyPr>
          <a:lstStyle/>
          <a:p>
            <a:pPr marL="10860">
              <a:spcBef>
                <a:spcPts val="86"/>
              </a:spcBef>
            </a:pPr>
            <a:r>
              <a:rPr sz="770" spc="-9" dirty="0">
                <a:latin typeface="Meiryo UI"/>
                <a:cs typeface="Meiryo UI"/>
              </a:rPr>
              <a:t>※出典：奈良県提供資料より国土交通省作成</a:t>
            </a:r>
            <a:endParaRPr sz="770">
              <a:latin typeface="Meiryo UI"/>
              <a:cs typeface="Meiryo UI"/>
            </a:endParaRPr>
          </a:p>
        </p:txBody>
      </p:sp>
      <p:grpSp>
        <p:nvGrpSpPr>
          <p:cNvPr id="19" name="object 19"/>
          <p:cNvGrpSpPr/>
          <p:nvPr/>
        </p:nvGrpSpPr>
        <p:grpSpPr>
          <a:xfrm>
            <a:off x="1275110" y="3572621"/>
            <a:ext cx="1904276" cy="391497"/>
            <a:chOff x="1491170" y="3949382"/>
            <a:chExt cx="2226945" cy="457834"/>
          </a:xfrm>
        </p:grpSpPr>
        <p:sp>
          <p:nvSpPr>
            <p:cNvPr id="20" name="object 20"/>
            <p:cNvSpPr/>
            <p:nvPr/>
          </p:nvSpPr>
          <p:spPr>
            <a:xfrm>
              <a:off x="1504188" y="3962400"/>
              <a:ext cx="2200910" cy="431800"/>
            </a:xfrm>
            <a:custGeom>
              <a:avLst/>
              <a:gdLst/>
              <a:ahLst/>
              <a:cxnLst/>
              <a:rect l="l" t="t" r="r" b="b"/>
              <a:pathLst>
                <a:path w="2200910" h="431800">
                  <a:moveTo>
                    <a:pt x="2129028" y="0"/>
                  </a:moveTo>
                  <a:lnTo>
                    <a:pt x="71628" y="0"/>
                  </a:lnTo>
                  <a:lnTo>
                    <a:pt x="43719" y="5619"/>
                  </a:lnTo>
                  <a:lnTo>
                    <a:pt x="20954" y="20954"/>
                  </a:lnTo>
                  <a:lnTo>
                    <a:pt x="5619" y="43719"/>
                  </a:lnTo>
                  <a:lnTo>
                    <a:pt x="0" y="71627"/>
                  </a:lnTo>
                  <a:lnTo>
                    <a:pt x="0" y="359664"/>
                  </a:lnTo>
                  <a:lnTo>
                    <a:pt x="5619" y="387572"/>
                  </a:lnTo>
                  <a:lnTo>
                    <a:pt x="20954" y="410337"/>
                  </a:lnTo>
                  <a:lnTo>
                    <a:pt x="43719" y="425672"/>
                  </a:lnTo>
                  <a:lnTo>
                    <a:pt x="71628" y="431292"/>
                  </a:lnTo>
                  <a:lnTo>
                    <a:pt x="2129028" y="431292"/>
                  </a:lnTo>
                  <a:lnTo>
                    <a:pt x="2156936" y="425672"/>
                  </a:lnTo>
                  <a:lnTo>
                    <a:pt x="2179701" y="410337"/>
                  </a:lnTo>
                  <a:lnTo>
                    <a:pt x="2195036" y="387572"/>
                  </a:lnTo>
                  <a:lnTo>
                    <a:pt x="2200656" y="359664"/>
                  </a:lnTo>
                  <a:lnTo>
                    <a:pt x="2200656" y="71627"/>
                  </a:lnTo>
                  <a:lnTo>
                    <a:pt x="2195036" y="43719"/>
                  </a:lnTo>
                  <a:lnTo>
                    <a:pt x="2179701" y="20954"/>
                  </a:lnTo>
                  <a:lnTo>
                    <a:pt x="2156936" y="5619"/>
                  </a:lnTo>
                  <a:lnTo>
                    <a:pt x="2129028" y="0"/>
                  </a:lnTo>
                  <a:close/>
                </a:path>
              </a:pathLst>
            </a:custGeom>
            <a:solidFill>
              <a:srgbClr val="FFBF00"/>
            </a:solidFill>
          </p:spPr>
          <p:txBody>
            <a:bodyPr wrap="square" lIns="0" tIns="0" rIns="0" bIns="0" rtlCol="0"/>
            <a:lstStyle/>
            <a:p>
              <a:endParaRPr sz="1749"/>
            </a:p>
          </p:txBody>
        </p:sp>
        <p:sp>
          <p:nvSpPr>
            <p:cNvPr id="21" name="object 21"/>
            <p:cNvSpPr/>
            <p:nvPr/>
          </p:nvSpPr>
          <p:spPr>
            <a:xfrm>
              <a:off x="1504188" y="3962400"/>
              <a:ext cx="2200910" cy="431800"/>
            </a:xfrm>
            <a:custGeom>
              <a:avLst/>
              <a:gdLst/>
              <a:ahLst/>
              <a:cxnLst/>
              <a:rect l="l" t="t" r="r" b="b"/>
              <a:pathLst>
                <a:path w="2200910" h="431800">
                  <a:moveTo>
                    <a:pt x="0" y="71627"/>
                  </a:moveTo>
                  <a:lnTo>
                    <a:pt x="5619" y="43719"/>
                  </a:lnTo>
                  <a:lnTo>
                    <a:pt x="20954" y="20954"/>
                  </a:lnTo>
                  <a:lnTo>
                    <a:pt x="43719" y="5619"/>
                  </a:lnTo>
                  <a:lnTo>
                    <a:pt x="71628" y="0"/>
                  </a:lnTo>
                  <a:lnTo>
                    <a:pt x="2129028" y="0"/>
                  </a:lnTo>
                  <a:lnTo>
                    <a:pt x="2156936" y="5619"/>
                  </a:lnTo>
                  <a:lnTo>
                    <a:pt x="2179701" y="20954"/>
                  </a:lnTo>
                  <a:lnTo>
                    <a:pt x="2195036" y="43719"/>
                  </a:lnTo>
                  <a:lnTo>
                    <a:pt x="2200656" y="71627"/>
                  </a:lnTo>
                  <a:lnTo>
                    <a:pt x="2200656" y="359664"/>
                  </a:lnTo>
                  <a:lnTo>
                    <a:pt x="2195036" y="387572"/>
                  </a:lnTo>
                  <a:lnTo>
                    <a:pt x="2179701" y="410337"/>
                  </a:lnTo>
                  <a:lnTo>
                    <a:pt x="2156936" y="425672"/>
                  </a:lnTo>
                  <a:lnTo>
                    <a:pt x="2129028" y="431292"/>
                  </a:lnTo>
                  <a:lnTo>
                    <a:pt x="71628" y="431292"/>
                  </a:lnTo>
                  <a:lnTo>
                    <a:pt x="43719" y="425672"/>
                  </a:lnTo>
                  <a:lnTo>
                    <a:pt x="20954" y="410337"/>
                  </a:lnTo>
                  <a:lnTo>
                    <a:pt x="5619" y="387572"/>
                  </a:lnTo>
                  <a:lnTo>
                    <a:pt x="0" y="359664"/>
                  </a:lnTo>
                  <a:lnTo>
                    <a:pt x="0" y="71627"/>
                  </a:lnTo>
                  <a:close/>
                </a:path>
              </a:pathLst>
            </a:custGeom>
            <a:ln w="25907">
              <a:solidFill>
                <a:srgbClr val="000000"/>
              </a:solidFill>
            </a:ln>
          </p:spPr>
          <p:txBody>
            <a:bodyPr wrap="square" lIns="0" tIns="0" rIns="0" bIns="0" rtlCol="0"/>
            <a:lstStyle/>
            <a:p>
              <a:endParaRPr sz="1749"/>
            </a:p>
          </p:txBody>
        </p:sp>
      </p:grpSp>
      <p:sp>
        <p:nvSpPr>
          <p:cNvPr id="22" name="object 22"/>
          <p:cNvSpPr txBox="1"/>
          <p:nvPr/>
        </p:nvSpPr>
        <p:spPr>
          <a:xfrm>
            <a:off x="1739748" y="3645871"/>
            <a:ext cx="988247" cy="247826"/>
          </a:xfrm>
          <a:prstGeom prst="rect">
            <a:avLst/>
          </a:prstGeom>
        </p:spPr>
        <p:txBody>
          <a:bodyPr vert="horz" wrap="square" lIns="0" tIns="10860" rIns="0" bIns="0" rtlCol="0">
            <a:spAutoFit/>
          </a:bodyPr>
          <a:lstStyle/>
          <a:p>
            <a:pPr>
              <a:spcBef>
                <a:spcPts val="86"/>
              </a:spcBef>
            </a:pPr>
            <a:r>
              <a:rPr sz="1539" spc="-9" dirty="0">
                <a:latin typeface="ＭＳ Ｐゴシック"/>
                <a:cs typeface="ＭＳ Ｐゴシック"/>
              </a:rPr>
              <a:t>土木事務所</a:t>
            </a:r>
            <a:endParaRPr sz="1539">
              <a:latin typeface="ＭＳ Ｐゴシック"/>
              <a:cs typeface="ＭＳ Ｐゴシック"/>
            </a:endParaRPr>
          </a:p>
        </p:txBody>
      </p:sp>
      <p:sp>
        <p:nvSpPr>
          <p:cNvPr id="23" name="object 23"/>
          <p:cNvSpPr/>
          <p:nvPr/>
        </p:nvSpPr>
        <p:spPr>
          <a:xfrm>
            <a:off x="702416" y="4411274"/>
            <a:ext cx="739013" cy="370321"/>
          </a:xfrm>
          <a:custGeom>
            <a:avLst/>
            <a:gdLst/>
            <a:ahLst/>
            <a:cxnLst/>
            <a:rect l="l" t="t" r="r" b="b"/>
            <a:pathLst>
              <a:path w="864235" h="433070">
                <a:moveTo>
                  <a:pt x="431291" y="0"/>
                </a:moveTo>
                <a:lnTo>
                  <a:pt x="367660" y="2360"/>
                </a:lnTo>
                <a:lnTo>
                  <a:pt x="306894" y="9214"/>
                </a:lnTo>
                <a:lnTo>
                  <a:pt x="249665" y="20218"/>
                </a:lnTo>
                <a:lnTo>
                  <a:pt x="196648" y="35027"/>
                </a:lnTo>
                <a:lnTo>
                  <a:pt x="148516" y="53299"/>
                </a:lnTo>
                <a:lnTo>
                  <a:pt x="105941" y="74690"/>
                </a:lnTo>
                <a:lnTo>
                  <a:pt x="69597" y="98857"/>
                </a:lnTo>
                <a:lnTo>
                  <a:pt x="40158" y="125455"/>
                </a:lnTo>
                <a:lnTo>
                  <a:pt x="4686" y="184574"/>
                </a:lnTo>
                <a:lnTo>
                  <a:pt x="0" y="216408"/>
                </a:lnTo>
                <a:lnTo>
                  <a:pt x="4686" y="248241"/>
                </a:lnTo>
                <a:lnTo>
                  <a:pt x="40158" y="307360"/>
                </a:lnTo>
                <a:lnTo>
                  <a:pt x="69597" y="333958"/>
                </a:lnTo>
                <a:lnTo>
                  <a:pt x="105941" y="358125"/>
                </a:lnTo>
                <a:lnTo>
                  <a:pt x="148516" y="379516"/>
                </a:lnTo>
                <a:lnTo>
                  <a:pt x="196648" y="397788"/>
                </a:lnTo>
                <a:lnTo>
                  <a:pt x="249665" y="412597"/>
                </a:lnTo>
                <a:lnTo>
                  <a:pt x="306894" y="423601"/>
                </a:lnTo>
                <a:lnTo>
                  <a:pt x="367660" y="430455"/>
                </a:lnTo>
                <a:lnTo>
                  <a:pt x="431291" y="432816"/>
                </a:lnTo>
                <a:lnTo>
                  <a:pt x="495302" y="430455"/>
                </a:lnTo>
                <a:lnTo>
                  <a:pt x="556379" y="423601"/>
                </a:lnTo>
                <a:lnTo>
                  <a:pt x="613855" y="412597"/>
                </a:lnTo>
                <a:lnTo>
                  <a:pt x="667066" y="397788"/>
                </a:lnTo>
                <a:lnTo>
                  <a:pt x="715344" y="379516"/>
                </a:lnTo>
                <a:lnTo>
                  <a:pt x="758023" y="358125"/>
                </a:lnTo>
                <a:lnTo>
                  <a:pt x="794436" y="333958"/>
                </a:lnTo>
                <a:lnTo>
                  <a:pt x="823918" y="307360"/>
                </a:lnTo>
                <a:lnTo>
                  <a:pt x="859420" y="248241"/>
                </a:lnTo>
                <a:lnTo>
                  <a:pt x="864107" y="216408"/>
                </a:lnTo>
                <a:lnTo>
                  <a:pt x="859420" y="184574"/>
                </a:lnTo>
                <a:lnTo>
                  <a:pt x="823918" y="125455"/>
                </a:lnTo>
                <a:lnTo>
                  <a:pt x="794436" y="98857"/>
                </a:lnTo>
                <a:lnTo>
                  <a:pt x="758023" y="74690"/>
                </a:lnTo>
                <a:lnTo>
                  <a:pt x="715344" y="53299"/>
                </a:lnTo>
                <a:lnTo>
                  <a:pt x="667066" y="35027"/>
                </a:lnTo>
                <a:lnTo>
                  <a:pt x="613855" y="20218"/>
                </a:lnTo>
                <a:lnTo>
                  <a:pt x="556379" y="9214"/>
                </a:lnTo>
                <a:lnTo>
                  <a:pt x="495302" y="2360"/>
                </a:lnTo>
                <a:lnTo>
                  <a:pt x="431291" y="0"/>
                </a:lnTo>
                <a:close/>
              </a:path>
            </a:pathLst>
          </a:custGeom>
          <a:solidFill>
            <a:srgbClr val="FFBF00"/>
          </a:solidFill>
        </p:spPr>
        <p:txBody>
          <a:bodyPr wrap="square" lIns="0" tIns="0" rIns="0" bIns="0" rtlCol="0"/>
          <a:lstStyle/>
          <a:p>
            <a:endParaRPr sz="1749"/>
          </a:p>
        </p:txBody>
      </p:sp>
      <p:sp>
        <p:nvSpPr>
          <p:cNvPr id="24" name="object 24"/>
          <p:cNvSpPr txBox="1"/>
          <p:nvPr/>
        </p:nvSpPr>
        <p:spPr>
          <a:xfrm>
            <a:off x="909621" y="4464270"/>
            <a:ext cx="336656" cy="247826"/>
          </a:xfrm>
          <a:prstGeom prst="rect">
            <a:avLst/>
          </a:prstGeom>
        </p:spPr>
        <p:txBody>
          <a:bodyPr vert="horz" wrap="square" lIns="0" tIns="10860" rIns="0" bIns="0" rtlCol="0">
            <a:spAutoFit/>
          </a:bodyPr>
          <a:lstStyle/>
          <a:p>
            <a:pPr>
              <a:spcBef>
                <a:spcPts val="86"/>
              </a:spcBef>
            </a:pPr>
            <a:r>
              <a:rPr sz="1539" spc="-9" dirty="0">
                <a:latin typeface="Arial"/>
                <a:cs typeface="Arial"/>
              </a:rPr>
              <a:t>A</a:t>
            </a:r>
            <a:r>
              <a:rPr sz="1539" spc="-43" dirty="0">
                <a:latin typeface="ＭＳ Ｐゴシック"/>
                <a:cs typeface="ＭＳ Ｐゴシック"/>
              </a:rPr>
              <a:t>市</a:t>
            </a:r>
            <a:endParaRPr sz="1539">
              <a:latin typeface="ＭＳ Ｐゴシック"/>
              <a:cs typeface="ＭＳ Ｐゴシック"/>
            </a:endParaRPr>
          </a:p>
        </p:txBody>
      </p:sp>
      <p:sp>
        <p:nvSpPr>
          <p:cNvPr id="25" name="object 25"/>
          <p:cNvSpPr/>
          <p:nvPr/>
        </p:nvSpPr>
        <p:spPr>
          <a:xfrm>
            <a:off x="1876584" y="4438641"/>
            <a:ext cx="739013" cy="370321"/>
          </a:xfrm>
          <a:custGeom>
            <a:avLst/>
            <a:gdLst/>
            <a:ahLst/>
            <a:cxnLst/>
            <a:rect l="l" t="t" r="r" b="b"/>
            <a:pathLst>
              <a:path w="864235" h="433070">
                <a:moveTo>
                  <a:pt x="431291" y="0"/>
                </a:moveTo>
                <a:lnTo>
                  <a:pt x="367660" y="2360"/>
                </a:lnTo>
                <a:lnTo>
                  <a:pt x="306894" y="9214"/>
                </a:lnTo>
                <a:lnTo>
                  <a:pt x="249665" y="20218"/>
                </a:lnTo>
                <a:lnTo>
                  <a:pt x="196648" y="35027"/>
                </a:lnTo>
                <a:lnTo>
                  <a:pt x="148516" y="53299"/>
                </a:lnTo>
                <a:lnTo>
                  <a:pt x="105941" y="74690"/>
                </a:lnTo>
                <a:lnTo>
                  <a:pt x="69597" y="98857"/>
                </a:lnTo>
                <a:lnTo>
                  <a:pt x="40158" y="125455"/>
                </a:lnTo>
                <a:lnTo>
                  <a:pt x="4686" y="184574"/>
                </a:lnTo>
                <a:lnTo>
                  <a:pt x="0" y="216408"/>
                </a:lnTo>
                <a:lnTo>
                  <a:pt x="4686" y="248241"/>
                </a:lnTo>
                <a:lnTo>
                  <a:pt x="40158" y="307360"/>
                </a:lnTo>
                <a:lnTo>
                  <a:pt x="69597" y="333958"/>
                </a:lnTo>
                <a:lnTo>
                  <a:pt x="105941" y="358125"/>
                </a:lnTo>
                <a:lnTo>
                  <a:pt x="148516" y="379516"/>
                </a:lnTo>
                <a:lnTo>
                  <a:pt x="196648" y="397788"/>
                </a:lnTo>
                <a:lnTo>
                  <a:pt x="249665" y="412597"/>
                </a:lnTo>
                <a:lnTo>
                  <a:pt x="306894" y="423601"/>
                </a:lnTo>
                <a:lnTo>
                  <a:pt x="367660" y="430455"/>
                </a:lnTo>
                <a:lnTo>
                  <a:pt x="431291" y="432816"/>
                </a:lnTo>
                <a:lnTo>
                  <a:pt x="495302" y="430455"/>
                </a:lnTo>
                <a:lnTo>
                  <a:pt x="556379" y="423601"/>
                </a:lnTo>
                <a:lnTo>
                  <a:pt x="613855" y="412597"/>
                </a:lnTo>
                <a:lnTo>
                  <a:pt x="667066" y="397788"/>
                </a:lnTo>
                <a:lnTo>
                  <a:pt x="715344" y="379516"/>
                </a:lnTo>
                <a:lnTo>
                  <a:pt x="758023" y="358125"/>
                </a:lnTo>
                <a:lnTo>
                  <a:pt x="794436" y="333958"/>
                </a:lnTo>
                <a:lnTo>
                  <a:pt x="823918" y="307360"/>
                </a:lnTo>
                <a:lnTo>
                  <a:pt x="859420" y="248241"/>
                </a:lnTo>
                <a:lnTo>
                  <a:pt x="864107" y="216408"/>
                </a:lnTo>
                <a:lnTo>
                  <a:pt x="859420" y="184574"/>
                </a:lnTo>
                <a:lnTo>
                  <a:pt x="823918" y="125455"/>
                </a:lnTo>
                <a:lnTo>
                  <a:pt x="794436" y="98857"/>
                </a:lnTo>
                <a:lnTo>
                  <a:pt x="758023" y="74690"/>
                </a:lnTo>
                <a:lnTo>
                  <a:pt x="715344" y="53299"/>
                </a:lnTo>
                <a:lnTo>
                  <a:pt x="667066" y="35027"/>
                </a:lnTo>
                <a:lnTo>
                  <a:pt x="613855" y="20218"/>
                </a:lnTo>
                <a:lnTo>
                  <a:pt x="556379" y="9214"/>
                </a:lnTo>
                <a:lnTo>
                  <a:pt x="495302" y="2360"/>
                </a:lnTo>
                <a:lnTo>
                  <a:pt x="431291" y="0"/>
                </a:lnTo>
                <a:close/>
              </a:path>
            </a:pathLst>
          </a:custGeom>
          <a:solidFill>
            <a:srgbClr val="FFBF00"/>
          </a:solidFill>
        </p:spPr>
        <p:txBody>
          <a:bodyPr wrap="square" lIns="0" tIns="0" rIns="0" bIns="0" rtlCol="0"/>
          <a:lstStyle/>
          <a:p>
            <a:endParaRPr sz="1749"/>
          </a:p>
        </p:txBody>
      </p:sp>
      <p:sp>
        <p:nvSpPr>
          <p:cNvPr id="26" name="object 26"/>
          <p:cNvSpPr txBox="1"/>
          <p:nvPr/>
        </p:nvSpPr>
        <p:spPr>
          <a:xfrm>
            <a:off x="2082485" y="4491637"/>
            <a:ext cx="336656" cy="247826"/>
          </a:xfrm>
          <a:prstGeom prst="rect">
            <a:avLst/>
          </a:prstGeom>
        </p:spPr>
        <p:txBody>
          <a:bodyPr vert="horz" wrap="square" lIns="0" tIns="10860" rIns="0" bIns="0" rtlCol="0">
            <a:spAutoFit/>
          </a:bodyPr>
          <a:lstStyle/>
          <a:p>
            <a:pPr>
              <a:spcBef>
                <a:spcPts val="86"/>
              </a:spcBef>
            </a:pPr>
            <a:r>
              <a:rPr sz="1539" spc="-9" dirty="0">
                <a:latin typeface="Arial"/>
                <a:cs typeface="Arial"/>
              </a:rPr>
              <a:t>B</a:t>
            </a:r>
            <a:r>
              <a:rPr sz="1539" spc="-43" dirty="0">
                <a:latin typeface="ＭＳ Ｐゴシック"/>
                <a:cs typeface="ＭＳ Ｐゴシック"/>
              </a:rPr>
              <a:t>町</a:t>
            </a:r>
            <a:endParaRPr sz="1539">
              <a:latin typeface="ＭＳ Ｐゴシック"/>
              <a:cs typeface="ＭＳ Ｐゴシック"/>
            </a:endParaRPr>
          </a:p>
        </p:txBody>
      </p:sp>
      <p:sp>
        <p:nvSpPr>
          <p:cNvPr id="27" name="object 27"/>
          <p:cNvSpPr/>
          <p:nvPr/>
        </p:nvSpPr>
        <p:spPr>
          <a:xfrm>
            <a:off x="2799237" y="4420396"/>
            <a:ext cx="739013" cy="369235"/>
          </a:xfrm>
          <a:custGeom>
            <a:avLst/>
            <a:gdLst/>
            <a:ahLst/>
            <a:cxnLst/>
            <a:rect l="l" t="t" r="r" b="b"/>
            <a:pathLst>
              <a:path w="864235" h="431800">
                <a:moveTo>
                  <a:pt x="431292" y="0"/>
                </a:moveTo>
                <a:lnTo>
                  <a:pt x="367317" y="2325"/>
                </a:lnTo>
                <a:lnTo>
                  <a:pt x="306337" y="9082"/>
                </a:lnTo>
                <a:lnTo>
                  <a:pt x="249006" y="19940"/>
                </a:lnTo>
                <a:lnTo>
                  <a:pt x="195975" y="34569"/>
                </a:lnTo>
                <a:lnTo>
                  <a:pt x="147897" y="52641"/>
                </a:lnTo>
                <a:lnTo>
                  <a:pt x="105426" y="73825"/>
                </a:lnTo>
                <a:lnTo>
                  <a:pt x="69213" y="97791"/>
                </a:lnTo>
                <a:lnTo>
                  <a:pt x="39911" y="124210"/>
                </a:lnTo>
                <a:lnTo>
                  <a:pt x="4652" y="183086"/>
                </a:lnTo>
                <a:lnTo>
                  <a:pt x="0" y="214883"/>
                </a:lnTo>
                <a:lnTo>
                  <a:pt x="4652" y="247060"/>
                </a:lnTo>
                <a:lnTo>
                  <a:pt x="39911" y="306495"/>
                </a:lnTo>
                <a:lnTo>
                  <a:pt x="69213" y="333107"/>
                </a:lnTo>
                <a:lnTo>
                  <a:pt x="105426" y="357219"/>
                </a:lnTo>
                <a:lnTo>
                  <a:pt x="147897" y="378507"/>
                </a:lnTo>
                <a:lnTo>
                  <a:pt x="195975" y="396648"/>
                </a:lnTo>
                <a:lnTo>
                  <a:pt x="249006" y="411320"/>
                </a:lnTo>
                <a:lnTo>
                  <a:pt x="306337" y="422200"/>
                </a:lnTo>
                <a:lnTo>
                  <a:pt x="367317" y="428965"/>
                </a:lnTo>
                <a:lnTo>
                  <a:pt x="431292" y="431291"/>
                </a:lnTo>
                <a:lnTo>
                  <a:pt x="495302" y="428965"/>
                </a:lnTo>
                <a:lnTo>
                  <a:pt x="556379" y="422200"/>
                </a:lnTo>
                <a:lnTo>
                  <a:pt x="613855" y="411320"/>
                </a:lnTo>
                <a:lnTo>
                  <a:pt x="667066" y="396648"/>
                </a:lnTo>
                <a:lnTo>
                  <a:pt x="715344" y="378507"/>
                </a:lnTo>
                <a:lnTo>
                  <a:pt x="758023" y="357219"/>
                </a:lnTo>
                <a:lnTo>
                  <a:pt x="794436" y="333107"/>
                </a:lnTo>
                <a:lnTo>
                  <a:pt x="823918" y="306495"/>
                </a:lnTo>
                <a:lnTo>
                  <a:pt x="859420" y="247060"/>
                </a:lnTo>
                <a:lnTo>
                  <a:pt x="864108" y="214883"/>
                </a:lnTo>
                <a:lnTo>
                  <a:pt x="859420" y="183086"/>
                </a:lnTo>
                <a:lnTo>
                  <a:pt x="823918" y="124210"/>
                </a:lnTo>
                <a:lnTo>
                  <a:pt x="794436" y="97791"/>
                </a:lnTo>
                <a:lnTo>
                  <a:pt x="758023" y="73825"/>
                </a:lnTo>
                <a:lnTo>
                  <a:pt x="715344" y="52641"/>
                </a:lnTo>
                <a:lnTo>
                  <a:pt x="667066" y="34569"/>
                </a:lnTo>
                <a:lnTo>
                  <a:pt x="613855" y="19940"/>
                </a:lnTo>
                <a:lnTo>
                  <a:pt x="556379" y="9082"/>
                </a:lnTo>
                <a:lnTo>
                  <a:pt x="495302" y="2325"/>
                </a:lnTo>
                <a:lnTo>
                  <a:pt x="431292" y="0"/>
                </a:lnTo>
                <a:close/>
              </a:path>
            </a:pathLst>
          </a:custGeom>
          <a:solidFill>
            <a:srgbClr val="FFBF00"/>
          </a:solidFill>
        </p:spPr>
        <p:txBody>
          <a:bodyPr wrap="square" lIns="0" tIns="0" rIns="0" bIns="0" rtlCol="0"/>
          <a:lstStyle/>
          <a:p>
            <a:endParaRPr sz="1749"/>
          </a:p>
        </p:txBody>
      </p:sp>
      <p:sp>
        <p:nvSpPr>
          <p:cNvPr id="28" name="object 28"/>
          <p:cNvSpPr txBox="1"/>
          <p:nvPr/>
        </p:nvSpPr>
        <p:spPr>
          <a:xfrm>
            <a:off x="2999926" y="4472088"/>
            <a:ext cx="347515" cy="247826"/>
          </a:xfrm>
          <a:prstGeom prst="rect">
            <a:avLst/>
          </a:prstGeom>
        </p:spPr>
        <p:txBody>
          <a:bodyPr vert="horz" wrap="square" lIns="0" tIns="10860" rIns="0" bIns="0" rtlCol="0">
            <a:spAutoFit/>
          </a:bodyPr>
          <a:lstStyle/>
          <a:p>
            <a:pPr>
              <a:spcBef>
                <a:spcPts val="86"/>
              </a:spcBef>
            </a:pPr>
            <a:r>
              <a:rPr sz="1539" spc="-21" dirty="0">
                <a:latin typeface="Arial"/>
                <a:cs typeface="Arial"/>
              </a:rPr>
              <a:t>C</a:t>
            </a:r>
            <a:r>
              <a:rPr sz="1539" spc="-43" dirty="0">
                <a:latin typeface="ＭＳ Ｐゴシック"/>
                <a:cs typeface="ＭＳ Ｐゴシック"/>
              </a:rPr>
              <a:t>村</a:t>
            </a:r>
            <a:endParaRPr sz="1539">
              <a:latin typeface="ＭＳ Ｐゴシック"/>
              <a:cs typeface="ＭＳ Ｐゴシック"/>
            </a:endParaRPr>
          </a:p>
        </p:txBody>
      </p:sp>
      <p:grpSp>
        <p:nvGrpSpPr>
          <p:cNvPr id="29" name="object 29"/>
          <p:cNvGrpSpPr/>
          <p:nvPr/>
        </p:nvGrpSpPr>
        <p:grpSpPr>
          <a:xfrm>
            <a:off x="1200068" y="4027975"/>
            <a:ext cx="1942286" cy="383896"/>
            <a:chOff x="1403413" y="4481893"/>
            <a:chExt cx="2271395" cy="448945"/>
          </a:xfrm>
        </p:grpSpPr>
        <p:sp>
          <p:nvSpPr>
            <p:cNvPr id="30" name="object 30"/>
            <p:cNvSpPr/>
            <p:nvPr/>
          </p:nvSpPr>
          <p:spPr>
            <a:xfrm>
              <a:off x="1408175" y="4512563"/>
              <a:ext cx="346075" cy="413384"/>
            </a:xfrm>
            <a:custGeom>
              <a:avLst/>
              <a:gdLst/>
              <a:ahLst/>
              <a:cxnLst/>
              <a:rect l="l" t="t" r="r" b="b"/>
              <a:pathLst>
                <a:path w="346075" h="413385">
                  <a:moveTo>
                    <a:pt x="304800" y="0"/>
                  </a:moveTo>
                  <a:lnTo>
                    <a:pt x="111252" y="39624"/>
                  </a:lnTo>
                  <a:lnTo>
                    <a:pt x="170687" y="77724"/>
                  </a:lnTo>
                  <a:lnTo>
                    <a:pt x="0" y="336804"/>
                  </a:lnTo>
                  <a:lnTo>
                    <a:pt x="117348" y="413004"/>
                  </a:lnTo>
                  <a:lnTo>
                    <a:pt x="286512" y="155448"/>
                  </a:lnTo>
                  <a:lnTo>
                    <a:pt x="345948" y="193548"/>
                  </a:lnTo>
                  <a:lnTo>
                    <a:pt x="304800" y="0"/>
                  </a:lnTo>
                  <a:close/>
                </a:path>
              </a:pathLst>
            </a:custGeom>
            <a:solidFill>
              <a:srgbClr val="E46B0A"/>
            </a:solidFill>
          </p:spPr>
          <p:txBody>
            <a:bodyPr wrap="square" lIns="0" tIns="0" rIns="0" bIns="0" rtlCol="0"/>
            <a:lstStyle/>
            <a:p>
              <a:endParaRPr sz="1749"/>
            </a:p>
          </p:txBody>
        </p:sp>
        <p:sp>
          <p:nvSpPr>
            <p:cNvPr id="31" name="object 31"/>
            <p:cNvSpPr/>
            <p:nvPr/>
          </p:nvSpPr>
          <p:spPr>
            <a:xfrm>
              <a:off x="1408175" y="4512563"/>
              <a:ext cx="346075" cy="413384"/>
            </a:xfrm>
            <a:custGeom>
              <a:avLst/>
              <a:gdLst/>
              <a:ahLst/>
              <a:cxnLst/>
              <a:rect l="l" t="t" r="r" b="b"/>
              <a:pathLst>
                <a:path w="346075" h="413385">
                  <a:moveTo>
                    <a:pt x="0" y="336804"/>
                  </a:moveTo>
                  <a:lnTo>
                    <a:pt x="170687" y="77724"/>
                  </a:lnTo>
                  <a:lnTo>
                    <a:pt x="111252" y="39624"/>
                  </a:lnTo>
                  <a:lnTo>
                    <a:pt x="304800" y="0"/>
                  </a:lnTo>
                  <a:lnTo>
                    <a:pt x="345948" y="193548"/>
                  </a:lnTo>
                  <a:lnTo>
                    <a:pt x="286512" y="155448"/>
                  </a:lnTo>
                  <a:lnTo>
                    <a:pt x="117348" y="413004"/>
                  </a:lnTo>
                  <a:lnTo>
                    <a:pt x="0" y="336804"/>
                  </a:lnTo>
                  <a:close/>
                </a:path>
              </a:pathLst>
            </a:custGeom>
            <a:ln w="9144">
              <a:solidFill>
                <a:srgbClr val="000000"/>
              </a:solidFill>
            </a:ln>
          </p:spPr>
          <p:txBody>
            <a:bodyPr wrap="square" lIns="0" tIns="0" rIns="0" bIns="0" rtlCol="0"/>
            <a:lstStyle/>
            <a:p>
              <a:endParaRPr sz="1749"/>
            </a:p>
          </p:txBody>
        </p:sp>
        <p:sp>
          <p:nvSpPr>
            <p:cNvPr id="32" name="object 32"/>
            <p:cNvSpPr/>
            <p:nvPr/>
          </p:nvSpPr>
          <p:spPr>
            <a:xfrm>
              <a:off x="2485643" y="4486655"/>
              <a:ext cx="280670" cy="417830"/>
            </a:xfrm>
            <a:custGeom>
              <a:avLst/>
              <a:gdLst/>
              <a:ahLst/>
              <a:cxnLst/>
              <a:rect l="l" t="t" r="r" b="b"/>
              <a:pathLst>
                <a:path w="280669" h="417829">
                  <a:moveTo>
                    <a:pt x="140207" y="0"/>
                  </a:moveTo>
                  <a:lnTo>
                    <a:pt x="0" y="140207"/>
                  </a:lnTo>
                  <a:lnTo>
                    <a:pt x="70104" y="140207"/>
                  </a:lnTo>
                  <a:lnTo>
                    <a:pt x="70104" y="417575"/>
                  </a:lnTo>
                  <a:lnTo>
                    <a:pt x="210312" y="417575"/>
                  </a:lnTo>
                  <a:lnTo>
                    <a:pt x="210312" y="140207"/>
                  </a:lnTo>
                  <a:lnTo>
                    <a:pt x="280416" y="140207"/>
                  </a:lnTo>
                  <a:lnTo>
                    <a:pt x="140207" y="0"/>
                  </a:lnTo>
                  <a:close/>
                </a:path>
              </a:pathLst>
            </a:custGeom>
            <a:solidFill>
              <a:srgbClr val="E46B0A"/>
            </a:solidFill>
          </p:spPr>
          <p:txBody>
            <a:bodyPr wrap="square" lIns="0" tIns="0" rIns="0" bIns="0" rtlCol="0"/>
            <a:lstStyle/>
            <a:p>
              <a:endParaRPr sz="1749"/>
            </a:p>
          </p:txBody>
        </p:sp>
        <p:sp>
          <p:nvSpPr>
            <p:cNvPr id="33" name="object 33"/>
            <p:cNvSpPr/>
            <p:nvPr/>
          </p:nvSpPr>
          <p:spPr>
            <a:xfrm>
              <a:off x="2485643" y="4486655"/>
              <a:ext cx="280670" cy="417830"/>
            </a:xfrm>
            <a:custGeom>
              <a:avLst/>
              <a:gdLst/>
              <a:ahLst/>
              <a:cxnLst/>
              <a:rect l="l" t="t" r="r" b="b"/>
              <a:pathLst>
                <a:path w="280669" h="417829">
                  <a:moveTo>
                    <a:pt x="70104" y="417575"/>
                  </a:moveTo>
                  <a:lnTo>
                    <a:pt x="70104" y="140207"/>
                  </a:lnTo>
                  <a:lnTo>
                    <a:pt x="0" y="140207"/>
                  </a:lnTo>
                  <a:lnTo>
                    <a:pt x="140207" y="0"/>
                  </a:lnTo>
                  <a:lnTo>
                    <a:pt x="280416" y="140207"/>
                  </a:lnTo>
                  <a:lnTo>
                    <a:pt x="210312" y="140207"/>
                  </a:lnTo>
                  <a:lnTo>
                    <a:pt x="210312" y="417575"/>
                  </a:lnTo>
                  <a:lnTo>
                    <a:pt x="70104" y="417575"/>
                  </a:lnTo>
                  <a:close/>
                </a:path>
              </a:pathLst>
            </a:custGeom>
            <a:ln w="9144">
              <a:solidFill>
                <a:srgbClr val="000000"/>
              </a:solidFill>
            </a:ln>
          </p:spPr>
          <p:txBody>
            <a:bodyPr wrap="square" lIns="0" tIns="0" rIns="0" bIns="0" rtlCol="0"/>
            <a:lstStyle/>
            <a:p>
              <a:endParaRPr sz="1749"/>
            </a:p>
          </p:txBody>
        </p:sp>
        <p:sp>
          <p:nvSpPr>
            <p:cNvPr id="34" name="object 34"/>
            <p:cNvSpPr/>
            <p:nvPr/>
          </p:nvSpPr>
          <p:spPr>
            <a:xfrm>
              <a:off x="3368040" y="4500371"/>
              <a:ext cx="302260" cy="411480"/>
            </a:xfrm>
            <a:custGeom>
              <a:avLst/>
              <a:gdLst/>
              <a:ahLst/>
              <a:cxnLst/>
              <a:rect l="l" t="t" r="r" b="b"/>
              <a:pathLst>
                <a:path w="302260" h="411479">
                  <a:moveTo>
                    <a:pt x="73151" y="0"/>
                  </a:moveTo>
                  <a:lnTo>
                    <a:pt x="0" y="182880"/>
                  </a:lnTo>
                  <a:lnTo>
                    <a:pt x="64008" y="155448"/>
                  </a:lnTo>
                  <a:lnTo>
                    <a:pt x="173736" y="411480"/>
                  </a:lnTo>
                  <a:lnTo>
                    <a:pt x="301751" y="356615"/>
                  </a:lnTo>
                  <a:lnTo>
                    <a:pt x="192024" y="100583"/>
                  </a:lnTo>
                  <a:lnTo>
                    <a:pt x="256032" y="73151"/>
                  </a:lnTo>
                  <a:lnTo>
                    <a:pt x="73151" y="0"/>
                  </a:lnTo>
                  <a:close/>
                </a:path>
              </a:pathLst>
            </a:custGeom>
            <a:solidFill>
              <a:srgbClr val="E46B0A"/>
            </a:solidFill>
          </p:spPr>
          <p:txBody>
            <a:bodyPr wrap="square" lIns="0" tIns="0" rIns="0" bIns="0" rtlCol="0"/>
            <a:lstStyle/>
            <a:p>
              <a:endParaRPr sz="1749"/>
            </a:p>
          </p:txBody>
        </p:sp>
        <p:sp>
          <p:nvSpPr>
            <p:cNvPr id="35" name="object 35"/>
            <p:cNvSpPr/>
            <p:nvPr/>
          </p:nvSpPr>
          <p:spPr>
            <a:xfrm>
              <a:off x="3368040" y="4500371"/>
              <a:ext cx="302260" cy="411480"/>
            </a:xfrm>
            <a:custGeom>
              <a:avLst/>
              <a:gdLst/>
              <a:ahLst/>
              <a:cxnLst/>
              <a:rect l="l" t="t" r="r" b="b"/>
              <a:pathLst>
                <a:path w="302260" h="411479">
                  <a:moveTo>
                    <a:pt x="301751" y="356615"/>
                  </a:moveTo>
                  <a:lnTo>
                    <a:pt x="192024" y="100583"/>
                  </a:lnTo>
                  <a:lnTo>
                    <a:pt x="256032" y="73151"/>
                  </a:lnTo>
                  <a:lnTo>
                    <a:pt x="73151" y="0"/>
                  </a:lnTo>
                  <a:lnTo>
                    <a:pt x="0" y="182880"/>
                  </a:lnTo>
                  <a:lnTo>
                    <a:pt x="64008" y="155448"/>
                  </a:lnTo>
                  <a:lnTo>
                    <a:pt x="173736" y="411480"/>
                  </a:lnTo>
                  <a:lnTo>
                    <a:pt x="301751" y="356615"/>
                  </a:lnTo>
                  <a:close/>
                </a:path>
              </a:pathLst>
            </a:custGeom>
            <a:ln w="9144">
              <a:solidFill>
                <a:srgbClr val="000000"/>
              </a:solidFill>
            </a:ln>
          </p:spPr>
          <p:txBody>
            <a:bodyPr wrap="square" lIns="0" tIns="0" rIns="0" bIns="0" rtlCol="0"/>
            <a:lstStyle/>
            <a:p>
              <a:endParaRPr sz="1749"/>
            </a:p>
          </p:txBody>
        </p:sp>
      </p:grpSp>
      <p:sp>
        <p:nvSpPr>
          <p:cNvPr id="36" name="object 36"/>
          <p:cNvSpPr txBox="1"/>
          <p:nvPr/>
        </p:nvSpPr>
        <p:spPr>
          <a:xfrm>
            <a:off x="531698" y="4138475"/>
            <a:ext cx="532133" cy="168830"/>
          </a:xfrm>
          <a:prstGeom prst="rect">
            <a:avLst/>
          </a:prstGeom>
        </p:spPr>
        <p:txBody>
          <a:bodyPr vert="horz" wrap="square" lIns="0" tIns="10860" rIns="0" bIns="0" rtlCol="0">
            <a:spAutoFit/>
          </a:bodyPr>
          <a:lstStyle/>
          <a:p>
            <a:pPr>
              <a:spcBef>
                <a:spcPts val="86"/>
              </a:spcBef>
            </a:pPr>
            <a:r>
              <a:rPr sz="1026" spc="-13" dirty="0">
                <a:latin typeface="ＭＳ Ｐゴシック"/>
                <a:cs typeface="ＭＳ Ｐゴシック"/>
              </a:rPr>
              <a:t>職員派遣</a:t>
            </a:r>
            <a:endParaRPr sz="1026">
              <a:latin typeface="ＭＳ Ｐゴシック"/>
              <a:cs typeface="ＭＳ Ｐゴシック"/>
            </a:endParaRPr>
          </a:p>
        </p:txBody>
      </p:sp>
      <p:sp>
        <p:nvSpPr>
          <p:cNvPr id="37" name="object 37"/>
          <p:cNvSpPr txBox="1"/>
          <p:nvPr/>
        </p:nvSpPr>
        <p:spPr>
          <a:xfrm>
            <a:off x="1592489" y="4168447"/>
            <a:ext cx="532133" cy="168830"/>
          </a:xfrm>
          <a:prstGeom prst="rect">
            <a:avLst/>
          </a:prstGeom>
        </p:spPr>
        <p:txBody>
          <a:bodyPr vert="horz" wrap="square" lIns="0" tIns="10860" rIns="0" bIns="0" rtlCol="0">
            <a:spAutoFit/>
          </a:bodyPr>
          <a:lstStyle/>
          <a:p>
            <a:pPr>
              <a:spcBef>
                <a:spcPts val="86"/>
              </a:spcBef>
            </a:pPr>
            <a:r>
              <a:rPr sz="1026" spc="-13" dirty="0">
                <a:latin typeface="ＭＳ Ｐゴシック"/>
                <a:cs typeface="ＭＳ Ｐゴシック"/>
              </a:rPr>
              <a:t>職員派遣</a:t>
            </a:r>
            <a:endParaRPr sz="1026">
              <a:latin typeface="ＭＳ Ｐゴシック"/>
              <a:cs typeface="ＭＳ Ｐゴシック"/>
            </a:endParaRPr>
          </a:p>
        </p:txBody>
      </p:sp>
      <p:sp>
        <p:nvSpPr>
          <p:cNvPr id="38" name="object 38"/>
          <p:cNvSpPr txBox="1"/>
          <p:nvPr/>
        </p:nvSpPr>
        <p:spPr>
          <a:xfrm>
            <a:off x="3195404" y="4148900"/>
            <a:ext cx="532133" cy="168830"/>
          </a:xfrm>
          <a:prstGeom prst="rect">
            <a:avLst/>
          </a:prstGeom>
        </p:spPr>
        <p:txBody>
          <a:bodyPr vert="horz" wrap="square" lIns="0" tIns="10860" rIns="0" bIns="0" rtlCol="0">
            <a:spAutoFit/>
          </a:bodyPr>
          <a:lstStyle/>
          <a:p>
            <a:pPr>
              <a:spcBef>
                <a:spcPts val="86"/>
              </a:spcBef>
            </a:pPr>
            <a:r>
              <a:rPr sz="1026" spc="-13" dirty="0">
                <a:latin typeface="ＭＳ Ｐゴシック"/>
                <a:cs typeface="ＭＳ Ｐゴシック"/>
              </a:rPr>
              <a:t>職員派遣</a:t>
            </a:r>
            <a:endParaRPr sz="1026">
              <a:latin typeface="ＭＳ Ｐゴシック"/>
              <a:cs typeface="ＭＳ Ｐゴシック"/>
            </a:endParaRPr>
          </a:p>
        </p:txBody>
      </p:sp>
      <p:sp>
        <p:nvSpPr>
          <p:cNvPr id="39" name="object 39"/>
          <p:cNvSpPr txBox="1"/>
          <p:nvPr/>
        </p:nvSpPr>
        <p:spPr>
          <a:xfrm>
            <a:off x="577309" y="3098969"/>
            <a:ext cx="865531" cy="219857"/>
          </a:xfrm>
          <a:prstGeom prst="rect">
            <a:avLst/>
          </a:prstGeom>
          <a:solidFill>
            <a:srgbClr val="1F497C"/>
          </a:solidFill>
        </p:spPr>
        <p:txBody>
          <a:bodyPr vert="horz" wrap="square" lIns="0" tIns="35295" rIns="0" bIns="0" rtlCol="0">
            <a:spAutoFit/>
          </a:bodyPr>
          <a:lstStyle/>
          <a:p>
            <a:pPr marL="79276">
              <a:spcBef>
                <a:spcPts val="278"/>
              </a:spcBef>
            </a:pPr>
            <a:r>
              <a:rPr sz="1197" spc="-9" dirty="0">
                <a:solidFill>
                  <a:srgbClr val="FFFFFF"/>
                </a:solidFill>
                <a:latin typeface="ＭＳ Ｐゴシック"/>
                <a:cs typeface="ＭＳ Ｐゴシック"/>
              </a:rPr>
              <a:t>設計・工事</a:t>
            </a:r>
            <a:endParaRPr sz="1197">
              <a:latin typeface="ＭＳ Ｐゴシック"/>
              <a:cs typeface="ＭＳ Ｐゴシック"/>
            </a:endParaRPr>
          </a:p>
        </p:txBody>
      </p:sp>
      <p:sp>
        <p:nvSpPr>
          <p:cNvPr id="40" name="object 40"/>
          <p:cNvSpPr/>
          <p:nvPr/>
        </p:nvSpPr>
        <p:spPr>
          <a:xfrm>
            <a:off x="452204" y="3058570"/>
            <a:ext cx="3420855" cy="1909163"/>
          </a:xfrm>
          <a:custGeom>
            <a:avLst/>
            <a:gdLst/>
            <a:ahLst/>
            <a:cxnLst/>
            <a:rect l="l" t="t" r="r" b="b"/>
            <a:pathLst>
              <a:path w="4000500" h="2232660">
                <a:moveTo>
                  <a:pt x="0" y="0"/>
                </a:moveTo>
                <a:lnTo>
                  <a:pt x="4000500" y="0"/>
                </a:lnTo>
                <a:lnTo>
                  <a:pt x="4000500" y="2232660"/>
                </a:lnTo>
                <a:lnTo>
                  <a:pt x="0" y="2232660"/>
                </a:lnTo>
                <a:lnTo>
                  <a:pt x="0" y="0"/>
                </a:lnTo>
                <a:close/>
              </a:path>
            </a:pathLst>
          </a:custGeom>
          <a:ln w="6096">
            <a:solidFill>
              <a:srgbClr val="000000"/>
            </a:solidFill>
          </a:ln>
        </p:spPr>
        <p:txBody>
          <a:bodyPr wrap="square" lIns="0" tIns="0" rIns="0" bIns="0" rtlCol="0"/>
          <a:lstStyle/>
          <a:p>
            <a:endParaRPr sz="1749"/>
          </a:p>
        </p:txBody>
      </p:sp>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365590" y="495210"/>
            <a:ext cx="1440017" cy="288003"/>
          </a:xfrm>
          <a:prstGeom prst="rect">
            <a:avLst/>
          </a:prstGeom>
        </p:spPr>
      </p:pic>
      <p:sp>
        <p:nvSpPr>
          <p:cNvPr id="3" name="object 3"/>
          <p:cNvSpPr txBox="1">
            <a:spLocks noGrp="1"/>
          </p:cNvSpPr>
          <p:nvPr>
            <p:ph type="title"/>
          </p:nvPr>
        </p:nvSpPr>
        <p:spPr>
          <a:xfrm>
            <a:off x="403552" y="531263"/>
            <a:ext cx="2754603" cy="287965"/>
          </a:xfrm>
          <a:prstGeom prst="rect">
            <a:avLst/>
          </a:prstGeom>
        </p:spPr>
        <p:txBody>
          <a:bodyPr vert="horz" wrap="square" lIns="0" tIns="10860" rIns="0" bIns="0" rtlCol="0">
            <a:spAutoFit/>
          </a:bodyPr>
          <a:lstStyle/>
          <a:p>
            <a:pPr marL="10860">
              <a:lnSpc>
                <a:spcPct val="100000"/>
              </a:lnSpc>
              <a:spcBef>
                <a:spcPts val="86"/>
              </a:spcBef>
              <a:tabLst>
                <a:tab pos="1726703" algn="l"/>
              </a:tabLst>
            </a:pPr>
            <a:r>
              <a:rPr dirty="0"/>
              <a:t>【</a:t>
            </a:r>
            <a:r>
              <a:rPr sz="1800" dirty="0">
                <a:solidFill>
                  <a:srgbClr val="E46B0A"/>
                </a:solidFill>
              </a:rPr>
              <a:t>技術者</a:t>
            </a:r>
            <a:r>
              <a:rPr sz="1800" spc="-9" dirty="0"/>
              <a:t>の</a:t>
            </a:r>
            <a:r>
              <a:rPr sz="1800" dirty="0"/>
              <a:t>束</a:t>
            </a:r>
            <a:r>
              <a:rPr sz="1800" spc="-43" dirty="0"/>
              <a:t>】</a:t>
            </a:r>
            <a:r>
              <a:rPr sz="1800" dirty="0"/>
              <a:t>	主</a:t>
            </a:r>
            <a:r>
              <a:rPr sz="1800" spc="-30" dirty="0"/>
              <a:t>な</a:t>
            </a:r>
            <a:r>
              <a:rPr sz="1800" dirty="0"/>
              <a:t>課</a:t>
            </a:r>
            <a:r>
              <a:rPr sz="1800" spc="-43" dirty="0"/>
              <a:t>題</a:t>
            </a:r>
          </a:p>
        </p:txBody>
      </p:sp>
      <p:sp>
        <p:nvSpPr>
          <p:cNvPr id="4" name="object 4"/>
          <p:cNvSpPr txBox="1"/>
          <p:nvPr/>
        </p:nvSpPr>
        <p:spPr>
          <a:xfrm>
            <a:off x="1016047" y="2218365"/>
            <a:ext cx="7762626" cy="4843507"/>
          </a:xfrm>
          <a:prstGeom prst="rect">
            <a:avLst/>
          </a:prstGeom>
        </p:spPr>
        <p:txBody>
          <a:bodyPr vert="horz" wrap="square" lIns="0" tIns="10860" rIns="0" bIns="0" rtlCol="0">
            <a:spAutoFit/>
          </a:bodyPr>
          <a:lstStyle/>
          <a:p>
            <a:pPr marL="10860" marR="123258" indent="158553">
              <a:lnSpc>
                <a:spcPct val="150000"/>
              </a:lnSpc>
              <a:spcBef>
                <a:spcPts val="86"/>
              </a:spcBef>
            </a:pPr>
            <a:r>
              <a:rPr sz="1881" spc="-30" dirty="0">
                <a:latin typeface="Meiryo UI"/>
                <a:cs typeface="Meiryo UI"/>
              </a:rPr>
              <a:t>各自治体において、技術的なバックグラウンドを持った技術系職種の職員を確保し、管理者として適切にメンテナンスを実施することが望ましいが、技術系職員の確</a:t>
            </a:r>
            <a:r>
              <a:rPr sz="1881" spc="-26" dirty="0">
                <a:latin typeface="Meiryo UI"/>
                <a:cs typeface="Meiryo UI"/>
              </a:rPr>
              <a:t>保が困難な場合、産学官の技術者による</a:t>
            </a:r>
            <a:r>
              <a:rPr sz="1881" spc="-26" dirty="0">
                <a:solidFill>
                  <a:srgbClr val="FF0000"/>
                </a:solidFill>
                <a:latin typeface="Meiryo UI"/>
                <a:cs typeface="Meiryo UI"/>
              </a:rPr>
              <a:t>自治体技術者(※)の育成</a:t>
            </a:r>
            <a:r>
              <a:rPr sz="1881" spc="-13" dirty="0">
                <a:latin typeface="Meiryo UI"/>
                <a:cs typeface="Meiryo UI"/>
              </a:rPr>
              <a:t>や、</a:t>
            </a:r>
            <a:r>
              <a:rPr sz="1881" spc="-34" dirty="0">
                <a:solidFill>
                  <a:srgbClr val="FF0000"/>
                </a:solidFill>
                <a:latin typeface="Meiryo UI"/>
                <a:cs typeface="Meiryo UI"/>
              </a:rPr>
              <a:t>自治体</a:t>
            </a:r>
            <a:r>
              <a:rPr sz="1881" spc="-26" dirty="0">
                <a:solidFill>
                  <a:srgbClr val="FF0000"/>
                </a:solidFill>
                <a:latin typeface="Meiryo UI"/>
                <a:cs typeface="Meiryo UI"/>
              </a:rPr>
              <a:t>間連携</a:t>
            </a:r>
            <a:r>
              <a:rPr sz="1881" spc="-26" dirty="0">
                <a:latin typeface="Meiryo UI"/>
                <a:cs typeface="Meiryo UI"/>
              </a:rPr>
              <a:t>によって技術的な補完を行う体制の構築を検討し、</a:t>
            </a:r>
            <a:r>
              <a:rPr sz="1881" spc="-30" dirty="0">
                <a:solidFill>
                  <a:srgbClr val="FF0000"/>
                </a:solidFill>
                <a:latin typeface="Meiryo UI"/>
                <a:cs typeface="Meiryo UI"/>
              </a:rPr>
              <a:t>メンテナンスの技術的</a:t>
            </a:r>
            <a:r>
              <a:rPr sz="1881" spc="-26" dirty="0">
                <a:solidFill>
                  <a:srgbClr val="FF0000"/>
                </a:solidFill>
                <a:latin typeface="Meiryo UI"/>
                <a:cs typeface="Meiryo UI"/>
              </a:rPr>
              <a:t>体制を確保していくことが必要</a:t>
            </a:r>
            <a:r>
              <a:rPr sz="1881" spc="-26" dirty="0">
                <a:latin typeface="Meiryo UI"/>
                <a:cs typeface="Meiryo UI"/>
              </a:rPr>
              <a:t>ではないか</a:t>
            </a:r>
            <a:endParaRPr sz="1881">
              <a:latin typeface="Meiryo UI"/>
              <a:cs typeface="Meiryo UI"/>
            </a:endParaRPr>
          </a:p>
          <a:p>
            <a:pPr marL="844890" marR="87964" indent="-458825" algn="just">
              <a:lnSpc>
                <a:spcPct val="150000"/>
              </a:lnSpc>
              <a:spcBef>
                <a:spcPts val="2138"/>
              </a:spcBef>
            </a:pPr>
            <a:r>
              <a:rPr sz="1539" spc="-21" dirty="0">
                <a:latin typeface="Meiryo UI"/>
                <a:cs typeface="Meiryo UI"/>
              </a:rPr>
              <a:t>(※) ここでいう自治体技術者については、必ずしも【技術力を有する職員</a:t>
            </a:r>
            <a:r>
              <a:rPr sz="1539" dirty="0">
                <a:latin typeface="Meiryo UI"/>
                <a:cs typeface="Meiryo UI"/>
              </a:rPr>
              <a:t>＝</a:t>
            </a:r>
            <a:r>
              <a:rPr sz="1539" spc="-13" dirty="0">
                <a:latin typeface="Meiryo UI"/>
                <a:cs typeface="Meiryo UI"/>
              </a:rPr>
              <a:t>技術系職員】では</a:t>
            </a:r>
            <a:r>
              <a:rPr sz="1539" spc="-26" dirty="0">
                <a:latin typeface="Meiryo UI"/>
                <a:cs typeface="Meiryo UI"/>
              </a:rPr>
              <a:t>なく、技術系職員でなくても人材育成、業務経験等によって行政としてインフラメンテナンス</a:t>
            </a:r>
            <a:r>
              <a:rPr sz="1539" spc="-30" dirty="0">
                <a:latin typeface="Meiryo UI"/>
                <a:cs typeface="Meiryo UI"/>
              </a:rPr>
              <a:t>を進めて行く上で必要な技術力を身に付けることは可能と考えられる</a:t>
            </a:r>
            <a:endParaRPr sz="1539">
              <a:latin typeface="Meiryo UI"/>
              <a:cs typeface="Meiryo UI"/>
            </a:endParaRPr>
          </a:p>
          <a:p>
            <a:pPr>
              <a:spcBef>
                <a:spcPts val="654"/>
              </a:spcBef>
            </a:pPr>
            <a:endParaRPr sz="1539">
              <a:latin typeface="Meiryo UI"/>
              <a:cs typeface="Meiryo UI"/>
            </a:endParaRPr>
          </a:p>
          <a:p>
            <a:pPr marR="4344" algn="r"/>
            <a:r>
              <a:rPr sz="1368" spc="-21" dirty="0">
                <a:latin typeface="Meiryo UI"/>
                <a:cs typeface="Meiryo UI"/>
              </a:rPr>
              <a:t>14</a:t>
            </a:r>
            <a:endParaRPr sz="1368">
              <a:latin typeface="Meiryo UI"/>
              <a:cs typeface="Meiryo UI"/>
            </a:endParaRPr>
          </a:p>
        </p:txBody>
      </p:sp>
      <p:sp>
        <p:nvSpPr>
          <p:cNvPr id="5" name="object 5"/>
          <p:cNvSpPr txBox="1"/>
          <p:nvPr/>
        </p:nvSpPr>
        <p:spPr>
          <a:xfrm>
            <a:off x="1812727" y="1273209"/>
            <a:ext cx="6822162" cy="718214"/>
          </a:xfrm>
          <a:prstGeom prst="rect">
            <a:avLst/>
          </a:prstGeom>
          <a:solidFill>
            <a:srgbClr val="FF0000"/>
          </a:solidFill>
        </p:spPr>
        <p:txBody>
          <a:bodyPr vert="horz" wrap="square" lIns="0" tIns="85793" rIns="0" bIns="0" rtlCol="0">
            <a:spAutoFit/>
          </a:bodyPr>
          <a:lstStyle/>
          <a:p>
            <a:pPr marL="32579" marR="240544">
              <a:spcBef>
                <a:spcPts val="676"/>
              </a:spcBef>
            </a:pPr>
            <a:r>
              <a:rPr sz="2052" b="1" spc="-26" dirty="0">
                <a:solidFill>
                  <a:srgbClr val="FFFFFF"/>
                </a:solidFill>
                <a:latin typeface="Meiryo UI"/>
                <a:cs typeface="Meiryo UI"/>
              </a:rPr>
              <a:t>適切にインフラメンテナンスを行っていく上で、行政として必要な</a:t>
            </a:r>
            <a:r>
              <a:rPr sz="2052" b="1" spc="-21" dirty="0">
                <a:solidFill>
                  <a:srgbClr val="FFFFFF"/>
                </a:solidFill>
                <a:latin typeface="Meiryo UI"/>
                <a:cs typeface="Meiryo UI"/>
              </a:rPr>
              <a:t>技術的体制を確保できていない</a:t>
            </a:r>
            <a:endParaRPr sz="2052">
              <a:latin typeface="Meiryo UI"/>
              <a:cs typeface="Meiryo UI"/>
            </a:endParaRPr>
          </a:p>
        </p:txBody>
      </p:sp>
      <p:sp>
        <p:nvSpPr>
          <p:cNvPr id="6" name="object 6"/>
          <p:cNvSpPr txBox="1"/>
          <p:nvPr/>
        </p:nvSpPr>
        <p:spPr>
          <a:xfrm>
            <a:off x="445688" y="1273209"/>
            <a:ext cx="1316215" cy="560332"/>
          </a:xfrm>
          <a:prstGeom prst="rect">
            <a:avLst/>
          </a:prstGeom>
          <a:ln w="25908">
            <a:solidFill>
              <a:srgbClr val="000000"/>
            </a:solidFill>
          </a:ln>
        </p:spPr>
        <p:txBody>
          <a:bodyPr vert="horz" wrap="square" lIns="0" tIns="242175" rIns="0" bIns="0" rtlCol="0">
            <a:spAutoFit/>
          </a:bodyPr>
          <a:lstStyle/>
          <a:p>
            <a:pPr marL="149865">
              <a:spcBef>
                <a:spcPts val="1907"/>
              </a:spcBef>
            </a:pPr>
            <a:r>
              <a:rPr sz="2052" b="1" spc="-21" dirty="0">
                <a:latin typeface="Meiryo UI"/>
                <a:cs typeface="Meiryo UI"/>
              </a:rPr>
              <a:t>主な課題</a:t>
            </a:r>
            <a:endParaRPr sz="2052">
              <a:latin typeface="Meiryo UI"/>
              <a:cs typeface="Meiryo UI"/>
            </a:endParaRPr>
          </a:p>
        </p:txBody>
      </p:sp>
      <p:sp>
        <p:nvSpPr>
          <p:cNvPr id="7" name="object 7"/>
          <p:cNvSpPr/>
          <p:nvPr/>
        </p:nvSpPr>
        <p:spPr>
          <a:xfrm>
            <a:off x="802760" y="2427829"/>
            <a:ext cx="195477" cy="195477"/>
          </a:xfrm>
          <a:custGeom>
            <a:avLst/>
            <a:gdLst/>
            <a:ahLst/>
            <a:cxnLst/>
            <a:rect l="l" t="t" r="r" b="b"/>
            <a:pathLst>
              <a:path w="228600" h="228600">
                <a:moveTo>
                  <a:pt x="114204" y="0"/>
                </a:moveTo>
                <a:lnTo>
                  <a:pt x="0" y="114401"/>
                </a:lnTo>
                <a:lnTo>
                  <a:pt x="114204" y="228600"/>
                </a:lnTo>
                <a:lnTo>
                  <a:pt x="228600" y="114401"/>
                </a:lnTo>
                <a:lnTo>
                  <a:pt x="114204" y="0"/>
                </a:lnTo>
                <a:close/>
              </a:path>
            </a:pathLst>
          </a:custGeom>
          <a:solidFill>
            <a:srgbClr val="000000"/>
          </a:solidFill>
        </p:spPr>
        <p:txBody>
          <a:bodyPr wrap="square" lIns="0" tIns="0" rIns="0" bIns="0" rtlCol="0"/>
          <a:lstStyle/>
          <a:p>
            <a:endParaRPr sz="1749"/>
          </a:p>
        </p:txBody>
      </p:sp>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2108115" y="1008228"/>
            <a:ext cx="1410152" cy="431430"/>
          </a:xfrm>
          <a:prstGeom prst="rect">
            <a:avLst/>
          </a:prstGeom>
        </p:spPr>
        <p:txBody>
          <a:bodyPr vert="horz" wrap="square" lIns="0" tIns="10317" rIns="0" bIns="0" rtlCol="0">
            <a:spAutoFit/>
          </a:bodyPr>
          <a:lstStyle/>
          <a:p>
            <a:pPr marL="10860">
              <a:spcBef>
                <a:spcPts val="81"/>
              </a:spcBef>
            </a:pPr>
            <a:r>
              <a:rPr sz="1368" b="1" spc="-26" dirty="0">
                <a:latin typeface="Meiryo UI"/>
                <a:cs typeface="Meiryo UI"/>
              </a:rPr>
              <a:t>単独分野のインフラ</a:t>
            </a:r>
            <a:endParaRPr sz="1368">
              <a:latin typeface="Meiryo UI"/>
              <a:cs typeface="Meiryo UI"/>
            </a:endParaRPr>
          </a:p>
        </p:txBody>
      </p:sp>
      <p:sp>
        <p:nvSpPr>
          <p:cNvPr id="3" name="object 3"/>
          <p:cNvSpPr txBox="1"/>
          <p:nvPr/>
        </p:nvSpPr>
        <p:spPr>
          <a:xfrm>
            <a:off x="4816129" y="902457"/>
            <a:ext cx="3219948" cy="1016363"/>
          </a:xfrm>
          <a:prstGeom prst="rect">
            <a:avLst/>
          </a:prstGeom>
        </p:spPr>
        <p:txBody>
          <a:bodyPr vert="horz" wrap="square" lIns="0" tIns="116200" rIns="0" bIns="0" rtlCol="0">
            <a:spAutoFit/>
          </a:bodyPr>
          <a:lstStyle/>
          <a:p>
            <a:pPr marL="370318" algn="ctr">
              <a:spcBef>
                <a:spcPts val="915"/>
              </a:spcBef>
            </a:pPr>
            <a:r>
              <a:rPr sz="1368" b="1" spc="-26" dirty="0">
                <a:latin typeface="Meiryo UI"/>
                <a:cs typeface="Meiryo UI"/>
              </a:rPr>
              <a:t>多分野のインフラ</a:t>
            </a:r>
            <a:endParaRPr sz="1368">
              <a:latin typeface="Meiryo UI"/>
              <a:cs typeface="Meiryo UI"/>
            </a:endParaRPr>
          </a:p>
          <a:p>
            <a:pPr marR="1541543" algn="ctr">
              <a:spcBef>
                <a:spcPts val="735"/>
              </a:spcBef>
            </a:pPr>
            <a:r>
              <a:rPr sz="1197" spc="-9" dirty="0">
                <a:latin typeface="Meiryo UI"/>
                <a:cs typeface="Meiryo UI"/>
              </a:rPr>
              <a:t>維持管理業務の包括化</a:t>
            </a:r>
            <a:endParaRPr sz="1197">
              <a:latin typeface="Meiryo UI"/>
              <a:cs typeface="Meiryo UI"/>
            </a:endParaRPr>
          </a:p>
          <a:p>
            <a:pPr marL="10860"/>
            <a:r>
              <a:rPr sz="898" spc="-4" dirty="0">
                <a:latin typeface="Meiryo UI"/>
                <a:cs typeface="Meiryo UI"/>
              </a:rPr>
              <a:t>＊道路＋河川＋砂防</a:t>
            </a:r>
            <a:r>
              <a:rPr sz="898" spc="-13" dirty="0">
                <a:latin typeface="Meiryo UI"/>
                <a:cs typeface="Meiryo UI"/>
              </a:rPr>
              <a:t>（福島県宮下土木事務所：事業協同組合</a:t>
            </a:r>
            <a:r>
              <a:rPr sz="898" spc="-43" dirty="0">
                <a:latin typeface="Meiryo UI"/>
                <a:cs typeface="Meiryo UI"/>
              </a:rPr>
              <a:t>）</a:t>
            </a:r>
            <a:endParaRPr sz="898">
              <a:latin typeface="Meiryo UI"/>
              <a:cs typeface="Meiryo UI"/>
            </a:endParaRPr>
          </a:p>
          <a:p>
            <a:pPr marL="10860"/>
            <a:r>
              <a:rPr sz="898" spc="-4" dirty="0">
                <a:latin typeface="Meiryo UI"/>
                <a:cs typeface="Meiryo UI"/>
              </a:rPr>
              <a:t>＊道路＋公園＋水路</a:t>
            </a:r>
            <a:r>
              <a:rPr sz="898" spc="-13" dirty="0">
                <a:latin typeface="Meiryo UI"/>
                <a:cs typeface="Meiryo UI"/>
              </a:rPr>
              <a:t>（</a:t>
            </a:r>
            <a:r>
              <a:rPr sz="898" spc="-17" dirty="0">
                <a:latin typeface="Meiryo UI"/>
                <a:cs typeface="Meiryo UI"/>
              </a:rPr>
              <a:t>新潟県三条市：JV）</a:t>
            </a:r>
            <a:endParaRPr sz="898">
              <a:latin typeface="Meiryo UI"/>
              <a:cs typeface="Meiryo UI"/>
            </a:endParaRPr>
          </a:p>
          <a:p>
            <a:pPr marL="10860"/>
            <a:r>
              <a:rPr sz="898" spc="-13" dirty="0">
                <a:latin typeface="Meiryo UI"/>
                <a:cs typeface="Meiryo UI"/>
              </a:rPr>
              <a:t>＊上水道＋下水道＋農業集落排水（</a:t>
            </a:r>
            <a:r>
              <a:rPr sz="898" spc="-17" dirty="0">
                <a:latin typeface="Meiryo UI"/>
                <a:cs typeface="Meiryo UI"/>
              </a:rPr>
              <a:t>石川県かほく市：JV）</a:t>
            </a:r>
            <a:endParaRPr sz="898">
              <a:latin typeface="Meiryo UI"/>
              <a:cs typeface="Meiryo UI"/>
            </a:endParaRPr>
          </a:p>
        </p:txBody>
      </p:sp>
      <p:sp>
        <p:nvSpPr>
          <p:cNvPr id="4" name="object 4"/>
          <p:cNvSpPr txBox="1"/>
          <p:nvPr/>
        </p:nvSpPr>
        <p:spPr>
          <a:xfrm>
            <a:off x="655401" y="1433513"/>
            <a:ext cx="135806" cy="784082"/>
          </a:xfrm>
          <a:prstGeom prst="rect">
            <a:avLst/>
          </a:prstGeom>
        </p:spPr>
        <p:txBody>
          <a:bodyPr vert="eaVert" wrap="square" lIns="0" tIns="0" rIns="0" bIns="0" rtlCol="0">
            <a:spAutoFit/>
          </a:bodyPr>
          <a:lstStyle/>
          <a:p>
            <a:pPr marL="10860">
              <a:lnSpc>
                <a:spcPct val="65000"/>
              </a:lnSpc>
            </a:pPr>
            <a:r>
              <a:rPr sz="1197" b="1" dirty="0">
                <a:latin typeface="Meiryo UI"/>
                <a:cs typeface="Meiryo UI"/>
              </a:rPr>
              <a:t>単独自治体</a:t>
            </a:r>
            <a:endParaRPr sz="1197">
              <a:latin typeface="Meiryo UI"/>
              <a:cs typeface="Meiryo UI"/>
            </a:endParaRPr>
          </a:p>
        </p:txBody>
      </p:sp>
      <p:grpSp>
        <p:nvGrpSpPr>
          <p:cNvPr id="5" name="object 5"/>
          <p:cNvGrpSpPr/>
          <p:nvPr/>
        </p:nvGrpSpPr>
        <p:grpSpPr>
          <a:xfrm>
            <a:off x="928463" y="1284232"/>
            <a:ext cx="3711899" cy="4022491"/>
            <a:chOff x="1085786" y="1273238"/>
            <a:chExt cx="4340860" cy="4704080"/>
          </a:xfrm>
        </p:grpSpPr>
        <p:pic>
          <p:nvPicPr>
            <p:cNvPr id="6" name="object 6"/>
            <p:cNvPicPr/>
            <p:nvPr/>
          </p:nvPicPr>
          <p:blipFill>
            <a:blip r:embed="rId2" cstate="print"/>
            <a:stretch>
              <a:fillRect/>
            </a:stretch>
          </p:blipFill>
          <p:spPr>
            <a:xfrm>
              <a:off x="1214628" y="2863595"/>
              <a:ext cx="103631" cy="103631"/>
            </a:xfrm>
            <a:prstGeom prst="rect">
              <a:avLst/>
            </a:prstGeom>
          </p:spPr>
        </p:pic>
        <p:pic>
          <p:nvPicPr>
            <p:cNvPr id="7" name="object 7"/>
            <p:cNvPicPr/>
            <p:nvPr/>
          </p:nvPicPr>
          <p:blipFill>
            <a:blip r:embed="rId2" cstate="print"/>
            <a:stretch>
              <a:fillRect/>
            </a:stretch>
          </p:blipFill>
          <p:spPr>
            <a:xfrm>
              <a:off x="1214628" y="4006596"/>
              <a:ext cx="103631" cy="103631"/>
            </a:xfrm>
            <a:prstGeom prst="rect">
              <a:avLst/>
            </a:prstGeom>
          </p:spPr>
        </p:pic>
        <p:pic>
          <p:nvPicPr>
            <p:cNvPr id="8" name="object 8"/>
            <p:cNvPicPr/>
            <p:nvPr/>
          </p:nvPicPr>
          <p:blipFill>
            <a:blip r:embed="rId2" cstate="print"/>
            <a:stretch>
              <a:fillRect/>
            </a:stretch>
          </p:blipFill>
          <p:spPr>
            <a:xfrm>
              <a:off x="1214628" y="4821935"/>
              <a:ext cx="103631" cy="103631"/>
            </a:xfrm>
            <a:prstGeom prst="rect">
              <a:avLst/>
            </a:prstGeom>
          </p:spPr>
        </p:pic>
        <p:pic>
          <p:nvPicPr>
            <p:cNvPr id="9" name="object 9"/>
            <p:cNvPicPr/>
            <p:nvPr/>
          </p:nvPicPr>
          <p:blipFill>
            <a:blip r:embed="rId2" cstate="print"/>
            <a:stretch>
              <a:fillRect/>
            </a:stretch>
          </p:blipFill>
          <p:spPr>
            <a:xfrm>
              <a:off x="1214628" y="5507735"/>
              <a:ext cx="103631" cy="103631"/>
            </a:xfrm>
            <a:prstGeom prst="rect">
              <a:avLst/>
            </a:prstGeom>
          </p:spPr>
        </p:pic>
        <p:pic>
          <p:nvPicPr>
            <p:cNvPr id="10" name="object 10"/>
            <p:cNvPicPr/>
            <p:nvPr/>
          </p:nvPicPr>
          <p:blipFill>
            <a:blip r:embed="rId2" cstate="print"/>
            <a:stretch>
              <a:fillRect/>
            </a:stretch>
          </p:blipFill>
          <p:spPr>
            <a:xfrm>
              <a:off x="1214628" y="5873496"/>
              <a:ext cx="103631" cy="103631"/>
            </a:xfrm>
            <a:prstGeom prst="rect">
              <a:avLst/>
            </a:prstGeom>
          </p:spPr>
        </p:pic>
        <p:pic>
          <p:nvPicPr>
            <p:cNvPr id="11" name="object 11"/>
            <p:cNvPicPr/>
            <p:nvPr/>
          </p:nvPicPr>
          <p:blipFill>
            <a:blip r:embed="rId3" cstate="print"/>
            <a:stretch>
              <a:fillRect/>
            </a:stretch>
          </p:blipFill>
          <p:spPr>
            <a:xfrm>
              <a:off x="1107948" y="1295399"/>
              <a:ext cx="4293108" cy="1196339"/>
            </a:xfrm>
            <a:prstGeom prst="rect">
              <a:avLst/>
            </a:prstGeom>
          </p:spPr>
        </p:pic>
        <p:sp>
          <p:nvSpPr>
            <p:cNvPr id="12" name="object 12"/>
            <p:cNvSpPr/>
            <p:nvPr/>
          </p:nvSpPr>
          <p:spPr>
            <a:xfrm>
              <a:off x="1114044" y="1301495"/>
              <a:ext cx="4284345" cy="1187450"/>
            </a:xfrm>
            <a:custGeom>
              <a:avLst/>
              <a:gdLst/>
              <a:ahLst/>
              <a:cxnLst/>
              <a:rect l="l" t="t" r="r" b="b"/>
              <a:pathLst>
                <a:path w="4284345" h="1187450">
                  <a:moveTo>
                    <a:pt x="0" y="0"/>
                  </a:moveTo>
                  <a:lnTo>
                    <a:pt x="4283964" y="0"/>
                  </a:lnTo>
                  <a:lnTo>
                    <a:pt x="4283964" y="1187196"/>
                  </a:lnTo>
                  <a:lnTo>
                    <a:pt x="0" y="1187196"/>
                  </a:lnTo>
                  <a:lnTo>
                    <a:pt x="0" y="0"/>
                  </a:lnTo>
                  <a:close/>
                </a:path>
              </a:pathLst>
            </a:custGeom>
            <a:ln w="56388">
              <a:solidFill>
                <a:srgbClr val="0070BF"/>
              </a:solidFill>
            </a:ln>
          </p:spPr>
          <p:txBody>
            <a:bodyPr wrap="square" lIns="0" tIns="0" rIns="0" bIns="0" rtlCol="0"/>
            <a:lstStyle/>
            <a:p>
              <a:endParaRPr sz="1749"/>
            </a:p>
          </p:txBody>
        </p:sp>
        <p:sp>
          <p:nvSpPr>
            <p:cNvPr id="13" name="object 13"/>
            <p:cNvSpPr/>
            <p:nvPr/>
          </p:nvSpPr>
          <p:spPr>
            <a:xfrm>
              <a:off x="1385316" y="3348227"/>
              <a:ext cx="3671570" cy="341630"/>
            </a:xfrm>
            <a:custGeom>
              <a:avLst/>
              <a:gdLst/>
              <a:ahLst/>
              <a:cxnLst/>
              <a:rect l="l" t="t" r="r" b="b"/>
              <a:pathLst>
                <a:path w="3671570" h="341629">
                  <a:moveTo>
                    <a:pt x="33528" y="341376"/>
                  </a:moveTo>
                  <a:lnTo>
                    <a:pt x="20574" y="338709"/>
                  </a:lnTo>
                  <a:lnTo>
                    <a:pt x="9906" y="331470"/>
                  </a:lnTo>
                  <a:lnTo>
                    <a:pt x="2666" y="320802"/>
                  </a:lnTo>
                  <a:lnTo>
                    <a:pt x="0" y="307848"/>
                  </a:lnTo>
                  <a:lnTo>
                    <a:pt x="0" y="33528"/>
                  </a:lnTo>
                  <a:lnTo>
                    <a:pt x="2666" y="20574"/>
                  </a:lnTo>
                  <a:lnTo>
                    <a:pt x="9906" y="9906"/>
                  </a:lnTo>
                  <a:lnTo>
                    <a:pt x="20574" y="2667"/>
                  </a:lnTo>
                  <a:lnTo>
                    <a:pt x="33528" y="0"/>
                  </a:lnTo>
                </a:path>
                <a:path w="3671570" h="341629">
                  <a:moveTo>
                    <a:pt x="3637788" y="0"/>
                  </a:moveTo>
                  <a:lnTo>
                    <a:pt x="3651384" y="2666"/>
                  </a:lnTo>
                  <a:lnTo>
                    <a:pt x="3661981" y="9905"/>
                  </a:lnTo>
                  <a:lnTo>
                    <a:pt x="3668863" y="20574"/>
                  </a:lnTo>
                  <a:lnTo>
                    <a:pt x="3671316" y="33528"/>
                  </a:lnTo>
                  <a:lnTo>
                    <a:pt x="3671316" y="307848"/>
                  </a:lnTo>
                  <a:lnTo>
                    <a:pt x="3668863" y="320801"/>
                  </a:lnTo>
                  <a:lnTo>
                    <a:pt x="3661981" y="331470"/>
                  </a:lnTo>
                  <a:lnTo>
                    <a:pt x="3651384" y="338709"/>
                  </a:lnTo>
                  <a:lnTo>
                    <a:pt x="3637788" y="341376"/>
                  </a:lnTo>
                </a:path>
              </a:pathLst>
            </a:custGeom>
            <a:ln w="9144">
              <a:solidFill>
                <a:srgbClr val="3F3F3F"/>
              </a:solidFill>
            </a:ln>
          </p:spPr>
          <p:txBody>
            <a:bodyPr wrap="square" lIns="0" tIns="0" rIns="0" bIns="0" rtlCol="0"/>
            <a:lstStyle/>
            <a:p>
              <a:endParaRPr sz="1749"/>
            </a:p>
          </p:txBody>
        </p:sp>
      </p:grpSp>
      <p:sp>
        <p:nvSpPr>
          <p:cNvPr id="14" name="object 14"/>
          <p:cNvSpPr txBox="1"/>
          <p:nvPr/>
        </p:nvSpPr>
        <p:spPr>
          <a:xfrm>
            <a:off x="655401" y="3953869"/>
            <a:ext cx="135806" cy="784082"/>
          </a:xfrm>
          <a:prstGeom prst="rect">
            <a:avLst/>
          </a:prstGeom>
        </p:spPr>
        <p:txBody>
          <a:bodyPr vert="eaVert" wrap="square" lIns="0" tIns="0" rIns="0" bIns="0" rtlCol="0">
            <a:spAutoFit/>
          </a:bodyPr>
          <a:lstStyle/>
          <a:p>
            <a:pPr marL="10860">
              <a:lnSpc>
                <a:spcPct val="65000"/>
              </a:lnSpc>
            </a:pPr>
            <a:r>
              <a:rPr sz="1197" b="1" dirty="0">
                <a:latin typeface="Meiryo UI"/>
                <a:cs typeface="Meiryo UI"/>
              </a:rPr>
              <a:t>複数自治体</a:t>
            </a:r>
            <a:endParaRPr sz="1197">
              <a:latin typeface="Meiryo UI"/>
              <a:cs typeface="Meiryo UI"/>
            </a:endParaRPr>
          </a:p>
        </p:txBody>
      </p:sp>
      <p:sp>
        <p:nvSpPr>
          <p:cNvPr id="15" name="object 15"/>
          <p:cNvSpPr txBox="1">
            <a:spLocks noGrp="1"/>
          </p:cNvSpPr>
          <p:nvPr>
            <p:ph type="title"/>
          </p:nvPr>
        </p:nvSpPr>
        <p:spPr>
          <a:xfrm>
            <a:off x="222241" y="236263"/>
            <a:ext cx="5879261" cy="326758"/>
          </a:xfrm>
          <a:prstGeom prst="rect">
            <a:avLst/>
          </a:prstGeom>
        </p:spPr>
        <p:txBody>
          <a:bodyPr vert="horz" wrap="square" lIns="0" tIns="10860" rIns="0" bIns="0" rtlCol="0">
            <a:spAutoFit/>
          </a:bodyPr>
          <a:lstStyle/>
          <a:p>
            <a:pPr marL="10860">
              <a:lnSpc>
                <a:spcPct val="100000"/>
              </a:lnSpc>
              <a:spcBef>
                <a:spcPts val="86"/>
              </a:spcBef>
              <a:tabLst>
                <a:tab pos="1726703" algn="l"/>
              </a:tabLst>
            </a:pPr>
            <a:r>
              <a:rPr dirty="0"/>
              <a:t>【</a:t>
            </a:r>
            <a:r>
              <a:rPr dirty="0">
                <a:solidFill>
                  <a:srgbClr val="E46B0A"/>
                </a:solidFill>
              </a:rPr>
              <a:t>自治体</a:t>
            </a:r>
            <a:r>
              <a:rPr spc="-9" dirty="0"/>
              <a:t>の</a:t>
            </a:r>
            <a:r>
              <a:rPr dirty="0"/>
              <a:t>束</a:t>
            </a:r>
            <a:r>
              <a:rPr spc="-43" dirty="0"/>
              <a:t>】</a:t>
            </a:r>
            <a:r>
              <a:rPr dirty="0"/>
              <a:t>	広域</a:t>
            </a:r>
            <a:r>
              <a:rPr spc="-21" dirty="0"/>
              <a:t>・</a:t>
            </a:r>
            <a:r>
              <a:rPr dirty="0"/>
              <a:t>多分野</a:t>
            </a:r>
            <a:r>
              <a:rPr spc="-9" dirty="0"/>
              <a:t>の</a:t>
            </a:r>
            <a:r>
              <a:rPr dirty="0"/>
              <a:t>先行事</a:t>
            </a:r>
            <a:r>
              <a:rPr spc="-43" dirty="0"/>
              <a:t>例</a:t>
            </a:r>
          </a:p>
        </p:txBody>
      </p:sp>
      <p:sp>
        <p:nvSpPr>
          <p:cNvPr id="16" name="object 16"/>
          <p:cNvSpPr txBox="1"/>
          <p:nvPr/>
        </p:nvSpPr>
        <p:spPr>
          <a:xfrm>
            <a:off x="1014745" y="2397422"/>
            <a:ext cx="3601672" cy="3676941"/>
          </a:xfrm>
          <a:prstGeom prst="rect">
            <a:avLst/>
          </a:prstGeom>
        </p:spPr>
        <p:txBody>
          <a:bodyPr vert="horz" wrap="square" lIns="0" tIns="11403" rIns="0" bIns="0" rtlCol="0">
            <a:spAutoFit/>
          </a:bodyPr>
          <a:lstStyle/>
          <a:p>
            <a:pPr marL="10860">
              <a:spcBef>
                <a:spcPts val="90"/>
              </a:spcBef>
            </a:pPr>
            <a:r>
              <a:rPr sz="1197" spc="-9" dirty="0">
                <a:latin typeface="Meiryo UI"/>
                <a:cs typeface="Meiryo UI"/>
              </a:rPr>
              <a:t>【下水道】</a:t>
            </a:r>
            <a:endParaRPr sz="1197" dirty="0">
              <a:latin typeface="Meiryo UI"/>
              <a:cs typeface="Meiryo UI"/>
            </a:endParaRPr>
          </a:p>
          <a:p>
            <a:pPr marL="125430"/>
            <a:r>
              <a:rPr sz="1197" spc="-17" dirty="0">
                <a:latin typeface="Meiryo UI"/>
                <a:cs typeface="Meiryo UI"/>
              </a:rPr>
              <a:t>下水道の広域化・共同化【全国各地】</a:t>
            </a:r>
            <a:endParaRPr sz="1197" dirty="0">
              <a:latin typeface="Meiryo UI"/>
              <a:cs typeface="Meiryo UI"/>
            </a:endParaRPr>
          </a:p>
          <a:p>
            <a:pPr marL="10860">
              <a:lnSpc>
                <a:spcPts val="1073"/>
              </a:lnSpc>
            </a:pPr>
            <a:r>
              <a:rPr sz="898" spc="-13" dirty="0">
                <a:solidFill>
                  <a:srgbClr val="FF0000"/>
                </a:solidFill>
                <a:latin typeface="Meiryo UI"/>
                <a:cs typeface="Meiryo UI"/>
              </a:rPr>
              <a:t>⇒マニュアル・事例集整備済み、全都道府県で計画策定済み</a:t>
            </a:r>
            <a:r>
              <a:rPr sz="898" spc="-9" dirty="0">
                <a:solidFill>
                  <a:srgbClr val="FF0000"/>
                </a:solidFill>
                <a:latin typeface="Meiryo UI"/>
                <a:cs typeface="Meiryo UI"/>
              </a:rPr>
              <a:t>（R4</a:t>
            </a:r>
            <a:r>
              <a:rPr sz="898" spc="-13" dirty="0">
                <a:solidFill>
                  <a:srgbClr val="FF0000"/>
                </a:solidFill>
                <a:latin typeface="Meiryo UI"/>
                <a:cs typeface="Meiryo UI"/>
              </a:rPr>
              <a:t>年度末</a:t>
            </a:r>
            <a:r>
              <a:rPr sz="898" spc="-43" dirty="0">
                <a:solidFill>
                  <a:srgbClr val="FF0000"/>
                </a:solidFill>
                <a:latin typeface="Meiryo UI"/>
                <a:cs typeface="Meiryo UI"/>
              </a:rPr>
              <a:t>）</a:t>
            </a:r>
            <a:endParaRPr sz="898" dirty="0">
              <a:latin typeface="Meiryo UI"/>
              <a:cs typeface="Meiryo UI"/>
            </a:endParaRPr>
          </a:p>
          <a:p>
            <a:pPr marL="82534">
              <a:lnSpc>
                <a:spcPts val="1022"/>
              </a:lnSpc>
            </a:pPr>
            <a:r>
              <a:rPr sz="855" spc="-9" dirty="0">
                <a:latin typeface="Meiryo UI"/>
                <a:cs typeface="Meiryo UI"/>
              </a:rPr>
              <a:t>＊任意の協議会（旭川市）</a:t>
            </a:r>
            <a:r>
              <a:rPr sz="855" spc="-13" dirty="0">
                <a:latin typeface="Meiryo UI"/>
                <a:cs typeface="Meiryo UI"/>
              </a:rPr>
              <a:t>、下水道法の協議会</a:t>
            </a:r>
            <a:r>
              <a:rPr sz="855" dirty="0">
                <a:latin typeface="Meiryo UI"/>
                <a:cs typeface="Meiryo UI"/>
              </a:rPr>
              <a:t>（</a:t>
            </a:r>
            <a:r>
              <a:rPr sz="855" spc="-9" dirty="0">
                <a:latin typeface="Meiryo UI"/>
                <a:cs typeface="Meiryo UI"/>
              </a:rPr>
              <a:t>秋田県）</a:t>
            </a:r>
            <a:r>
              <a:rPr sz="855" spc="-17" dirty="0">
                <a:latin typeface="Meiryo UI"/>
                <a:cs typeface="Meiryo UI"/>
              </a:rPr>
              <a:t>、ほか多数</a:t>
            </a:r>
            <a:endParaRPr sz="855" dirty="0">
              <a:latin typeface="Meiryo UI"/>
              <a:cs typeface="Meiryo UI"/>
            </a:endParaRPr>
          </a:p>
          <a:p>
            <a:pPr marL="251947">
              <a:spcBef>
                <a:spcPts val="214"/>
              </a:spcBef>
            </a:pPr>
            <a:r>
              <a:rPr sz="599" spc="-13" dirty="0">
                <a:latin typeface="Meiryo UI"/>
                <a:cs typeface="Meiryo UI"/>
              </a:rPr>
              <a:t>「広域化・共同化計画策定マニュアル</a:t>
            </a:r>
            <a:r>
              <a:rPr sz="599" spc="-9" dirty="0">
                <a:latin typeface="Meiryo UI"/>
                <a:cs typeface="Meiryo UI"/>
              </a:rPr>
              <a:t>（H31.3策定、R2.4改訂）</a:t>
            </a:r>
            <a:r>
              <a:rPr sz="599" spc="-43" dirty="0">
                <a:latin typeface="Meiryo UI"/>
                <a:cs typeface="Meiryo UI"/>
              </a:rPr>
              <a:t>」</a:t>
            </a:r>
            <a:endParaRPr sz="599" dirty="0">
              <a:latin typeface="Meiryo UI"/>
              <a:cs typeface="Meiryo UI"/>
            </a:endParaRPr>
          </a:p>
          <a:p>
            <a:pPr marL="251947"/>
            <a:r>
              <a:rPr sz="599" spc="-13" dirty="0">
                <a:latin typeface="Meiryo UI"/>
                <a:cs typeface="Meiryo UI"/>
              </a:rPr>
              <a:t>「広域化・共同化計画実施マニュアル</a:t>
            </a:r>
            <a:r>
              <a:rPr sz="599" spc="-9" dirty="0">
                <a:latin typeface="Meiryo UI"/>
                <a:cs typeface="Meiryo UI"/>
              </a:rPr>
              <a:t>（R6.4</a:t>
            </a:r>
            <a:r>
              <a:rPr sz="599" spc="-4" dirty="0">
                <a:latin typeface="Meiryo UI"/>
                <a:cs typeface="Meiryo UI"/>
              </a:rPr>
              <a:t>策定</a:t>
            </a:r>
            <a:r>
              <a:rPr sz="599" spc="-9" dirty="0">
                <a:latin typeface="Meiryo UI"/>
                <a:cs typeface="Meiryo UI"/>
              </a:rPr>
              <a:t>）</a:t>
            </a:r>
            <a:r>
              <a:rPr sz="599" spc="-43" dirty="0">
                <a:latin typeface="Meiryo UI"/>
                <a:cs typeface="Meiryo UI"/>
              </a:rPr>
              <a:t>」</a:t>
            </a:r>
            <a:endParaRPr sz="599" dirty="0">
              <a:latin typeface="Meiryo UI"/>
              <a:cs typeface="Meiryo UI"/>
            </a:endParaRPr>
          </a:p>
          <a:p>
            <a:pPr marL="251947"/>
            <a:r>
              <a:rPr sz="599" spc="-21" dirty="0">
                <a:latin typeface="Meiryo UI"/>
                <a:cs typeface="Meiryo UI"/>
              </a:rPr>
              <a:t>「下水道事業における広域化・共同化事例集</a:t>
            </a:r>
            <a:r>
              <a:rPr sz="599" spc="-9" dirty="0">
                <a:latin typeface="Meiryo UI"/>
                <a:cs typeface="Meiryo UI"/>
              </a:rPr>
              <a:t>（H30.8策定・R6.4</a:t>
            </a:r>
            <a:r>
              <a:rPr sz="599" spc="-4" dirty="0">
                <a:latin typeface="Meiryo UI"/>
                <a:cs typeface="Meiryo UI"/>
              </a:rPr>
              <a:t>更新</a:t>
            </a:r>
            <a:r>
              <a:rPr sz="599" spc="-9" dirty="0">
                <a:latin typeface="Meiryo UI"/>
                <a:cs typeface="Meiryo UI"/>
              </a:rPr>
              <a:t>）</a:t>
            </a:r>
            <a:r>
              <a:rPr sz="599" spc="-43" dirty="0">
                <a:latin typeface="Meiryo UI"/>
                <a:cs typeface="Meiryo UI"/>
              </a:rPr>
              <a:t>」</a:t>
            </a:r>
            <a:endParaRPr sz="599" dirty="0">
              <a:latin typeface="Meiryo UI"/>
              <a:cs typeface="Meiryo UI"/>
            </a:endParaRPr>
          </a:p>
          <a:p>
            <a:pPr marL="10860">
              <a:spcBef>
                <a:spcPts val="359"/>
              </a:spcBef>
            </a:pPr>
            <a:r>
              <a:rPr sz="1197" spc="-9" dirty="0">
                <a:latin typeface="Meiryo UI"/>
                <a:cs typeface="Meiryo UI"/>
              </a:rPr>
              <a:t>【上水道】</a:t>
            </a:r>
            <a:endParaRPr sz="1197" dirty="0">
              <a:latin typeface="Meiryo UI"/>
              <a:cs typeface="Meiryo UI"/>
            </a:endParaRPr>
          </a:p>
          <a:p>
            <a:pPr marL="125430"/>
            <a:r>
              <a:rPr sz="1197" spc="-17" dirty="0">
                <a:latin typeface="Meiryo UI"/>
                <a:cs typeface="Meiryo UI"/>
              </a:rPr>
              <a:t>上水道の広域化・共同化【全国各地】</a:t>
            </a:r>
            <a:endParaRPr sz="1197" dirty="0">
              <a:latin typeface="Meiryo UI"/>
              <a:cs typeface="Meiryo UI"/>
            </a:endParaRPr>
          </a:p>
          <a:p>
            <a:pPr marL="10860">
              <a:lnSpc>
                <a:spcPts val="1073"/>
              </a:lnSpc>
            </a:pPr>
            <a:r>
              <a:rPr sz="898" spc="-13" dirty="0">
                <a:solidFill>
                  <a:srgbClr val="FF0000"/>
                </a:solidFill>
                <a:latin typeface="Meiryo UI"/>
                <a:cs typeface="Meiryo UI"/>
              </a:rPr>
              <a:t>⇒マニュアル・事例集整備済み、全都道府県で計画策定済み</a:t>
            </a:r>
            <a:r>
              <a:rPr sz="898" spc="-9" dirty="0">
                <a:solidFill>
                  <a:srgbClr val="FF0000"/>
                </a:solidFill>
                <a:latin typeface="Meiryo UI"/>
                <a:cs typeface="Meiryo UI"/>
              </a:rPr>
              <a:t>（R5</a:t>
            </a:r>
            <a:r>
              <a:rPr sz="898" spc="-13" dirty="0">
                <a:solidFill>
                  <a:srgbClr val="FF0000"/>
                </a:solidFill>
                <a:latin typeface="Meiryo UI"/>
                <a:cs typeface="Meiryo UI"/>
              </a:rPr>
              <a:t>年度末</a:t>
            </a:r>
            <a:r>
              <a:rPr sz="898" spc="-43" dirty="0">
                <a:solidFill>
                  <a:srgbClr val="FF0000"/>
                </a:solidFill>
                <a:latin typeface="Meiryo UI"/>
                <a:cs typeface="Meiryo UI"/>
              </a:rPr>
              <a:t>）</a:t>
            </a:r>
            <a:endParaRPr sz="898" dirty="0">
              <a:latin typeface="Meiryo UI"/>
              <a:cs typeface="Meiryo UI"/>
            </a:endParaRPr>
          </a:p>
          <a:p>
            <a:pPr marL="82534">
              <a:lnSpc>
                <a:spcPts val="1022"/>
              </a:lnSpc>
            </a:pPr>
            <a:r>
              <a:rPr sz="855" spc="-9" dirty="0">
                <a:latin typeface="Meiryo UI"/>
                <a:cs typeface="Meiryo UI"/>
              </a:rPr>
              <a:t>＊一部事務組合（群馬県東部8</a:t>
            </a:r>
            <a:r>
              <a:rPr sz="855" spc="-4" dirty="0">
                <a:latin typeface="Meiryo UI"/>
                <a:cs typeface="Meiryo UI"/>
              </a:rPr>
              <a:t>市町</a:t>
            </a:r>
            <a:r>
              <a:rPr sz="855" spc="-9" dirty="0">
                <a:latin typeface="Meiryo UI"/>
                <a:cs typeface="Meiryo UI"/>
              </a:rPr>
              <a:t>）</a:t>
            </a:r>
            <a:r>
              <a:rPr sz="855" spc="-17" dirty="0">
                <a:latin typeface="Meiryo UI"/>
                <a:cs typeface="Meiryo UI"/>
              </a:rPr>
              <a:t>、ほか多数</a:t>
            </a:r>
            <a:endParaRPr sz="855" dirty="0">
              <a:latin typeface="Meiryo UI"/>
              <a:cs typeface="Meiryo UI"/>
            </a:endParaRPr>
          </a:p>
          <a:p>
            <a:pPr marL="10860">
              <a:spcBef>
                <a:spcPts val="522"/>
              </a:spcBef>
            </a:pPr>
            <a:r>
              <a:rPr sz="1197" spc="-13" dirty="0">
                <a:latin typeface="Meiryo UI"/>
                <a:cs typeface="Meiryo UI"/>
              </a:rPr>
              <a:t>【道路】</a:t>
            </a:r>
            <a:endParaRPr sz="1197" dirty="0">
              <a:latin typeface="Meiryo UI"/>
              <a:cs typeface="Meiryo UI"/>
            </a:endParaRPr>
          </a:p>
          <a:p>
            <a:pPr marL="125430"/>
            <a:r>
              <a:rPr sz="1197" spc="-17" dirty="0">
                <a:latin typeface="Meiryo UI"/>
                <a:cs typeface="Meiryo UI"/>
              </a:rPr>
              <a:t>道路橋の点検の地域一括発注【全国各地】</a:t>
            </a:r>
            <a:endParaRPr sz="1197" dirty="0">
              <a:latin typeface="Meiryo UI"/>
              <a:cs typeface="Meiryo UI"/>
            </a:endParaRPr>
          </a:p>
          <a:p>
            <a:pPr marL="89049">
              <a:lnSpc>
                <a:spcPts val="1124"/>
              </a:lnSpc>
            </a:pPr>
            <a:r>
              <a:rPr sz="941" dirty="0">
                <a:solidFill>
                  <a:srgbClr val="FF0000"/>
                </a:solidFill>
                <a:latin typeface="Meiryo UI"/>
                <a:cs typeface="Meiryo UI"/>
              </a:rPr>
              <a:t>⇒全国</a:t>
            </a:r>
            <a:r>
              <a:rPr sz="941" spc="-17" dirty="0">
                <a:solidFill>
                  <a:srgbClr val="FF0000"/>
                </a:solidFill>
                <a:latin typeface="Meiryo UI"/>
                <a:cs typeface="Meiryo UI"/>
              </a:rPr>
              <a:t>482</a:t>
            </a:r>
            <a:r>
              <a:rPr sz="941" dirty="0">
                <a:solidFill>
                  <a:srgbClr val="FF0000"/>
                </a:solidFill>
                <a:latin typeface="Meiryo UI"/>
                <a:cs typeface="Meiryo UI"/>
              </a:rPr>
              <a:t>市区町村</a:t>
            </a:r>
            <a:r>
              <a:rPr sz="941" spc="-9" dirty="0">
                <a:solidFill>
                  <a:srgbClr val="FF0000"/>
                </a:solidFill>
                <a:latin typeface="Meiryo UI"/>
                <a:cs typeface="Meiryo UI"/>
              </a:rPr>
              <a:t>（32</a:t>
            </a:r>
            <a:r>
              <a:rPr sz="941" dirty="0">
                <a:solidFill>
                  <a:srgbClr val="FF0000"/>
                </a:solidFill>
                <a:latin typeface="Meiryo UI"/>
                <a:cs typeface="Meiryo UI"/>
              </a:rPr>
              <a:t>道府県）</a:t>
            </a:r>
            <a:r>
              <a:rPr sz="941" spc="-4" dirty="0">
                <a:solidFill>
                  <a:srgbClr val="FF0000"/>
                </a:solidFill>
                <a:latin typeface="Meiryo UI"/>
                <a:cs typeface="Meiryo UI"/>
              </a:rPr>
              <a:t>で実施</a:t>
            </a:r>
            <a:r>
              <a:rPr sz="941" spc="-9" dirty="0">
                <a:solidFill>
                  <a:srgbClr val="FF0000"/>
                </a:solidFill>
                <a:latin typeface="Meiryo UI"/>
                <a:cs typeface="Meiryo UI"/>
              </a:rPr>
              <a:t>（R4</a:t>
            </a:r>
            <a:r>
              <a:rPr sz="941" dirty="0">
                <a:solidFill>
                  <a:srgbClr val="FF0000"/>
                </a:solidFill>
                <a:latin typeface="Meiryo UI"/>
                <a:cs typeface="Meiryo UI"/>
              </a:rPr>
              <a:t>年度</a:t>
            </a:r>
            <a:r>
              <a:rPr sz="941" spc="-43" dirty="0">
                <a:solidFill>
                  <a:srgbClr val="FF0000"/>
                </a:solidFill>
                <a:latin typeface="Meiryo UI"/>
                <a:cs typeface="Meiryo UI"/>
              </a:rPr>
              <a:t>）</a:t>
            </a:r>
            <a:endParaRPr sz="941" dirty="0">
              <a:latin typeface="Meiryo UI"/>
              <a:cs typeface="Meiryo UI"/>
            </a:endParaRPr>
          </a:p>
          <a:p>
            <a:pPr marL="191674" marR="752039" indent="-109684">
              <a:lnSpc>
                <a:spcPts val="1026"/>
              </a:lnSpc>
              <a:spcBef>
                <a:spcPts val="30"/>
              </a:spcBef>
            </a:pPr>
            <a:r>
              <a:rPr sz="855" spc="-9" dirty="0">
                <a:latin typeface="Meiryo UI"/>
                <a:cs typeface="Meiryo UI"/>
              </a:rPr>
              <a:t>＊任意の協議会（秋田県）</a:t>
            </a:r>
            <a:r>
              <a:rPr sz="855" spc="-13" dirty="0">
                <a:latin typeface="Meiryo UI"/>
                <a:cs typeface="Meiryo UI"/>
              </a:rPr>
              <a:t>、広域連合</a:t>
            </a:r>
            <a:r>
              <a:rPr sz="855" dirty="0">
                <a:latin typeface="Meiryo UI"/>
                <a:cs typeface="Meiryo UI"/>
              </a:rPr>
              <a:t>（</a:t>
            </a:r>
            <a:r>
              <a:rPr sz="855" spc="-9" dirty="0">
                <a:latin typeface="Meiryo UI"/>
                <a:cs typeface="Meiryo UI"/>
              </a:rPr>
              <a:t>長野県上伊那郡</a:t>
            </a:r>
            <a:r>
              <a:rPr sz="855" spc="-43" dirty="0">
                <a:latin typeface="Meiryo UI"/>
                <a:cs typeface="Meiryo UI"/>
              </a:rPr>
              <a:t>）</a:t>
            </a:r>
            <a:r>
              <a:rPr sz="855" spc="-9" dirty="0">
                <a:latin typeface="Meiryo UI"/>
                <a:cs typeface="Meiryo UI"/>
              </a:rPr>
              <a:t>一部事務組合（長野県下伊那郡土木技術センター組合</a:t>
            </a:r>
            <a:r>
              <a:rPr sz="855" spc="-43" dirty="0">
                <a:latin typeface="Meiryo UI"/>
                <a:cs typeface="Meiryo UI"/>
              </a:rPr>
              <a:t>）</a:t>
            </a:r>
            <a:endParaRPr sz="855" dirty="0">
              <a:latin typeface="Meiryo UI"/>
              <a:cs typeface="Meiryo UI"/>
            </a:endParaRPr>
          </a:p>
          <a:p>
            <a:pPr marL="125430">
              <a:lnSpc>
                <a:spcPts val="1407"/>
              </a:lnSpc>
            </a:pPr>
            <a:r>
              <a:rPr sz="1197" spc="-13" dirty="0">
                <a:latin typeface="Meiryo UI"/>
                <a:cs typeface="Meiryo UI"/>
              </a:rPr>
              <a:t>道路橋の計画策定、点検、修繕</a:t>
            </a:r>
            <a:r>
              <a:rPr sz="1197" dirty="0">
                <a:latin typeface="Meiryo UI"/>
                <a:cs typeface="Meiryo UI"/>
              </a:rPr>
              <a:t>（</a:t>
            </a:r>
            <a:r>
              <a:rPr sz="1197" spc="-13" dirty="0">
                <a:latin typeface="Meiryo UI"/>
                <a:cs typeface="Meiryo UI"/>
              </a:rPr>
              <a:t>市町村が県へ委託</a:t>
            </a:r>
            <a:r>
              <a:rPr sz="1197" spc="-43" dirty="0">
                <a:latin typeface="Meiryo UI"/>
                <a:cs typeface="Meiryo UI"/>
              </a:rPr>
              <a:t>）</a:t>
            </a:r>
            <a:endParaRPr sz="1197" dirty="0">
              <a:latin typeface="Meiryo UI"/>
              <a:cs typeface="Meiryo UI"/>
            </a:endParaRPr>
          </a:p>
          <a:p>
            <a:pPr marL="82534">
              <a:lnSpc>
                <a:spcPts val="1022"/>
              </a:lnSpc>
            </a:pPr>
            <a:r>
              <a:rPr sz="855" spc="-9" dirty="0">
                <a:latin typeface="Meiryo UI"/>
                <a:cs typeface="Meiryo UI"/>
              </a:rPr>
              <a:t>＊私法上の委託（奈良県</a:t>
            </a:r>
            <a:r>
              <a:rPr sz="855" spc="-43" dirty="0">
                <a:latin typeface="Meiryo UI"/>
                <a:cs typeface="Meiryo UI"/>
              </a:rPr>
              <a:t>）</a:t>
            </a:r>
            <a:endParaRPr sz="855" dirty="0">
              <a:latin typeface="Meiryo UI"/>
              <a:cs typeface="Meiryo UI"/>
            </a:endParaRPr>
          </a:p>
          <a:p>
            <a:pPr marL="125430">
              <a:lnSpc>
                <a:spcPts val="1432"/>
              </a:lnSpc>
              <a:spcBef>
                <a:spcPts val="4"/>
              </a:spcBef>
            </a:pPr>
            <a:r>
              <a:rPr sz="1197" spc="-13" dirty="0">
                <a:latin typeface="Meiryo UI"/>
                <a:cs typeface="Meiryo UI"/>
              </a:rPr>
              <a:t>道路除雪を村が県へ委託</a:t>
            </a:r>
            <a:endParaRPr sz="1197" dirty="0">
              <a:latin typeface="Meiryo UI"/>
              <a:cs typeface="Meiryo UI"/>
            </a:endParaRPr>
          </a:p>
          <a:p>
            <a:pPr marL="82534">
              <a:lnSpc>
                <a:spcPts val="1022"/>
              </a:lnSpc>
            </a:pPr>
            <a:r>
              <a:rPr sz="855" spc="-9" dirty="0">
                <a:latin typeface="Meiryo UI"/>
                <a:cs typeface="Meiryo UI"/>
              </a:rPr>
              <a:t>＊業務協定（岐阜県白川村→岐阜県</a:t>
            </a:r>
            <a:r>
              <a:rPr sz="855" spc="-43" dirty="0">
                <a:latin typeface="Meiryo UI"/>
                <a:cs typeface="Meiryo UI"/>
              </a:rPr>
              <a:t>）</a:t>
            </a:r>
            <a:endParaRPr sz="855" dirty="0">
              <a:latin typeface="Meiryo UI"/>
              <a:cs typeface="Meiryo UI"/>
            </a:endParaRPr>
          </a:p>
        </p:txBody>
      </p:sp>
      <p:sp>
        <p:nvSpPr>
          <p:cNvPr id="17" name="object 17"/>
          <p:cNvSpPr txBox="1"/>
          <p:nvPr/>
        </p:nvSpPr>
        <p:spPr>
          <a:xfrm>
            <a:off x="1308613" y="6004675"/>
            <a:ext cx="3263387" cy="555393"/>
          </a:xfrm>
          <a:prstGeom prst="rect">
            <a:avLst/>
          </a:prstGeom>
          <a:solidFill>
            <a:srgbClr val="FF0000"/>
          </a:solidFill>
        </p:spPr>
        <p:txBody>
          <a:bodyPr vert="horz" wrap="square" lIns="0" tIns="2715" rIns="0" bIns="0" rtlCol="0">
            <a:spAutoFit/>
          </a:bodyPr>
          <a:lstStyle/>
          <a:p>
            <a:pPr marL="30950">
              <a:spcBef>
                <a:spcPts val="21"/>
              </a:spcBef>
            </a:pPr>
            <a:r>
              <a:rPr sz="1197" spc="-13" dirty="0">
                <a:solidFill>
                  <a:srgbClr val="FFFFFF"/>
                </a:solidFill>
                <a:latin typeface="Meiryo UI"/>
                <a:cs typeface="Meiryo UI"/>
              </a:rPr>
              <a:t>上下水道や道路橋点検では複数自治体連携で実施している事例があるが、他分野や修繕等の業務における連携への発展が必要</a:t>
            </a:r>
            <a:endParaRPr sz="1197" dirty="0">
              <a:latin typeface="Meiryo UI"/>
              <a:cs typeface="Meiryo UI"/>
            </a:endParaRPr>
          </a:p>
        </p:txBody>
      </p:sp>
      <p:grpSp>
        <p:nvGrpSpPr>
          <p:cNvPr id="18" name="object 18"/>
          <p:cNvGrpSpPr/>
          <p:nvPr/>
        </p:nvGrpSpPr>
        <p:grpSpPr>
          <a:xfrm>
            <a:off x="1102602" y="2323791"/>
            <a:ext cx="7100150" cy="4309734"/>
            <a:chOff x="1286256" y="2055875"/>
            <a:chExt cx="8104758" cy="5039995"/>
          </a:xfrm>
        </p:grpSpPr>
        <p:sp>
          <p:nvSpPr>
            <p:cNvPr id="19" name="object 19"/>
            <p:cNvSpPr/>
            <p:nvPr/>
          </p:nvSpPr>
          <p:spPr>
            <a:xfrm>
              <a:off x="1286256" y="2055875"/>
              <a:ext cx="4514215" cy="5039995"/>
            </a:xfrm>
            <a:custGeom>
              <a:avLst/>
              <a:gdLst/>
              <a:ahLst/>
              <a:cxnLst/>
              <a:rect l="l" t="t" r="r" b="b"/>
              <a:pathLst>
                <a:path w="4514215" h="5039995">
                  <a:moveTo>
                    <a:pt x="150876" y="4696980"/>
                  </a:moveTo>
                  <a:lnTo>
                    <a:pt x="0" y="4354080"/>
                  </a:lnTo>
                  <a:lnTo>
                    <a:pt x="0" y="5039880"/>
                  </a:lnTo>
                  <a:lnTo>
                    <a:pt x="150876" y="4696980"/>
                  </a:lnTo>
                  <a:close/>
                </a:path>
                <a:path w="4514215" h="5039995">
                  <a:moveTo>
                    <a:pt x="4514088" y="179832"/>
                  </a:moveTo>
                  <a:lnTo>
                    <a:pt x="4387596" y="0"/>
                  </a:lnTo>
                  <a:lnTo>
                    <a:pt x="4387596" y="359664"/>
                  </a:lnTo>
                  <a:lnTo>
                    <a:pt x="4514088" y="179832"/>
                  </a:lnTo>
                  <a:close/>
                </a:path>
              </a:pathLst>
            </a:custGeom>
            <a:solidFill>
              <a:srgbClr val="FF0000"/>
            </a:solidFill>
          </p:spPr>
          <p:txBody>
            <a:bodyPr wrap="square" lIns="0" tIns="0" rIns="0" bIns="0" rtlCol="0"/>
            <a:lstStyle/>
            <a:p>
              <a:endParaRPr sz="1749"/>
            </a:p>
          </p:txBody>
        </p:sp>
        <p:sp>
          <p:nvSpPr>
            <p:cNvPr id="20" name="object 20"/>
            <p:cNvSpPr/>
            <p:nvPr/>
          </p:nvSpPr>
          <p:spPr>
            <a:xfrm>
              <a:off x="7135367" y="2467356"/>
              <a:ext cx="1140460" cy="360045"/>
            </a:xfrm>
            <a:custGeom>
              <a:avLst/>
              <a:gdLst/>
              <a:ahLst/>
              <a:cxnLst/>
              <a:rect l="l" t="t" r="r" b="b"/>
              <a:pathLst>
                <a:path w="1140459" h="360044">
                  <a:moveTo>
                    <a:pt x="854963" y="0"/>
                  </a:moveTo>
                  <a:lnTo>
                    <a:pt x="284987" y="0"/>
                  </a:lnTo>
                  <a:lnTo>
                    <a:pt x="284987" y="179831"/>
                  </a:lnTo>
                  <a:lnTo>
                    <a:pt x="0" y="179831"/>
                  </a:lnTo>
                  <a:lnTo>
                    <a:pt x="569976" y="359663"/>
                  </a:lnTo>
                  <a:lnTo>
                    <a:pt x="1139952" y="179831"/>
                  </a:lnTo>
                  <a:lnTo>
                    <a:pt x="854963" y="179831"/>
                  </a:lnTo>
                  <a:lnTo>
                    <a:pt x="854963" y="0"/>
                  </a:lnTo>
                  <a:close/>
                </a:path>
              </a:pathLst>
            </a:custGeom>
            <a:solidFill>
              <a:srgbClr val="B6DDE8"/>
            </a:solidFill>
          </p:spPr>
          <p:txBody>
            <a:bodyPr wrap="square" lIns="0" tIns="0" rIns="0" bIns="0" rtlCol="0"/>
            <a:lstStyle/>
            <a:p>
              <a:endParaRPr sz="1749"/>
            </a:p>
          </p:txBody>
        </p:sp>
        <p:sp>
          <p:nvSpPr>
            <p:cNvPr id="21" name="object 21"/>
            <p:cNvSpPr/>
            <p:nvPr/>
          </p:nvSpPr>
          <p:spPr>
            <a:xfrm>
              <a:off x="7135367" y="2467356"/>
              <a:ext cx="1140460" cy="360045"/>
            </a:xfrm>
            <a:custGeom>
              <a:avLst/>
              <a:gdLst/>
              <a:ahLst/>
              <a:cxnLst/>
              <a:rect l="l" t="t" r="r" b="b"/>
              <a:pathLst>
                <a:path w="1140459" h="360044">
                  <a:moveTo>
                    <a:pt x="0" y="179831"/>
                  </a:moveTo>
                  <a:lnTo>
                    <a:pt x="284987" y="179831"/>
                  </a:lnTo>
                  <a:lnTo>
                    <a:pt x="284987" y="0"/>
                  </a:lnTo>
                  <a:lnTo>
                    <a:pt x="854963" y="0"/>
                  </a:lnTo>
                  <a:lnTo>
                    <a:pt x="854963" y="179831"/>
                  </a:lnTo>
                  <a:lnTo>
                    <a:pt x="1139952" y="179831"/>
                  </a:lnTo>
                  <a:lnTo>
                    <a:pt x="569976" y="359663"/>
                  </a:lnTo>
                  <a:lnTo>
                    <a:pt x="0" y="179831"/>
                  </a:lnTo>
                  <a:close/>
                </a:path>
              </a:pathLst>
            </a:custGeom>
            <a:ln w="6096">
              <a:solidFill>
                <a:srgbClr val="000000"/>
              </a:solidFill>
            </a:ln>
          </p:spPr>
          <p:txBody>
            <a:bodyPr wrap="square" lIns="0" tIns="0" rIns="0" bIns="0" rtlCol="0"/>
            <a:lstStyle/>
            <a:p>
              <a:endParaRPr sz="1749"/>
            </a:p>
          </p:txBody>
        </p:sp>
        <p:sp>
          <p:nvSpPr>
            <p:cNvPr id="22" name="object 22"/>
            <p:cNvSpPr/>
            <p:nvPr/>
          </p:nvSpPr>
          <p:spPr>
            <a:xfrm>
              <a:off x="5294376" y="3558540"/>
              <a:ext cx="483234" cy="1007744"/>
            </a:xfrm>
            <a:custGeom>
              <a:avLst/>
              <a:gdLst/>
              <a:ahLst/>
              <a:cxnLst/>
              <a:rect l="l" t="t" r="r" b="b"/>
              <a:pathLst>
                <a:path w="483235" h="1007745">
                  <a:moveTo>
                    <a:pt x="240791" y="0"/>
                  </a:moveTo>
                  <a:lnTo>
                    <a:pt x="240791" y="251460"/>
                  </a:lnTo>
                  <a:lnTo>
                    <a:pt x="0" y="251460"/>
                  </a:lnTo>
                  <a:lnTo>
                    <a:pt x="0" y="755904"/>
                  </a:lnTo>
                  <a:lnTo>
                    <a:pt x="240791" y="755904"/>
                  </a:lnTo>
                  <a:lnTo>
                    <a:pt x="240791" y="1007364"/>
                  </a:lnTo>
                  <a:lnTo>
                    <a:pt x="483108" y="502920"/>
                  </a:lnTo>
                  <a:lnTo>
                    <a:pt x="240791" y="0"/>
                  </a:lnTo>
                  <a:close/>
                </a:path>
              </a:pathLst>
            </a:custGeom>
            <a:solidFill>
              <a:srgbClr val="B6DDE8"/>
            </a:solidFill>
          </p:spPr>
          <p:txBody>
            <a:bodyPr wrap="square" lIns="0" tIns="0" rIns="0" bIns="0" rtlCol="0"/>
            <a:lstStyle/>
            <a:p>
              <a:endParaRPr sz="1749"/>
            </a:p>
          </p:txBody>
        </p:sp>
        <p:sp>
          <p:nvSpPr>
            <p:cNvPr id="23" name="object 23"/>
            <p:cNvSpPr/>
            <p:nvPr/>
          </p:nvSpPr>
          <p:spPr>
            <a:xfrm>
              <a:off x="5294376" y="3558540"/>
              <a:ext cx="483234" cy="1007744"/>
            </a:xfrm>
            <a:custGeom>
              <a:avLst/>
              <a:gdLst/>
              <a:ahLst/>
              <a:cxnLst/>
              <a:rect l="l" t="t" r="r" b="b"/>
              <a:pathLst>
                <a:path w="483235" h="1007745">
                  <a:moveTo>
                    <a:pt x="0" y="251460"/>
                  </a:moveTo>
                  <a:lnTo>
                    <a:pt x="240791" y="251460"/>
                  </a:lnTo>
                  <a:lnTo>
                    <a:pt x="240791" y="0"/>
                  </a:lnTo>
                  <a:lnTo>
                    <a:pt x="483108" y="502920"/>
                  </a:lnTo>
                  <a:lnTo>
                    <a:pt x="240791" y="1007364"/>
                  </a:lnTo>
                  <a:lnTo>
                    <a:pt x="240791" y="755904"/>
                  </a:lnTo>
                  <a:lnTo>
                    <a:pt x="0" y="755904"/>
                  </a:lnTo>
                  <a:lnTo>
                    <a:pt x="0" y="251460"/>
                  </a:lnTo>
                  <a:close/>
                </a:path>
              </a:pathLst>
            </a:custGeom>
            <a:ln w="6096">
              <a:solidFill>
                <a:srgbClr val="000000"/>
              </a:solidFill>
            </a:ln>
          </p:spPr>
          <p:txBody>
            <a:bodyPr wrap="square" lIns="0" tIns="0" rIns="0" bIns="0" rtlCol="0"/>
            <a:lstStyle/>
            <a:p>
              <a:endParaRPr sz="1749"/>
            </a:p>
          </p:txBody>
        </p:sp>
        <p:sp>
          <p:nvSpPr>
            <p:cNvPr id="24" name="object 24"/>
            <p:cNvSpPr/>
            <p:nvPr/>
          </p:nvSpPr>
          <p:spPr>
            <a:xfrm>
              <a:off x="6233159" y="3582924"/>
              <a:ext cx="3157855" cy="1077595"/>
            </a:xfrm>
            <a:custGeom>
              <a:avLst/>
              <a:gdLst/>
              <a:ahLst/>
              <a:cxnLst/>
              <a:rect l="l" t="t" r="r" b="b"/>
              <a:pathLst>
                <a:path w="3157854" h="1077595">
                  <a:moveTo>
                    <a:pt x="2977895" y="0"/>
                  </a:moveTo>
                  <a:lnTo>
                    <a:pt x="179831" y="0"/>
                  </a:lnTo>
                  <a:lnTo>
                    <a:pt x="132115" y="6335"/>
                  </a:lnTo>
                  <a:lnTo>
                    <a:pt x="89182" y="24271"/>
                  </a:lnTo>
                  <a:lnTo>
                    <a:pt x="52768" y="52197"/>
                  </a:lnTo>
                  <a:lnTo>
                    <a:pt x="24609" y="88504"/>
                  </a:lnTo>
                  <a:lnTo>
                    <a:pt x="6441" y="131586"/>
                  </a:lnTo>
                  <a:lnTo>
                    <a:pt x="0" y="179832"/>
                  </a:lnTo>
                  <a:lnTo>
                    <a:pt x="0" y="897636"/>
                  </a:lnTo>
                  <a:lnTo>
                    <a:pt x="6441" y="945352"/>
                  </a:lnTo>
                  <a:lnTo>
                    <a:pt x="24609" y="988285"/>
                  </a:lnTo>
                  <a:lnTo>
                    <a:pt x="52768" y="1024699"/>
                  </a:lnTo>
                  <a:lnTo>
                    <a:pt x="89182" y="1052858"/>
                  </a:lnTo>
                  <a:lnTo>
                    <a:pt x="132115" y="1071026"/>
                  </a:lnTo>
                  <a:lnTo>
                    <a:pt x="179831" y="1077468"/>
                  </a:lnTo>
                  <a:lnTo>
                    <a:pt x="2977895" y="1077468"/>
                  </a:lnTo>
                  <a:lnTo>
                    <a:pt x="3025612" y="1071026"/>
                  </a:lnTo>
                  <a:lnTo>
                    <a:pt x="3068545" y="1052858"/>
                  </a:lnTo>
                  <a:lnTo>
                    <a:pt x="3104959" y="1024699"/>
                  </a:lnTo>
                  <a:lnTo>
                    <a:pt x="3133118" y="988285"/>
                  </a:lnTo>
                  <a:lnTo>
                    <a:pt x="3151286" y="945352"/>
                  </a:lnTo>
                  <a:lnTo>
                    <a:pt x="3157728" y="897636"/>
                  </a:lnTo>
                  <a:lnTo>
                    <a:pt x="3157728" y="179832"/>
                  </a:lnTo>
                  <a:lnTo>
                    <a:pt x="3151286" y="131586"/>
                  </a:lnTo>
                  <a:lnTo>
                    <a:pt x="3133118" y="88504"/>
                  </a:lnTo>
                  <a:lnTo>
                    <a:pt x="3104959" y="52197"/>
                  </a:lnTo>
                  <a:lnTo>
                    <a:pt x="3068545" y="24271"/>
                  </a:lnTo>
                  <a:lnTo>
                    <a:pt x="3025612" y="6335"/>
                  </a:lnTo>
                  <a:lnTo>
                    <a:pt x="2977895" y="0"/>
                  </a:lnTo>
                  <a:close/>
                </a:path>
              </a:pathLst>
            </a:custGeom>
            <a:solidFill>
              <a:srgbClr val="B6DDE8"/>
            </a:solidFill>
          </p:spPr>
          <p:txBody>
            <a:bodyPr wrap="square" lIns="0" tIns="0" rIns="0" bIns="0" rtlCol="0"/>
            <a:lstStyle/>
            <a:p>
              <a:endParaRPr sz="1749"/>
            </a:p>
          </p:txBody>
        </p:sp>
        <p:sp>
          <p:nvSpPr>
            <p:cNvPr id="25" name="object 25"/>
            <p:cNvSpPr/>
            <p:nvPr/>
          </p:nvSpPr>
          <p:spPr>
            <a:xfrm>
              <a:off x="6233159" y="3582924"/>
              <a:ext cx="3157855" cy="1446274"/>
            </a:xfrm>
            <a:custGeom>
              <a:avLst/>
              <a:gdLst/>
              <a:ahLst/>
              <a:cxnLst/>
              <a:rect l="l" t="t" r="r" b="b"/>
              <a:pathLst>
                <a:path w="3157854" h="1077595">
                  <a:moveTo>
                    <a:pt x="0" y="179832"/>
                  </a:moveTo>
                  <a:lnTo>
                    <a:pt x="6441" y="131586"/>
                  </a:lnTo>
                  <a:lnTo>
                    <a:pt x="24609" y="88504"/>
                  </a:lnTo>
                  <a:lnTo>
                    <a:pt x="52768" y="52197"/>
                  </a:lnTo>
                  <a:lnTo>
                    <a:pt x="89182" y="24271"/>
                  </a:lnTo>
                  <a:lnTo>
                    <a:pt x="132115" y="6335"/>
                  </a:lnTo>
                  <a:lnTo>
                    <a:pt x="179831" y="0"/>
                  </a:lnTo>
                  <a:lnTo>
                    <a:pt x="2977895" y="0"/>
                  </a:lnTo>
                  <a:lnTo>
                    <a:pt x="3025612" y="6335"/>
                  </a:lnTo>
                  <a:lnTo>
                    <a:pt x="3068545" y="24271"/>
                  </a:lnTo>
                  <a:lnTo>
                    <a:pt x="3104959" y="52197"/>
                  </a:lnTo>
                  <a:lnTo>
                    <a:pt x="3133118" y="88504"/>
                  </a:lnTo>
                  <a:lnTo>
                    <a:pt x="3151286" y="131586"/>
                  </a:lnTo>
                  <a:lnTo>
                    <a:pt x="3157728" y="179832"/>
                  </a:lnTo>
                  <a:lnTo>
                    <a:pt x="3157728" y="897636"/>
                  </a:lnTo>
                  <a:lnTo>
                    <a:pt x="3151286" y="945352"/>
                  </a:lnTo>
                  <a:lnTo>
                    <a:pt x="3133118" y="988285"/>
                  </a:lnTo>
                  <a:lnTo>
                    <a:pt x="3104959" y="1024699"/>
                  </a:lnTo>
                  <a:lnTo>
                    <a:pt x="3068545" y="1052858"/>
                  </a:lnTo>
                  <a:lnTo>
                    <a:pt x="3025612" y="1071026"/>
                  </a:lnTo>
                  <a:lnTo>
                    <a:pt x="2977895" y="1077468"/>
                  </a:lnTo>
                  <a:lnTo>
                    <a:pt x="179831" y="1077468"/>
                  </a:lnTo>
                  <a:lnTo>
                    <a:pt x="132115" y="1071026"/>
                  </a:lnTo>
                  <a:lnTo>
                    <a:pt x="89182" y="1052858"/>
                  </a:lnTo>
                  <a:lnTo>
                    <a:pt x="52768" y="1024699"/>
                  </a:lnTo>
                  <a:lnTo>
                    <a:pt x="24609" y="988285"/>
                  </a:lnTo>
                  <a:lnTo>
                    <a:pt x="6441" y="945352"/>
                  </a:lnTo>
                  <a:lnTo>
                    <a:pt x="0" y="897636"/>
                  </a:lnTo>
                  <a:lnTo>
                    <a:pt x="0" y="179832"/>
                  </a:lnTo>
                  <a:close/>
                </a:path>
              </a:pathLst>
            </a:custGeom>
            <a:ln w="6095">
              <a:solidFill>
                <a:srgbClr val="000000"/>
              </a:solidFill>
            </a:ln>
          </p:spPr>
          <p:txBody>
            <a:bodyPr wrap="square" lIns="0" tIns="0" rIns="0" bIns="0" rtlCol="0"/>
            <a:lstStyle/>
            <a:p>
              <a:endParaRPr sz="1749"/>
            </a:p>
          </p:txBody>
        </p:sp>
        <p:pic>
          <p:nvPicPr>
            <p:cNvPr id="26" name="object 26"/>
            <p:cNvPicPr/>
            <p:nvPr/>
          </p:nvPicPr>
          <p:blipFill>
            <a:blip r:embed="rId4" cstate="print"/>
            <a:stretch>
              <a:fillRect/>
            </a:stretch>
          </p:blipFill>
          <p:spPr>
            <a:xfrm>
              <a:off x="6336791" y="3742944"/>
              <a:ext cx="111252" cy="129539"/>
            </a:xfrm>
            <a:prstGeom prst="rect">
              <a:avLst/>
            </a:prstGeom>
          </p:spPr>
        </p:pic>
        <p:pic>
          <p:nvPicPr>
            <p:cNvPr id="27" name="object 27"/>
            <p:cNvPicPr/>
            <p:nvPr/>
          </p:nvPicPr>
          <p:blipFill>
            <a:blip r:embed="rId5" cstate="print"/>
            <a:stretch>
              <a:fillRect/>
            </a:stretch>
          </p:blipFill>
          <p:spPr>
            <a:xfrm>
              <a:off x="6336791" y="3956304"/>
              <a:ext cx="111252" cy="129539"/>
            </a:xfrm>
            <a:prstGeom prst="rect">
              <a:avLst/>
            </a:prstGeom>
          </p:spPr>
        </p:pic>
        <p:sp>
          <p:nvSpPr>
            <p:cNvPr id="28" name="object 28"/>
            <p:cNvSpPr/>
            <p:nvPr/>
          </p:nvSpPr>
          <p:spPr>
            <a:xfrm>
              <a:off x="6678167" y="3012948"/>
              <a:ext cx="2179320" cy="447040"/>
            </a:xfrm>
            <a:custGeom>
              <a:avLst/>
              <a:gdLst/>
              <a:ahLst/>
              <a:cxnLst/>
              <a:rect l="l" t="t" r="r" b="b"/>
              <a:pathLst>
                <a:path w="2179320" h="447039">
                  <a:moveTo>
                    <a:pt x="1089659" y="0"/>
                  </a:moveTo>
                  <a:lnTo>
                    <a:pt x="1015034" y="518"/>
                  </a:lnTo>
                  <a:lnTo>
                    <a:pt x="941762" y="2050"/>
                  </a:lnTo>
                  <a:lnTo>
                    <a:pt x="870004" y="4563"/>
                  </a:lnTo>
                  <a:lnTo>
                    <a:pt x="799923" y="8022"/>
                  </a:lnTo>
                  <a:lnTo>
                    <a:pt x="731681" y="12394"/>
                  </a:lnTo>
                  <a:lnTo>
                    <a:pt x="665440" y="17645"/>
                  </a:lnTo>
                  <a:lnTo>
                    <a:pt x="601362" y="23741"/>
                  </a:lnTo>
                  <a:lnTo>
                    <a:pt x="539608" y="30649"/>
                  </a:lnTo>
                  <a:lnTo>
                    <a:pt x="480342" y="38335"/>
                  </a:lnTo>
                  <a:lnTo>
                    <a:pt x="423725" y="46765"/>
                  </a:lnTo>
                  <a:lnTo>
                    <a:pt x="369920" y="55905"/>
                  </a:lnTo>
                  <a:lnTo>
                    <a:pt x="319087" y="65722"/>
                  </a:lnTo>
                  <a:lnTo>
                    <a:pt x="271390" y="76182"/>
                  </a:lnTo>
                  <a:lnTo>
                    <a:pt x="226990" y="87251"/>
                  </a:lnTo>
                  <a:lnTo>
                    <a:pt x="186050" y="98896"/>
                  </a:lnTo>
                  <a:lnTo>
                    <a:pt x="148731" y="111082"/>
                  </a:lnTo>
                  <a:lnTo>
                    <a:pt x="85605" y="136945"/>
                  </a:lnTo>
                  <a:lnTo>
                    <a:pt x="38911" y="164570"/>
                  </a:lnTo>
                  <a:lnTo>
                    <a:pt x="9943" y="193688"/>
                  </a:lnTo>
                  <a:lnTo>
                    <a:pt x="0" y="224027"/>
                  </a:lnTo>
                  <a:lnTo>
                    <a:pt x="2512" y="239151"/>
                  </a:lnTo>
                  <a:lnTo>
                    <a:pt x="38911" y="282843"/>
                  </a:lnTo>
                  <a:lnTo>
                    <a:pt x="85605" y="310229"/>
                  </a:lnTo>
                  <a:lnTo>
                    <a:pt x="148731" y="335900"/>
                  </a:lnTo>
                  <a:lnTo>
                    <a:pt x="186050" y="348007"/>
                  </a:lnTo>
                  <a:lnTo>
                    <a:pt x="226990" y="359582"/>
                  </a:lnTo>
                  <a:lnTo>
                    <a:pt x="271390" y="370591"/>
                  </a:lnTo>
                  <a:lnTo>
                    <a:pt x="319087" y="381000"/>
                  </a:lnTo>
                  <a:lnTo>
                    <a:pt x="369920" y="390773"/>
                  </a:lnTo>
                  <a:lnTo>
                    <a:pt x="423725" y="399877"/>
                  </a:lnTo>
                  <a:lnTo>
                    <a:pt x="480342" y="408277"/>
                  </a:lnTo>
                  <a:lnTo>
                    <a:pt x="539608" y="415939"/>
                  </a:lnTo>
                  <a:lnTo>
                    <a:pt x="601362" y="422828"/>
                  </a:lnTo>
                  <a:lnTo>
                    <a:pt x="665440" y="428910"/>
                  </a:lnTo>
                  <a:lnTo>
                    <a:pt x="731681" y="434151"/>
                  </a:lnTo>
                  <a:lnTo>
                    <a:pt x="799923" y="438516"/>
                  </a:lnTo>
                  <a:lnTo>
                    <a:pt x="870004" y="441971"/>
                  </a:lnTo>
                  <a:lnTo>
                    <a:pt x="941762" y="444482"/>
                  </a:lnTo>
                  <a:lnTo>
                    <a:pt x="1015034" y="446013"/>
                  </a:lnTo>
                  <a:lnTo>
                    <a:pt x="1089659" y="446532"/>
                  </a:lnTo>
                  <a:lnTo>
                    <a:pt x="1164285" y="446013"/>
                  </a:lnTo>
                  <a:lnTo>
                    <a:pt x="1237557" y="444482"/>
                  </a:lnTo>
                  <a:lnTo>
                    <a:pt x="1309315" y="441971"/>
                  </a:lnTo>
                  <a:lnTo>
                    <a:pt x="1379396" y="438516"/>
                  </a:lnTo>
                  <a:lnTo>
                    <a:pt x="1447638" y="434151"/>
                  </a:lnTo>
                  <a:lnTo>
                    <a:pt x="1513879" y="428910"/>
                  </a:lnTo>
                  <a:lnTo>
                    <a:pt x="1577957" y="422828"/>
                  </a:lnTo>
                  <a:lnTo>
                    <a:pt x="1639711" y="415939"/>
                  </a:lnTo>
                  <a:lnTo>
                    <a:pt x="1698977" y="408277"/>
                  </a:lnTo>
                  <a:lnTo>
                    <a:pt x="1755594" y="399877"/>
                  </a:lnTo>
                  <a:lnTo>
                    <a:pt x="1809399" y="390773"/>
                  </a:lnTo>
                  <a:lnTo>
                    <a:pt x="1860232" y="380999"/>
                  </a:lnTo>
                  <a:lnTo>
                    <a:pt x="1907929" y="370591"/>
                  </a:lnTo>
                  <a:lnTo>
                    <a:pt x="1952329" y="359582"/>
                  </a:lnTo>
                  <a:lnTo>
                    <a:pt x="1993269" y="348007"/>
                  </a:lnTo>
                  <a:lnTo>
                    <a:pt x="2030588" y="335900"/>
                  </a:lnTo>
                  <a:lnTo>
                    <a:pt x="2093714" y="310229"/>
                  </a:lnTo>
                  <a:lnTo>
                    <a:pt x="2140408" y="282843"/>
                  </a:lnTo>
                  <a:lnTo>
                    <a:pt x="2169376" y="254017"/>
                  </a:lnTo>
                  <a:lnTo>
                    <a:pt x="2179320" y="224027"/>
                  </a:lnTo>
                  <a:lnTo>
                    <a:pt x="2176807" y="208722"/>
                  </a:lnTo>
                  <a:lnTo>
                    <a:pt x="2140408" y="164570"/>
                  </a:lnTo>
                  <a:lnTo>
                    <a:pt x="2093714" y="136945"/>
                  </a:lnTo>
                  <a:lnTo>
                    <a:pt x="2030588" y="111082"/>
                  </a:lnTo>
                  <a:lnTo>
                    <a:pt x="1993269" y="98896"/>
                  </a:lnTo>
                  <a:lnTo>
                    <a:pt x="1952329" y="87251"/>
                  </a:lnTo>
                  <a:lnTo>
                    <a:pt x="1907929" y="76182"/>
                  </a:lnTo>
                  <a:lnTo>
                    <a:pt x="1860232" y="65722"/>
                  </a:lnTo>
                  <a:lnTo>
                    <a:pt x="1809399" y="55905"/>
                  </a:lnTo>
                  <a:lnTo>
                    <a:pt x="1755594" y="46765"/>
                  </a:lnTo>
                  <a:lnTo>
                    <a:pt x="1698977" y="38335"/>
                  </a:lnTo>
                  <a:lnTo>
                    <a:pt x="1639711" y="30649"/>
                  </a:lnTo>
                  <a:lnTo>
                    <a:pt x="1577957" y="23741"/>
                  </a:lnTo>
                  <a:lnTo>
                    <a:pt x="1513879" y="17645"/>
                  </a:lnTo>
                  <a:lnTo>
                    <a:pt x="1447638" y="12394"/>
                  </a:lnTo>
                  <a:lnTo>
                    <a:pt x="1379396" y="8022"/>
                  </a:lnTo>
                  <a:lnTo>
                    <a:pt x="1309315" y="4563"/>
                  </a:lnTo>
                  <a:lnTo>
                    <a:pt x="1237557" y="2050"/>
                  </a:lnTo>
                  <a:lnTo>
                    <a:pt x="1164285" y="518"/>
                  </a:lnTo>
                  <a:lnTo>
                    <a:pt x="1089659" y="0"/>
                  </a:lnTo>
                  <a:close/>
                </a:path>
              </a:pathLst>
            </a:custGeom>
            <a:solidFill>
              <a:srgbClr val="B6DDE8"/>
            </a:solidFill>
          </p:spPr>
          <p:txBody>
            <a:bodyPr wrap="square" lIns="0" tIns="0" rIns="0" bIns="0" rtlCol="0"/>
            <a:lstStyle/>
            <a:p>
              <a:endParaRPr sz="1749"/>
            </a:p>
          </p:txBody>
        </p:sp>
      </p:grpSp>
      <p:sp>
        <p:nvSpPr>
          <p:cNvPr id="29" name="object 29"/>
          <p:cNvSpPr txBox="1"/>
          <p:nvPr/>
        </p:nvSpPr>
        <p:spPr>
          <a:xfrm>
            <a:off x="5064169" y="1953472"/>
            <a:ext cx="2954424" cy="247820"/>
          </a:xfrm>
          <a:prstGeom prst="rect">
            <a:avLst/>
          </a:prstGeom>
          <a:solidFill>
            <a:srgbClr val="FF0000"/>
          </a:solidFill>
        </p:spPr>
        <p:txBody>
          <a:bodyPr vert="horz" wrap="square" lIns="0" tIns="62987" rIns="0" bIns="0" rtlCol="0">
            <a:spAutoFit/>
          </a:bodyPr>
          <a:lstStyle/>
          <a:p>
            <a:pPr marL="30950">
              <a:spcBef>
                <a:spcPts val="496"/>
              </a:spcBef>
            </a:pPr>
            <a:r>
              <a:rPr sz="1197" spc="-17" dirty="0">
                <a:solidFill>
                  <a:srgbClr val="FFFFFF"/>
                </a:solidFill>
                <a:latin typeface="Meiryo UI"/>
                <a:cs typeface="Meiryo UI"/>
              </a:rPr>
              <a:t>調査や単純な維持管理以外にも発展が必要</a:t>
            </a:r>
            <a:endParaRPr sz="1197">
              <a:latin typeface="Meiryo UI"/>
              <a:cs typeface="Meiryo UI"/>
            </a:endParaRPr>
          </a:p>
        </p:txBody>
      </p:sp>
      <p:sp>
        <p:nvSpPr>
          <p:cNvPr id="30" name="object 30"/>
          <p:cNvSpPr txBox="1"/>
          <p:nvPr/>
        </p:nvSpPr>
        <p:spPr>
          <a:xfrm>
            <a:off x="5436322" y="3186617"/>
            <a:ext cx="2545551" cy="1635257"/>
          </a:xfrm>
          <a:prstGeom prst="rect">
            <a:avLst/>
          </a:prstGeom>
        </p:spPr>
        <p:txBody>
          <a:bodyPr vert="horz" wrap="square" lIns="0" tIns="10860" rIns="0" bIns="0" rtlCol="0">
            <a:spAutoFit/>
          </a:bodyPr>
          <a:lstStyle/>
          <a:p>
            <a:pPr marL="466970">
              <a:spcBef>
                <a:spcPts val="86"/>
              </a:spcBef>
            </a:pPr>
            <a:r>
              <a:rPr sz="1539" spc="-30" dirty="0">
                <a:latin typeface="Meiryo UI"/>
                <a:cs typeface="Meiryo UI"/>
              </a:rPr>
              <a:t>更なる群マネの発展</a:t>
            </a:r>
            <a:endParaRPr sz="1539" dirty="0">
              <a:latin typeface="Meiryo UI"/>
              <a:cs typeface="Meiryo UI"/>
            </a:endParaRPr>
          </a:p>
          <a:p>
            <a:pPr marL="255748" marR="561993">
              <a:spcBef>
                <a:spcPts val="2198"/>
              </a:spcBef>
            </a:pPr>
            <a:r>
              <a:rPr sz="1197" spc="-17" dirty="0">
                <a:latin typeface="Meiryo UI"/>
                <a:cs typeface="Meiryo UI"/>
              </a:rPr>
              <a:t>単独分野における広域連携単独自治体による分野横断</a:t>
            </a:r>
            <a:endParaRPr sz="1197" dirty="0">
              <a:latin typeface="Meiryo UI"/>
              <a:cs typeface="Meiryo UI"/>
            </a:endParaRPr>
          </a:p>
          <a:p>
            <a:pPr marL="10860" marR="4344"/>
            <a:r>
              <a:rPr sz="1197" spc="-17" dirty="0">
                <a:latin typeface="Meiryo UI"/>
                <a:cs typeface="Meiryo UI"/>
              </a:rPr>
              <a:t>に関する事例を積み上げつつ、広域連携・分野横断の複合事例の構築を目指す</a:t>
            </a:r>
            <a:endParaRPr sz="1197" dirty="0">
              <a:latin typeface="Meiryo UI"/>
              <a:cs typeface="Meiryo UI"/>
            </a:endParaRPr>
          </a:p>
        </p:txBody>
      </p:sp>
      <p:grpSp>
        <p:nvGrpSpPr>
          <p:cNvPr id="31" name="object 31"/>
          <p:cNvGrpSpPr/>
          <p:nvPr/>
        </p:nvGrpSpPr>
        <p:grpSpPr>
          <a:xfrm>
            <a:off x="1583368" y="1599005"/>
            <a:ext cx="2257221" cy="376837"/>
            <a:chOff x="1851660" y="1641348"/>
            <a:chExt cx="2639695" cy="440690"/>
          </a:xfrm>
        </p:grpSpPr>
        <p:sp>
          <p:nvSpPr>
            <p:cNvPr id="32" name="object 32"/>
            <p:cNvSpPr/>
            <p:nvPr/>
          </p:nvSpPr>
          <p:spPr>
            <a:xfrm>
              <a:off x="1906524" y="1696212"/>
              <a:ext cx="2529840" cy="330835"/>
            </a:xfrm>
            <a:custGeom>
              <a:avLst/>
              <a:gdLst/>
              <a:ahLst/>
              <a:cxnLst/>
              <a:rect l="l" t="t" r="r" b="b"/>
              <a:pathLst>
                <a:path w="2529840" h="330835">
                  <a:moveTo>
                    <a:pt x="2529840" y="0"/>
                  </a:moveTo>
                  <a:lnTo>
                    <a:pt x="0" y="0"/>
                  </a:lnTo>
                  <a:lnTo>
                    <a:pt x="0" y="330708"/>
                  </a:lnTo>
                  <a:lnTo>
                    <a:pt x="2529840" y="330708"/>
                  </a:lnTo>
                  <a:lnTo>
                    <a:pt x="2529840" y="0"/>
                  </a:lnTo>
                  <a:close/>
                </a:path>
              </a:pathLst>
            </a:custGeom>
            <a:solidFill>
              <a:srgbClr val="0070BF"/>
            </a:solidFill>
          </p:spPr>
          <p:txBody>
            <a:bodyPr wrap="square" lIns="0" tIns="0" rIns="0" bIns="0" rtlCol="0"/>
            <a:lstStyle/>
            <a:p>
              <a:endParaRPr sz="1749"/>
            </a:p>
          </p:txBody>
        </p:sp>
        <p:sp>
          <p:nvSpPr>
            <p:cNvPr id="33" name="object 33"/>
            <p:cNvSpPr/>
            <p:nvPr/>
          </p:nvSpPr>
          <p:spPr>
            <a:xfrm>
              <a:off x="1851660" y="1641348"/>
              <a:ext cx="2639695" cy="55244"/>
            </a:xfrm>
            <a:custGeom>
              <a:avLst/>
              <a:gdLst/>
              <a:ahLst/>
              <a:cxnLst/>
              <a:rect l="l" t="t" r="r" b="b"/>
              <a:pathLst>
                <a:path w="2639695" h="55244">
                  <a:moveTo>
                    <a:pt x="2639567" y="0"/>
                  </a:moveTo>
                  <a:lnTo>
                    <a:pt x="0" y="0"/>
                  </a:lnTo>
                  <a:lnTo>
                    <a:pt x="54863" y="54863"/>
                  </a:lnTo>
                  <a:lnTo>
                    <a:pt x="2584704" y="54863"/>
                  </a:lnTo>
                  <a:lnTo>
                    <a:pt x="2639567" y="0"/>
                  </a:lnTo>
                  <a:close/>
                </a:path>
              </a:pathLst>
            </a:custGeom>
            <a:solidFill>
              <a:srgbClr val="318CCC"/>
            </a:solidFill>
          </p:spPr>
          <p:txBody>
            <a:bodyPr wrap="square" lIns="0" tIns="0" rIns="0" bIns="0" rtlCol="0"/>
            <a:lstStyle/>
            <a:p>
              <a:endParaRPr sz="1749"/>
            </a:p>
          </p:txBody>
        </p:sp>
        <p:sp>
          <p:nvSpPr>
            <p:cNvPr id="34" name="object 34"/>
            <p:cNvSpPr/>
            <p:nvPr/>
          </p:nvSpPr>
          <p:spPr>
            <a:xfrm>
              <a:off x="1851660" y="2026920"/>
              <a:ext cx="2639695" cy="55244"/>
            </a:xfrm>
            <a:custGeom>
              <a:avLst/>
              <a:gdLst/>
              <a:ahLst/>
              <a:cxnLst/>
              <a:rect l="l" t="t" r="r" b="b"/>
              <a:pathLst>
                <a:path w="2639695" h="55244">
                  <a:moveTo>
                    <a:pt x="2584704" y="0"/>
                  </a:moveTo>
                  <a:lnTo>
                    <a:pt x="54863" y="0"/>
                  </a:lnTo>
                  <a:lnTo>
                    <a:pt x="0" y="54863"/>
                  </a:lnTo>
                  <a:lnTo>
                    <a:pt x="2639567" y="54863"/>
                  </a:lnTo>
                  <a:lnTo>
                    <a:pt x="2584704" y="0"/>
                  </a:lnTo>
                  <a:close/>
                </a:path>
              </a:pathLst>
            </a:custGeom>
            <a:solidFill>
              <a:srgbClr val="00599A"/>
            </a:solidFill>
          </p:spPr>
          <p:txBody>
            <a:bodyPr wrap="square" lIns="0" tIns="0" rIns="0" bIns="0" rtlCol="0"/>
            <a:lstStyle/>
            <a:p>
              <a:endParaRPr sz="1749"/>
            </a:p>
          </p:txBody>
        </p:sp>
        <p:sp>
          <p:nvSpPr>
            <p:cNvPr id="35" name="object 35"/>
            <p:cNvSpPr/>
            <p:nvPr/>
          </p:nvSpPr>
          <p:spPr>
            <a:xfrm>
              <a:off x="1851660" y="1641348"/>
              <a:ext cx="55244" cy="440690"/>
            </a:xfrm>
            <a:custGeom>
              <a:avLst/>
              <a:gdLst/>
              <a:ahLst/>
              <a:cxnLst/>
              <a:rect l="l" t="t" r="r" b="b"/>
              <a:pathLst>
                <a:path w="55244" h="440689">
                  <a:moveTo>
                    <a:pt x="0" y="0"/>
                  </a:moveTo>
                  <a:lnTo>
                    <a:pt x="0" y="440436"/>
                  </a:lnTo>
                  <a:lnTo>
                    <a:pt x="54863" y="385572"/>
                  </a:lnTo>
                  <a:lnTo>
                    <a:pt x="54863" y="54863"/>
                  </a:lnTo>
                  <a:lnTo>
                    <a:pt x="0" y="0"/>
                  </a:lnTo>
                  <a:close/>
                </a:path>
              </a:pathLst>
            </a:custGeom>
            <a:solidFill>
              <a:srgbClr val="66A8D8"/>
            </a:solidFill>
          </p:spPr>
          <p:txBody>
            <a:bodyPr wrap="square" lIns="0" tIns="0" rIns="0" bIns="0" rtlCol="0"/>
            <a:lstStyle/>
            <a:p>
              <a:endParaRPr sz="1749"/>
            </a:p>
          </p:txBody>
        </p:sp>
        <p:sp>
          <p:nvSpPr>
            <p:cNvPr id="36" name="object 36"/>
            <p:cNvSpPr/>
            <p:nvPr/>
          </p:nvSpPr>
          <p:spPr>
            <a:xfrm>
              <a:off x="4436364" y="1641348"/>
              <a:ext cx="55244" cy="440690"/>
            </a:xfrm>
            <a:custGeom>
              <a:avLst/>
              <a:gdLst/>
              <a:ahLst/>
              <a:cxnLst/>
              <a:rect l="l" t="t" r="r" b="b"/>
              <a:pathLst>
                <a:path w="55245" h="440689">
                  <a:moveTo>
                    <a:pt x="54863" y="0"/>
                  </a:moveTo>
                  <a:lnTo>
                    <a:pt x="0" y="54863"/>
                  </a:lnTo>
                  <a:lnTo>
                    <a:pt x="0" y="385572"/>
                  </a:lnTo>
                  <a:lnTo>
                    <a:pt x="54863" y="440436"/>
                  </a:lnTo>
                  <a:lnTo>
                    <a:pt x="54863" y="0"/>
                  </a:lnTo>
                  <a:close/>
                </a:path>
              </a:pathLst>
            </a:custGeom>
            <a:solidFill>
              <a:srgbClr val="004272"/>
            </a:solidFill>
          </p:spPr>
          <p:txBody>
            <a:bodyPr wrap="square" lIns="0" tIns="0" rIns="0" bIns="0" rtlCol="0"/>
            <a:lstStyle/>
            <a:p>
              <a:endParaRPr sz="1749"/>
            </a:p>
          </p:txBody>
        </p:sp>
      </p:grpSp>
      <p:sp>
        <p:nvSpPr>
          <p:cNvPr id="37" name="object 37"/>
          <p:cNvSpPr txBox="1"/>
          <p:nvPr/>
        </p:nvSpPr>
        <p:spPr>
          <a:xfrm>
            <a:off x="1583368" y="1666771"/>
            <a:ext cx="2454869" cy="247826"/>
          </a:xfrm>
          <a:prstGeom prst="rect">
            <a:avLst/>
          </a:prstGeom>
        </p:spPr>
        <p:txBody>
          <a:bodyPr vert="horz" wrap="square" lIns="0" tIns="10860" rIns="0" bIns="0" rtlCol="0">
            <a:spAutoFit/>
          </a:bodyPr>
          <a:lstStyle/>
          <a:p>
            <a:pPr marL="175384">
              <a:spcBef>
                <a:spcPts val="86"/>
              </a:spcBef>
            </a:pPr>
            <a:r>
              <a:rPr sz="1539" b="1" spc="-26" dirty="0">
                <a:solidFill>
                  <a:srgbClr val="FFFFFF"/>
                </a:solidFill>
                <a:latin typeface="Meiryo UI"/>
                <a:cs typeface="Meiryo UI"/>
              </a:rPr>
              <a:t>これまでのインフラ管理</a:t>
            </a:r>
            <a:endParaRPr sz="1539" dirty="0">
              <a:latin typeface="Meiryo UI"/>
              <a:cs typeface="Meiryo UI"/>
            </a:endParaRPr>
          </a:p>
        </p:txBody>
      </p:sp>
      <p:grpSp>
        <p:nvGrpSpPr>
          <p:cNvPr id="38" name="object 38"/>
          <p:cNvGrpSpPr/>
          <p:nvPr/>
        </p:nvGrpSpPr>
        <p:grpSpPr>
          <a:xfrm>
            <a:off x="2317059" y="1404831"/>
            <a:ext cx="2489079" cy="1033858"/>
            <a:chOff x="2709672" y="1414272"/>
            <a:chExt cx="2910840" cy="1209040"/>
          </a:xfrm>
        </p:grpSpPr>
        <p:sp>
          <p:nvSpPr>
            <p:cNvPr id="39" name="object 39"/>
            <p:cNvSpPr/>
            <p:nvPr/>
          </p:nvSpPr>
          <p:spPr>
            <a:xfrm>
              <a:off x="2712720" y="2261616"/>
              <a:ext cx="1140460" cy="358140"/>
            </a:xfrm>
            <a:custGeom>
              <a:avLst/>
              <a:gdLst/>
              <a:ahLst/>
              <a:cxnLst/>
              <a:rect l="l" t="t" r="r" b="b"/>
              <a:pathLst>
                <a:path w="1140460" h="358139">
                  <a:moveTo>
                    <a:pt x="854964" y="0"/>
                  </a:moveTo>
                  <a:lnTo>
                    <a:pt x="284988" y="0"/>
                  </a:lnTo>
                  <a:lnTo>
                    <a:pt x="284988" y="178308"/>
                  </a:lnTo>
                  <a:lnTo>
                    <a:pt x="0" y="178308"/>
                  </a:lnTo>
                  <a:lnTo>
                    <a:pt x="569976" y="358140"/>
                  </a:lnTo>
                  <a:lnTo>
                    <a:pt x="1139952" y="178308"/>
                  </a:lnTo>
                  <a:lnTo>
                    <a:pt x="854964" y="178308"/>
                  </a:lnTo>
                  <a:lnTo>
                    <a:pt x="854964" y="0"/>
                  </a:lnTo>
                  <a:close/>
                </a:path>
              </a:pathLst>
            </a:custGeom>
            <a:solidFill>
              <a:srgbClr val="FFBF00"/>
            </a:solidFill>
          </p:spPr>
          <p:txBody>
            <a:bodyPr wrap="square" lIns="0" tIns="0" rIns="0" bIns="0" rtlCol="0"/>
            <a:lstStyle/>
            <a:p>
              <a:endParaRPr sz="1749"/>
            </a:p>
          </p:txBody>
        </p:sp>
        <p:sp>
          <p:nvSpPr>
            <p:cNvPr id="40" name="object 40"/>
            <p:cNvSpPr/>
            <p:nvPr/>
          </p:nvSpPr>
          <p:spPr>
            <a:xfrm>
              <a:off x="2712720" y="2261616"/>
              <a:ext cx="1140460" cy="358140"/>
            </a:xfrm>
            <a:custGeom>
              <a:avLst/>
              <a:gdLst/>
              <a:ahLst/>
              <a:cxnLst/>
              <a:rect l="l" t="t" r="r" b="b"/>
              <a:pathLst>
                <a:path w="1140460" h="358139">
                  <a:moveTo>
                    <a:pt x="0" y="178308"/>
                  </a:moveTo>
                  <a:lnTo>
                    <a:pt x="284988" y="178308"/>
                  </a:lnTo>
                  <a:lnTo>
                    <a:pt x="284988" y="0"/>
                  </a:lnTo>
                  <a:lnTo>
                    <a:pt x="854964" y="0"/>
                  </a:lnTo>
                  <a:lnTo>
                    <a:pt x="854964" y="178308"/>
                  </a:lnTo>
                  <a:lnTo>
                    <a:pt x="1139952" y="178308"/>
                  </a:lnTo>
                  <a:lnTo>
                    <a:pt x="569976" y="358140"/>
                  </a:lnTo>
                  <a:lnTo>
                    <a:pt x="0" y="178308"/>
                  </a:lnTo>
                  <a:close/>
                </a:path>
              </a:pathLst>
            </a:custGeom>
            <a:ln w="6096">
              <a:solidFill>
                <a:srgbClr val="000000"/>
              </a:solidFill>
            </a:ln>
          </p:spPr>
          <p:txBody>
            <a:bodyPr wrap="square" lIns="0" tIns="0" rIns="0" bIns="0" rtlCol="0"/>
            <a:lstStyle/>
            <a:p>
              <a:endParaRPr sz="1749"/>
            </a:p>
          </p:txBody>
        </p:sp>
        <p:sp>
          <p:nvSpPr>
            <p:cNvPr id="41" name="object 41"/>
            <p:cNvSpPr/>
            <p:nvPr/>
          </p:nvSpPr>
          <p:spPr>
            <a:xfrm>
              <a:off x="5201411" y="1417320"/>
              <a:ext cx="416559" cy="1007744"/>
            </a:xfrm>
            <a:custGeom>
              <a:avLst/>
              <a:gdLst/>
              <a:ahLst/>
              <a:cxnLst/>
              <a:rect l="l" t="t" r="r" b="b"/>
              <a:pathLst>
                <a:path w="416560" h="1007744">
                  <a:moveTo>
                    <a:pt x="207263" y="0"/>
                  </a:moveTo>
                  <a:lnTo>
                    <a:pt x="207263" y="251460"/>
                  </a:lnTo>
                  <a:lnTo>
                    <a:pt x="0" y="251460"/>
                  </a:lnTo>
                  <a:lnTo>
                    <a:pt x="0" y="755903"/>
                  </a:lnTo>
                  <a:lnTo>
                    <a:pt x="207263" y="755903"/>
                  </a:lnTo>
                  <a:lnTo>
                    <a:pt x="207263" y="1007363"/>
                  </a:lnTo>
                  <a:lnTo>
                    <a:pt x="416051" y="504443"/>
                  </a:lnTo>
                  <a:lnTo>
                    <a:pt x="207263" y="0"/>
                  </a:lnTo>
                  <a:close/>
                </a:path>
              </a:pathLst>
            </a:custGeom>
            <a:solidFill>
              <a:srgbClr val="FFBF00"/>
            </a:solidFill>
          </p:spPr>
          <p:txBody>
            <a:bodyPr wrap="square" lIns="0" tIns="0" rIns="0" bIns="0" rtlCol="0"/>
            <a:lstStyle/>
            <a:p>
              <a:endParaRPr sz="1749"/>
            </a:p>
          </p:txBody>
        </p:sp>
        <p:sp>
          <p:nvSpPr>
            <p:cNvPr id="42" name="object 42"/>
            <p:cNvSpPr/>
            <p:nvPr/>
          </p:nvSpPr>
          <p:spPr>
            <a:xfrm>
              <a:off x="5201411" y="1417320"/>
              <a:ext cx="416559" cy="1007744"/>
            </a:xfrm>
            <a:custGeom>
              <a:avLst/>
              <a:gdLst/>
              <a:ahLst/>
              <a:cxnLst/>
              <a:rect l="l" t="t" r="r" b="b"/>
              <a:pathLst>
                <a:path w="416560" h="1007744">
                  <a:moveTo>
                    <a:pt x="0" y="251460"/>
                  </a:moveTo>
                  <a:lnTo>
                    <a:pt x="207263" y="251460"/>
                  </a:lnTo>
                  <a:lnTo>
                    <a:pt x="207263" y="0"/>
                  </a:lnTo>
                  <a:lnTo>
                    <a:pt x="416051" y="504443"/>
                  </a:lnTo>
                  <a:lnTo>
                    <a:pt x="207263" y="1007363"/>
                  </a:lnTo>
                  <a:lnTo>
                    <a:pt x="207263" y="755903"/>
                  </a:lnTo>
                  <a:lnTo>
                    <a:pt x="0" y="755903"/>
                  </a:lnTo>
                  <a:lnTo>
                    <a:pt x="0" y="251460"/>
                  </a:lnTo>
                  <a:close/>
                </a:path>
              </a:pathLst>
            </a:custGeom>
            <a:ln w="6096">
              <a:solidFill>
                <a:srgbClr val="000000"/>
              </a:solidFill>
            </a:ln>
          </p:spPr>
          <p:txBody>
            <a:bodyPr wrap="square" lIns="0" tIns="0" rIns="0" bIns="0" rtlCol="0"/>
            <a:lstStyle/>
            <a:p>
              <a:endParaRPr sz="1749"/>
            </a:p>
          </p:txBody>
        </p:sp>
        <p:sp>
          <p:nvSpPr>
            <p:cNvPr id="43" name="object 43"/>
            <p:cNvSpPr/>
            <p:nvPr/>
          </p:nvSpPr>
          <p:spPr>
            <a:xfrm>
              <a:off x="3828288" y="2106168"/>
              <a:ext cx="1397635" cy="360045"/>
            </a:xfrm>
            <a:custGeom>
              <a:avLst/>
              <a:gdLst/>
              <a:ahLst/>
              <a:cxnLst/>
              <a:rect l="l" t="t" r="r" b="b"/>
              <a:pathLst>
                <a:path w="1397635" h="360044">
                  <a:moveTo>
                    <a:pt x="699515" y="0"/>
                  </a:moveTo>
                  <a:lnTo>
                    <a:pt x="627868" y="931"/>
                  </a:lnTo>
                  <a:lnTo>
                    <a:pt x="558319" y="3664"/>
                  </a:lnTo>
                  <a:lnTo>
                    <a:pt x="491217" y="8107"/>
                  </a:lnTo>
                  <a:lnTo>
                    <a:pt x="426910" y="14168"/>
                  </a:lnTo>
                  <a:lnTo>
                    <a:pt x="365746" y="21756"/>
                  </a:lnTo>
                  <a:lnTo>
                    <a:pt x="308074" y="30780"/>
                  </a:lnTo>
                  <a:lnTo>
                    <a:pt x="254241" y="41148"/>
                  </a:lnTo>
                  <a:lnTo>
                    <a:pt x="204597" y="52768"/>
                  </a:lnTo>
                  <a:lnTo>
                    <a:pt x="159488" y="65549"/>
                  </a:lnTo>
                  <a:lnTo>
                    <a:pt x="119264" y="79399"/>
                  </a:lnTo>
                  <a:lnTo>
                    <a:pt x="54864" y="109942"/>
                  </a:lnTo>
                  <a:lnTo>
                    <a:pt x="14180" y="143663"/>
                  </a:lnTo>
                  <a:lnTo>
                    <a:pt x="0" y="179831"/>
                  </a:lnTo>
                  <a:lnTo>
                    <a:pt x="3603" y="198176"/>
                  </a:lnTo>
                  <a:lnTo>
                    <a:pt x="31383" y="233212"/>
                  </a:lnTo>
                  <a:lnTo>
                    <a:pt x="84273" y="265436"/>
                  </a:lnTo>
                  <a:lnTo>
                    <a:pt x="159488" y="294114"/>
                  </a:lnTo>
                  <a:lnTo>
                    <a:pt x="204596" y="306895"/>
                  </a:lnTo>
                  <a:lnTo>
                    <a:pt x="254241" y="318515"/>
                  </a:lnTo>
                  <a:lnTo>
                    <a:pt x="308074" y="328883"/>
                  </a:lnTo>
                  <a:lnTo>
                    <a:pt x="365746" y="337907"/>
                  </a:lnTo>
                  <a:lnTo>
                    <a:pt x="426910" y="345495"/>
                  </a:lnTo>
                  <a:lnTo>
                    <a:pt x="491217" y="351556"/>
                  </a:lnTo>
                  <a:lnTo>
                    <a:pt x="558319" y="355999"/>
                  </a:lnTo>
                  <a:lnTo>
                    <a:pt x="627868" y="358732"/>
                  </a:lnTo>
                  <a:lnTo>
                    <a:pt x="699515" y="359663"/>
                  </a:lnTo>
                  <a:lnTo>
                    <a:pt x="770895" y="358732"/>
                  </a:lnTo>
                  <a:lnTo>
                    <a:pt x="840209" y="355999"/>
                  </a:lnTo>
                  <a:lnTo>
                    <a:pt x="907107" y="351556"/>
                  </a:lnTo>
                  <a:lnTo>
                    <a:pt x="971240" y="345495"/>
                  </a:lnTo>
                  <a:lnTo>
                    <a:pt x="1032256" y="337907"/>
                  </a:lnTo>
                  <a:lnTo>
                    <a:pt x="1089805" y="328883"/>
                  </a:lnTo>
                  <a:lnTo>
                    <a:pt x="1143537" y="318515"/>
                  </a:lnTo>
                  <a:lnTo>
                    <a:pt x="1193101" y="306895"/>
                  </a:lnTo>
                  <a:lnTo>
                    <a:pt x="1238146" y="294114"/>
                  </a:lnTo>
                  <a:lnTo>
                    <a:pt x="1278323" y="280264"/>
                  </a:lnTo>
                  <a:lnTo>
                    <a:pt x="1342667" y="249721"/>
                  </a:lnTo>
                  <a:lnTo>
                    <a:pt x="1383330" y="216000"/>
                  </a:lnTo>
                  <a:lnTo>
                    <a:pt x="1397508" y="179831"/>
                  </a:lnTo>
                  <a:lnTo>
                    <a:pt x="1393905" y="161487"/>
                  </a:lnTo>
                  <a:lnTo>
                    <a:pt x="1366134" y="126451"/>
                  </a:lnTo>
                  <a:lnTo>
                    <a:pt x="1313280" y="94227"/>
                  </a:lnTo>
                  <a:lnTo>
                    <a:pt x="1238146" y="65549"/>
                  </a:lnTo>
                  <a:lnTo>
                    <a:pt x="1193101" y="52768"/>
                  </a:lnTo>
                  <a:lnTo>
                    <a:pt x="1143537" y="41148"/>
                  </a:lnTo>
                  <a:lnTo>
                    <a:pt x="1089805" y="30780"/>
                  </a:lnTo>
                  <a:lnTo>
                    <a:pt x="1032256" y="21756"/>
                  </a:lnTo>
                  <a:lnTo>
                    <a:pt x="971240" y="14168"/>
                  </a:lnTo>
                  <a:lnTo>
                    <a:pt x="907107" y="8107"/>
                  </a:lnTo>
                  <a:lnTo>
                    <a:pt x="840209" y="3664"/>
                  </a:lnTo>
                  <a:lnTo>
                    <a:pt x="770895" y="931"/>
                  </a:lnTo>
                  <a:lnTo>
                    <a:pt x="699515" y="0"/>
                  </a:lnTo>
                  <a:close/>
                </a:path>
              </a:pathLst>
            </a:custGeom>
            <a:solidFill>
              <a:srgbClr val="FFBF00"/>
            </a:solidFill>
          </p:spPr>
          <p:txBody>
            <a:bodyPr wrap="square" lIns="0" tIns="0" rIns="0" bIns="0" rtlCol="0"/>
            <a:lstStyle/>
            <a:p>
              <a:endParaRPr sz="1749"/>
            </a:p>
          </p:txBody>
        </p:sp>
      </p:grpSp>
      <p:sp>
        <p:nvSpPr>
          <p:cNvPr id="44" name="object 44"/>
          <p:cNvSpPr txBox="1"/>
          <p:nvPr/>
        </p:nvSpPr>
        <p:spPr>
          <a:xfrm>
            <a:off x="3169450" y="2018195"/>
            <a:ext cx="1239762" cy="247826"/>
          </a:xfrm>
          <a:prstGeom prst="rect">
            <a:avLst/>
          </a:prstGeom>
        </p:spPr>
        <p:txBody>
          <a:bodyPr vert="horz" wrap="square" lIns="0" tIns="10860" rIns="0" bIns="0" rtlCol="0">
            <a:spAutoFit/>
          </a:bodyPr>
          <a:lstStyle/>
          <a:p>
            <a:pPr marL="10860">
              <a:spcBef>
                <a:spcPts val="86"/>
              </a:spcBef>
            </a:pPr>
            <a:r>
              <a:rPr sz="1539" spc="-21" dirty="0">
                <a:latin typeface="Meiryo UI"/>
                <a:cs typeface="Meiryo UI"/>
              </a:rPr>
              <a:t>群マネの領域</a:t>
            </a:r>
            <a:endParaRPr sz="1539" dirty="0">
              <a:latin typeface="Meiryo UI"/>
              <a:cs typeface="Meiryo UI"/>
            </a:endParaRPr>
          </a:p>
        </p:txBody>
      </p:sp>
      <p:sp>
        <p:nvSpPr>
          <p:cNvPr id="45" name="object 45"/>
          <p:cNvSpPr txBox="1"/>
          <p:nvPr/>
        </p:nvSpPr>
        <p:spPr>
          <a:xfrm>
            <a:off x="8508047" y="6110194"/>
            <a:ext cx="237831" cy="220925"/>
          </a:xfrm>
          <a:prstGeom prst="rect">
            <a:avLst/>
          </a:prstGeom>
        </p:spPr>
        <p:txBody>
          <a:bodyPr vert="horz" wrap="square" lIns="0" tIns="10317" rIns="0" bIns="0" rtlCol="0">
            <a:spAutoFit/>
          </a:bodyPr>
          <a:lstStyle/>
          <a:p>
            <a:pPr marL="10860">
              <a:spcBef>
                <a:spcPts val="81"/>
              </a:spcBef>
            </a:pPr>
            <a:r>
              <a:rPr sz="1368" spc="-21" dirty="0">
                <a:latin typeface="Meiryo UI"/>
                <a:cs typeface="Meiryo UI"/>
              </a:rPr>
              <a:t>15</a:t>
            </a:r>
            <a:endParaRPr sz="1368">
              <a:latin typeface="Meiryo UI"/>
              <a:cs typeface="Meiryo UI"/>
            </a:endParaRPr>
          </a:p>
        </p:txBody>
      </p:sp>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378838" y="54103"/>
            <a:ext cx="1440017" cy="288003"/>
          </a:xfrm>
          <a:prstGeom prst="rect">
            <a:avLst/>
          </a:prstGeom>
        </p:spPr>
      </p:pic>
      <p:grpSp>
        <p:nvGrpSpPr>
          <p:cNvPr id="3" name="object 3"/>
          <p:cNvGrpSpPr/>
          <p:nvPr/>
        </p:nvGrpSpPr>
        <p:grpSpPr>
          <a:xfrm>
            <a:off x="1064701" y="1949562"/>
            <a:ext cx="1334676" cy="739013"/>
            <a:chOff x="1245108" y="2051304"/>
            <a:chExt cx="1560830" cy="864235"/>
          </a:xfrm>
        </p:grpSpPr>
        <p:pic>
          <p:nvPicPr>
            <p:cNvPr id="4" name="object 4"/>
            <p:cNvPicPr/>
            <p:nvPr/>
          </p:nvPicPr>
          <p:blipFill>
            <a:blip r:embed="rId3" cstate="print"/>
            <a:stretch>
              <a:fillRect/>
            </a:stretch>
          </p:blipFill>
          <p:spPr>
            <a:xfrm>
              <a:off x="1245108" y="2051304"/>
              <a:ext cx="1557528" cy="863840"/>
            </a:xfrm>
            <a:prstGeom prst="rect">
              <a:avLst/>
            </a:prstGeom>
          </p:spPr>
        </p:pic>
        <p:sp>
          <p:nvSpPr>
            <p:cNvPr id="5" name="object 5"/>
            <p:cNvSpPr/>
            <p:nvPr/>
          </p:nvSpPr>
          <p:spPr>
            <a:xfrm>
              <a:off x="2002536" y="2330196"/>
              <a:ext cx="800100" cy="277495"/>
            </a:xfrm>
            <a:custGeom>
              <a:avLst/>
              <a:gdLst/>
              <a:ahLst/>
              <a:cxnLst/>
              <a:rect l="l" t="t" r="r" b="b"/>
              <a:pathLst>
                <a:path w="800100" h="277494">
                  <a:moveTo>
                    <a:pt x="399288" y="0"/>
                  </a:moveTo>
                  <a:lnTo>
                    <a:pt x="334409" y="1784"/>
                  </a:lnTo>
                  <a:lnTo>
                    <a:pt x="272905" y="6961"/>
                  </a:lnTo>
                  <a:lnTo>
                    <a:pt x="215589" y="15265"/>
                  </a:lnTo>
                  <a:lnTo>
                    <a:pt x="163275" y="26432"/>
                  </a:lnTo>
                  <a:lnTo>
                    <a:pt x="116776" y="40195"/>
                  </a:lnTo>
                  <a:lnTo>
                    <a:pt x="76907" y="56290"/>
                  </a:lnTo>
                  <a:lnTo>
                    <a:pt x="20311" y="94414"/>
                  </a:lnTo>
                  <a:lnTo>
                    <a:pt x="0" y="138684"/>
                  </a:lnTo>
                  <a:lnTo>
                    <a:pt x="5213" y="161083"/>
                  </a:lnTo>
                  <a:lnTo>
                    <a:pt x="44480" y="202243"/>
                  </a:lnTo>
                  <a:lnTo>
                    <a:pt x="116776" y="236601"/>
                  </a:lnTo>
                  <a:lnTo>
                    <a:pt x="163275" y="250496"/>
                  </a:lnTo>
                  <a:lnTo>
                    <a:pt x="215589" y="261814"/>
                  </a:lnTo>
                  <a:lnTo>
                    <a:pt x="272905" y="270260"/>
                  </a:lnTo>
                  <a:lnTo>
                    <a:pt x="334409" y="275542"/>
                  </a:lnTo>
                  <a:lnTo>
                    <a:pt x="399288" y="277367"/>
                  </a:lnTo>
                  <a:lnTo>
                    <a:pt x="464579" y="275542"/>
                  </a:lnTo>
                  <a:lnTo>
                    <a:pt x="526413" y="270260"/>
                  </a:lnTo>
                  <a:lnTo>
                    <a:pt x="583987" y="261814"/>
                  </a:lnTo>
                  <a:lnTo>
                    <a:pt x="636495" y="250496"/>
                  </a:lnTo>
                  <a:lnTo>
                    <a:pt x="683132" y="236601"/>
                  </a:lnTo>
                  <a:lnTo>
                    <a:pt x="723095" y="220419"/>
                  </a:lnTo>
                  <a:lnTo>
                    <a:pt x="779775" y="182367"/>
                  </a:lnTo>
                  <a:lnTo>
                    <a:pt x="800100" y="138684"/>
                  </a:lnTo>
                  <a:lnTo>
                    <a:pt x="794884" y="115913"/>
                  </a:lnTo>
                  <a:lnTo>
                    <a:pt x="755577" y="74451"/>
                  </a:lnTo>
                  <a:lnTo>
                    <a:pt x="683132" y="40195"/>
                  </a:lnTo>
                  <a:lnTo>
                    <a:pt x="636495" y="26432"/>
                  </a:lnTo>
                  <a:lnTo>
                    <a:pt x="583987" y="15265"/>
                  </a:lnTo>
                  <a:lnTo>
                    <a:pt x="526413" y="6961"/>
                  </a:lnTo>
                  <a:lnTo>
                    <a:pt x="464579" y="1784"/>
                  </a:lnTo>
                  <a:lnTo>
                    <a:pt x="399288" y="0"/>
                  </a:lnTo>
                  <a:close/>
                </a:path>
              </a:pathLst>
            </a:custGeom>
            <a:solidFill>
              <a:srgbClr val="EBF0DD"/>
            </a:solidFill>
          </p:spPr>
          <p:txBody>
            <a:bodyPr wrap="square" lIns="0" tIns="0" rIns="0" bIns="0" rtlCol="0"/>
            <a:lstStyle/>
            <a:p>
              <a:endParaRPr sz="1749"/>
            </a:p>
          </p:txBody>
        </p:sp>
        <p:sp>
          <p:nvSpPr>
            <p:cNvPr id="6" name="object 6"/>
            <p:cNvSpPr/>
            <p:nvPr/>
          </p:nvSpPr>
          <p:spPr>
            <a:xfrm>
              <a:off x="2002536" y="2330196"/>
              <a:ext cx="800100" cy="277495"/>
            </a:xfrm>
            <a:custGeom>
              <a:avLst/>
              <a:gdLst/>
              <a:ahLst/>
              <a:cxnLst/>
              <a:rect l="l" t="t" r="r" b="b"/>
              <a:pathLst>
                <a:path w="800100" h="277494">
                  <a:moveTo>
                    <a:pt x="0" y="138684"/>
                  </a:moveTo>
                  <a:lnTo>
                    <a:pt x="20311" y="94414"/>
                  </a:lnTo>
                  <a:lnTo>
                    <a:pt x="76907" y="56290"/>
                  </a:lnTo>
                  <a:lnTo>
                    <a:pt x="116776" y="40195"/>
                  </a:lnTo>
                  <a:lnTo>
                    <a:pt x="163275" y="26432"/>
                  </a:lnTo>
                  <a:lnTo>
                    <a:pt x="215589" y="15265"/>
                  </a:lnTo>
                  <a:lnTo>
                    <a:pt x="272905" y="6961"/>
                  </a:lnTo>
                  <a:lnTo>
                    <a:pt x="334409" y="1784"/>
                  </a:lnTo>
                  <a:lnTo>
                    <a:pt x="399288" y="0"/>
                  </a:lnTo>
                  <a:lnTo>
                    <a:pt x="464579" y="1784"/>
                  </a:lnTo>
                  <a:lnTo>
                    <a:pt x="526413" y="6961"/>
                  </a:lnTo>
                  <a:lnTo>
                    <a:pt x="583987" y="15265"/>
                  </a:lnTo>
                  <a:lnTo>
                    <a:pt x="636495" y="26432"/>
                  </a:lnTo>
                  <a:lnTo>
                    <a:pt x="683132" y="40195"/>
                  </a:lnTo>
                  <a:lnTo>
                    <a:pt x="723095" y="56290"/>
                  </a:lnTo>
                  <a:lnTo>
                    <a:pt x="779775" y="94414"/>
                  </a:lnTo>
                  <a:lnTo>
                    <a:pt x="800100" y="138684"/>
                  </a:lnTo>
                  <a:lnTo>
                    <a:pt x="794884" y="161083"/>
                  </a:lnTo>
                  <a:lnTo>
                    <a:pt x="755577" y="202243"/>
                  </a:lnTo>
                  <a:lnTo>
                    <a:pt x="683132" y="236601"/>
                  </a:lnTo>
                  <a:lnTo>
                    <a:pt x="636495" y="250496"/>
                  </a:lnTo>
                  <a:lnTo>
                    <a:pt x="583987" y="261814"/>
                  </a:lnTo>
                  <a:lnTo>
                    <a:pt x="526413" y="270260"/>
                  </a:lnTo>
                  <a:lnTo>
                    <a:pt x="464579" y="275542"/>
                  </a:lnTo>
                  <a:lnTo>
                    <a:pt x="399288" y="277367"/>
                  </a:lnTo>
                  <a:lnTo>
                    <a:pt x="334409" y="275542"/>
                  </a:lnTo>
                  <a:lnTo>
                    <a:pt x="272905" y="270260"/>
                  </a:lnTo>
                  <a:lnTo>
                    <a:pt x="215589" y="261814"/>
                  </a:lnTo>
                  <a:lnTo>
                    <a:pt x="163275" y="250496"/>
                  </a:lnTo>
                  <a:lnTo>
                    <a:pt x="116776" y="236601"/>
                  </a:lnTo>
                  <a:lnTo>
                    <a:pt x="76907" y="220419"/>
                  </a:lnTo>
                  <a:lnTo>
                    <a:pt x="20311" y="182367"/>
                  </a:lnTo>
                  <a:lnTo>
                    <a:pt x="0" y="138684"/>
                  </a:lnTo>
                </a:path>
              </a:pathLst>
            </a:custGeom>
            <a:ln w="6095">
              <a:solidFill>
                <a:srgbClr val="77933B"/>
              </a:solidFill>
            </a:ln>
          </p:spPr>
          <p:txBody>
            <a:bodyPr wrap="square" lIns="0" tIns="0" rIns="0" bIns="0" rtlCol="0"/>
            <a:lstStyle/>
            <a:p>
              <a:endParaRPr sz="1749"/>
            </a:p>
          </p:txBody>
        </p:sp>
      </p:grpSp>
      <p:sp>
        <p:nvSpPr>
          <p:cNvPr id="7" name="object 7"/>
          <p:cNvSpPr txBox="1">
            <a:spLocks noGrp="1"/>
          </p:cNvSpPr>
          <p:nvPr>
            <p:ph type="title"/>
          </p:nvPr>
        </p:nvSpPr>
        <p:spPr>
          <a:xfrm>
            <a:off x="385307" y="526051"/>
            <a:ext cx="3540314" cy="236092"/>
          </a:xfrm>
          <a:prstGeom prst="rect">
            <a:avLst/>
          </a:prstGeom>
        </p:spPr>
        <p:txBody>
          <a:bodyPr vert="horz" wrap="square" lIns="0" tIns="10860" rIns="0" bIns="0" rtlCol="0">
            <a:spAutoFit/>
          </a:bodyPr>
          <a:lstStyle/>
          <a:p>
            <a:pPr marL="10860">
              <a:lnSpc>
                <a:spcPct val="100000"/>
              </a:lnSpc>
              <a:spcBef>
                <a:spcPts val="86"/>
              </a:spcBef>
              <a:tabLst>
                <a:tab pos="1726703" algn="l"/>
              </a:tabLst>
            </a:pPr>
            <a:r>
              <a:rPr dirty="0"/>
              <a:t>【</a:t>
            </a:r>
            <a:r>
              <a:rPr dirty="0">
                <a:solidFill>
                  <a:srgbClr val="E46B0A"/>
                </a:solidFill>
              </a:rPr>
              <a:t>自治体</a:t>
            </a:r>
            <a:r>
              <a:rPr spc="-9" dirty="0"/>
              <a:t>の</a:t>
            </a:r>
            <a:r>
              <a:rPr dirty="0"/>
              <a:t>束</a:t>
            </a:r>
            <a:r>
              <a:rPr spc="-43" dirty="0"/>
              <a:t>】</a:t>
            </a:r>
            <a:r>
              <a:rPr dirty="0"/>
              <a:t>	広域連携</a:t>
            </a:r>
            <a:r>
              <a:rPr spc="-9" dirty="0"/>
              <a:t>の</a:t>
            </a:r>
            <a:r>
              <a:rPr dirty="0"/>
              <a:t>手</a:t>
            </a:r>
            <a:r>
              <a:rPr spc="-43" dirty="0"/>
              <a:t>法</a:t>
            </a:r>
          </a:p>
        </p:txBody>
      </p:sp>
      <p:pic>
        <p:nvPicPr>
          <p:cNvPr id="8" name="object 8"/>
          <p:cNvPicPr/>
          <p:nvPr/>
        </p:nvPicPr>
        <p:blipFill>
          <a:blip r:embed="rId4" cstate="print"/>
          <a:stretch>
            <a:fillRect/>
          </a:stretch>
        </p:blipFill>
        <p:spPr>
          <a:xfrm>
            <a:off x="1060791" y="4803532"/>
            <a:ext cx="1286242" cy="738905"/>
          </a:xfrm>
          <a:prstGeom prst="rect">
            <a:avLst/>
          </a:prstGeom>
        </p:spPr>
      </p:pic>
      <p:sp>
        <p:nvSpPr>
          <p:cNvPr id="9" name="object 9"/>
          <p:cNvSpPr/>
          <p:nvPr/>
        </p:nvSpPr>
        <p:spPr>
          <a:xfrm>
            <a:off x="3966888" y="996935"/>
            <a:ext cx="4743586" cy="236202"/>
          </a:xfrm>
          <a:custGeom>
            <a:avLst/>
            <a:gdLst/>
            <a:ahLst/>
            <a:cxnLst/>
            <a:rect l="l" t="t" r="r" b="b"/>
            <a:pathLst>
              <a:path w="5547359" h="276225">
                <a:moveTo>
                  <a:pt x="0" y="0"/>
                </a:moveTo>
                <a:lnTo>
                  <a:pt x="5547360" y="0"/>
                </a:lnTo>
                <a:lnTo>
                  <a:pt x="5547360" y="275844"/>
                </a:lnTo>
                <a:lnTo>
                  <a:pt x="0" y="275844"/>
                </a:lnTo>
                <a:lnTo>
                  <a:pt x="0" y="0"/>
                </a:lnTo>
                <a:close/>
              </a:path>
            </a:pathLst>
          </a:custGeom>
          <a:ln w="9144">
            <a:solidFill>
              <a:srgbClr val="000000"/>
            </a:solidFill>
          </a:ln>
        </p:spPr>
        <p:txBody>
          <a:bodyPr wrap="square" lIns="0" tIns="0" rIns="0" bIns="0" rtlCol="0"/>
          <a:lstStyle/>
          <a:p>
            <a:endParaRPr sz="1749"/>
          </a:p>
        </p:txBody>
      </p:sp>
      <p:graphicFrame>
        <p:nvGraphicFramePr>
          <p:cNvPr id="10" name="object 10"/>
          <p:cNvGraphicFramePr>
            <a:graphicFrameLocks noGrp="1"/>
          </p:cNvGraphicFramePr>
          <p:nvPr>
            <p:extLst>
              <p:ext uri="{D42A27DB-BD31-4B8C-83A1-F6EECF244321}">
                <p14:modId xmlns:p14="http://schemas.microsoft.com/office/powerpoint/2010/main" val="4204160217"/>
              </p:ext>
            </p:extLst>
          </p:nvPr>
        </p:nvGraphicFramePr>
        <p:xfrm>
          <a:off x="264547" y="762143"/>
          <a:ext cx="8554308" cy="5513870"/>
        </p:xfrm>
        <a:graphic>
          <a:graphicData uri="http://schemas.openxmlformats.org/drawingml/2006/table">
            <a:tbl>
              <a:tblPr firstRow="1" bandRow="1">
                <a:tableStyleId>{2D5ABB26-0587-4C30-8999-92F81FD0307C}</a:tableStyleId>
              </a:tblPr>
              <a:tblGrid>
                <a:gridCol w="588681">
                  <a:extLst>
                    <a:ext uri="{9D8B030D-6E8A-4147-A177-3AD203B41FA5}">
                      <a16:colId xmlns:a16="http://schemas.microsoft.com/office/drawing/2014/main" val="20000"/>
                    </a:ext>
                  </a:extLst>
                </a:gridCol>
                <a:gridCol w="1583408">
                  <a:extLst>
                    <a:ext uri="{9D8B030D-6E8A-4147-A177-3AD203B41FA5}">
                      <a16:colId xmlns:a16="http://schemas.microsoft.com/office/drawing/2014/main" val="20001"/>
                    </a:ext>
                  </a:extLst>
                </a:gridCol>
                <a:gridCol w="316681">
                  <a:extLst>
                    <a:ext uri="{9D8B030D-6E8A-4147-A177-3AD203B41FA5}">
                      <a16:colId xmlns:a16="http://schemas.microsoft.com/office/drawing/2014/main" val="20002"/>
                    </a:ext>
                  </a:extLst>
                </a:gridCol>
                <a:gridCol w="619400">
                  <a:extLst>
                    <a:ext uri="{9D8B030D-6E8A-4147-A177-3AD203B41FA5}">
                      <a16:colId xmlns:a16="http://schemas.microsoft.com/office/drawing/2014/main" val="20003"/>
                    </a:ext>
                  </a:extLst>
                </a:gridCol>
                <a:gridCol w="2801541">
                  <a:extLst>
                    <a:ext uri="{9D8B030D-6E8A-4147-A177-3AD203B41FA5}">
                      <a16:colId xmlns:a16="http://schemas.microsoft.com/office/drawing/2014/main" val="20004"/>
                    </a:ext>
                  </a:extLst>
                </a:gridCol>
                <a:gridCol w="2644597">
                  <a:extLst>
                    <a:ext uri="{9D8B030D-6E8A-4147-A177-3AD203B41FA5}">
                      <a16:colId xmlns:a16="http://schemas.microsoft.com/office/drawing/2014/main" val="20005"/>
                    </a:ext>
                  </a:extLst>
                </a:gridCol>
              </a:tblGrid>
              <a:tr h="459474">
                <a:tc gridSpan="6">
                  <a:txBody>
                    <a:bodyPr/>
                    <a:lstStyle/>
                    <a:p>
                      <a:pPr marL="297180">
                        <a:lnSpc>
                          <a:spcPts val="1910"/>
                        </a:lnSpc>
                        <a:tabLst>
                          <a:tab pos="4260850" algn="l"/>
                        </a:tabLst>
                      </a:pPr>
                      <a:r>
                        <a:rPr sz="2300" b="1" baseline="-9259" dirty="0">
                          <a:solidFill>
                            <a:srgbClr val="FFFFFF"/>
                          </a:solidFill>
                          <a:latin typeface="Meiryo UI"/>
                          <a:cs typeface="Meiryo UI"/>
                        </a:rPr>
                        <a:t>地方自治法上の共同処理の手</a:t>
                      </a:r>
                      <a:r>
                        <a:rPr sz="2300" b="1" spc="-75" baseline="-9259" dirty="0">
                          <a:solidFill>
                            <a:srgbClr val="FFFFFF"/>
                          </a:solidFill>
                          <a:latin typeface="Meiryo UI"/>
                          <a:cs typeface="Meiryo UI"/>
                        </a:rPr>
                        <a:t>法</a:t>
                      </a:r>
                      <a:r>
                        <a:rPr sz="2300" b="1" baseline="-9259" dirty="0">
                          <a:solidFill>
                            <a:srgbClr val="FFFFFF"/>
                          </a:solidFill>
                          <a:latin typeface="Meiryo UI"/>
                          <a:cs typeface="Meiryo UI"/>
                        </a:rPr>
                        <a:t>	</a:t>
                      </a:r>
                      <a:r>
                        <a:rPr sz="1000" dirty="0">
                          <a:latin typeface="Meiryo UI"/>
                          <a:cs typeface="Meiryo UI"/>
                        </a:rPr>
                        <a:t>総務省「第</a:t>
                      </a:r>
                      <a:r>
                        <a:rPr sz="1000" spc="-20" dirty="0">
                          <a:latin typeface="Meiryo UI"/>
                          <a:cs typeface="Meiryo UI"/>
                        </a:rPr>
                        <a:t>33</a:t>
                      </a:r>
                      <a:r>
                        <a:rPr sz="1000" dirty="0">
                          <a:latin typeface="Meiryo UI"/>
                          <a:cs typeface="Meiryo UI"/>
                        </a:rPr>
                        <a:t>次地方制度調査会第</a:t>
                      </a:r>
                      <a:r>
                        <a:rPr sz="1000" spc="-20" dirty="0">
                          <a:latin typeface="Meiryo UI"/>
                          <a:cs typeface="Meiryo UI"/>
                        </a:rPr>
                        <a:t>14</a:t>
                      </a:r>
                      <a:r>
                        <a:rPr sz="1000" dirty="0">
                          <a:latin typeface="Meiryo UI"/>
                          <a:cs typeface="Meiryo UI"/>
                        </a:rPr>
                        <a:t>回専門小委員会」の資料</a:t>
                      </a:r>
                      <a:r>
                        <a:rPr sz="1000" spc="-10" dirty="0">
                          <a:latin typeface="Meiryo UI"/>
                          <a:cs typeface="Meiryo UI"/>
                        </a:rPr>
                        <a:t>を</a:t>
                      </a:r>
                      <a:r>
                        <a:rPr sz="1000" dirty="0">
                          <a:latin typeface="Meiryo UI"/>
                          <a:cs typeface="Meiryo UI"/>
                        </a:rPr>
                        <a:t>参考に国交省作</a:t>
                      </a:r>
                      <a:r>
                        <a:rPr sz="1000" spc="-50" dirty="0">
                          <a:latin typeface="Meiryo UI"/>
                          <a:cs typeface="Meiryo UI"/>
                        </a:rPr>
                        <a:t>成</a:t>
                      </a:r>
                      <a:endParaRPr sz="1000" dirty="0">
                        <a:latin typeface="Meiryo UI"/>
                        <a:cs typeface="Meiryo UI"/>
                      </a:endParaRPr>
                    </a:p>
                  </a:txBody>
                  <a:tcPr marL="0" marR="0" marT="0" marB="0">
                    <a:lnB w="12700">
                      <a:solidFill>
                        <a:srgbClr val="000000"/>
                      </a:solidFill>
                      <a:prstDash val="solid"/>
                    </a:lnB>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extLst>
                  <a:ext uri="{0D108BD9-81ED-4DB2-BD59-A6C34878D82A}">
                    <a16:rowId xmlns:a16="http://schemas.microsoft.com/office/drawing/2014/main" val="10000"/>
                  </a:ext>
                </a:extLst>
              </a:tr>
              <a:tr h="586037">
                <a:tc gridSpan="2">
                  <a:txBody>
                    <a:bodyPr/>
                    <a:lstStyle/>
                    <a:p>
                      <a:pPr>
                        <a:lnSpc>
                          <a:spcPct val="100000"/>
                        </a:lnSpc>
                        <a:spcBef>
                          <a:spcPts val="420"/>
                        </a:spcBef>
                      </a:pPr>
                      <a:endParaRPr sz="1000">
                        <a:latin typeface="Times New Roman"/>
                        <a:cs typeface="Times New Roman"/>
                      </a:endParaRPr>
                    </a:p>
                    <a:p>
                      <a:pPr marL="714375">
                        <a:lnSpc>
                          <a:spcPct val="100000"/>
                        </a:lnSpc>
                      </a:pPr>
                      <a:r>
                        <a:rPr sz="1000" spc="-10" dirty="0">
                          <a:latin typeface="Meiryo UI"/>
                          <a:cs typeface="Meiryo UI"/>
                        </a:rPr>
                        <a:t>共同処理の手法</a:t>
                      </a:r>
                      <a:endParaRPr sz="1000">
                        <a:latin typeface="Meiryo UI"/>
                        <a:cs typeface="Meiryo UI"/>
                      </a:endParaRPr>
                    </a:p>
                  </a:txBody>
                  <a:tcPr marL="0" marR="0" marT="45611"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hMerge="1">
                  <a:txBody>
                    <a:bodyPr/>
                    <a:lstStyle/>
                    <a:p>
                      <a:endParaRPr/>
                    </a:p>
                  </a:txBody>
                  <a:tcPr marL="0" marR="0" marT="0" marB="0"/>
                </a:tc>
                <a:tc>
                  <a:txBody>
                    <a:bodyPr/>
                    <a:lstStyle/>
                    <a:p>
                      <a:pPr marL="103505" marR="95885" algn="just">
                        <a:lnSpc>
                          <a:spcPct val="100000"/>
                        </a:lnSpc>
                        <a:spcBef>
                          <a:spcPts val="360"/>
                        </a:spcBef>
                      </a:pPr>
                      <a:r>
                        <a:rPr sz="1000" spc="-50" dirty="0">
                          <a:latin typeface="Meiryo UI"/>
                          <a:cs typeface="Meiryo UI"/>
                        </a:rPr>
                        <a:t>法人格</a:t>
                      </a:r>
                      <a:endParaRPr sz="1000">
                        <a:latin typeface="Meiryo UI"/>
                        <a:cs typeface="Meiryo UI"/>
                      </a:endParaRPr>
                    </a:p>
                  </a:txBody>
                  <a:tcPr marL="0" marR="0" marT="3909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spcBef>
                          <a:spcPts val="420"/>
                        </a:spcBef>
                      </a:pPr>
                      <a:endParaRPr sz="1000">
                        <a:latin typeface="Times New Roman"/>
                        <a:cs typeface="Times New Roman"/>
                      </a:endParaRPr>
                    </a:p>
                    <a:p>
                      <a:pPr marL="48260">
                        <a:lnSpc>
                          <a:spcPct val="100000"/>
                        </a:lnSpc>
                      </a:pPr>
                      <a:r>
                        <a:rPr sz="1000" spc="-15" dirty="0">
                          <a:latin typeface="Meiryo UI"/>
                          <a:cs typeface="Meiryo UI"/>
                        </a:rPr>
                        <a:t>管理権限</a:t>
                      </a:r>
                      <a:endParaRPr sz="1000">
                        <a:latin typeface="Meiryo UI"/>
                        <a:cs typeface="Meiryo UI"/>
                      </a:endParaRPr>
                    </a:p>
                  </a:txBody>
                  <a:tcPr marL="0" marR="0" marT="45611"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spcBef>
                          <a:spcPts val="420"/>
                        </a:spcBef>
                      </a:pPr>
                      <a:endParaRPr sz="1000">
                        <a:latin typeface="Times New Roman"/>
                        <a:cs typeface="Times New Roman"/>
                      </a:endParaRPr>
                    </a:p>
                    <a:p>
                      <a:pPr marL="2540" algn="ctr">
                        <a:lnSpc>
                          <a:spcPct val="100000"/>
                        </a:lnSpc>
                      </a:pPr>
                      <a:r>
                        <a:rPr sz="1000" spc="-25" dirty="0">
                          <a:latin typeface="Meiryo UI"/>
                          <a:cs typeface="Meiryo UI"/>
                        </a:rPr>
                        <a:t>特徴</a:t>
                      </a:r>
                      <a:endParaRPr sz="1000">
                        <a:latin typeface="Meiryo UI"/>
                        <a:cs typeface="Meiryo UI"/>
                      </a:endParaRPr>
                    </a:p>
                  </a:txBody>
                  <a:tcPr marL="0" marR="0" marT="45611"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marL="739140">
                        <a:lnSpc>
                          <a:spcPct val="100000"/>
                        </a:lnSpc>
                        <a:spcBef>
                          <a:spcPts val="1080"/>
                        </a:spcBef>
                      </a:pPr>
                      <a:r>
                        <a:rPr sz="1000" spc="-10" dirty="0">
                          <a:latin typeface="Meiryo UI"/>
                          <a:cs typeface="Meiryo UI"/>
                        </a:rPr>
                        <a:t>群マネへの適用の留意点</a:t>
                      </a:r>
                      <a:endParaRPr sz="1000">
                        <a:latin typeface="Meiryo UI"/>
                        <a:cs typeface="Meiryo UI"/>
                      </a:endParaRPr>
                    </a:p>
                    <a:p>
                      <a:pPr marL="531495">
                        <a:lnSpc>
                          <a:spcPct val="100000"/>
                        </a:lnSpc>
                        <a:spcBef>
                          <a:spcPts val="60"/>
                        </a:spcBef>
                        <a:tabLst>
                          <a:tab pos="1583055" algn="l"/>
                        </a:tabLst>
                      </a:pPr>
                      <a:r>
                        <a:rPr sz="1000" dirty="0">
                          <a:latin typeface="Meiryo UI"/>
                          <a:cs typeface="Meiryo UI"/>
                        </a:rPr>
                        <a:t>（</a:t>
                      </a:r>
                      <a:r>
                        <a:rPr sz="1000" spc="-10" dirty="0">
                          <a:latin typeface="Meiryo UI"/>
                          <a:cs typeface="Meiryo UI"/>
                        </a:rPr>
                        <a:t>メ</a:t>
                      </a:r>
                      <a:r>
                        <a:rPr sz="1000" dirty="0">
                          <a:latin typeface="Meiryo UI"/>
                          <a:cs typeface="Meiryo UI"/>
                        </a:rPr>
                        <a:t>リ</a:t>
                      </a:r>
                      <a:r>
                        <a:rPr sz="1000" spc="-10" dirty="0">
                          <a:latin typeface="Meiryo UI"/>
                          <a:cs typeface="Meiryo UI"/>
                        </a:rPr>
                        <a:t>ット</a:t>
                      </a:r>
                      <a:r>
                        <a:rPr sz="1000" spc="-35" dirty="0">
                          <a:latin typeface="Meiryo UI"/>
                          <a:cs typeface="Meiryo UI"/>
                        </a:rPr>
                        <a:t>：○</a:t>
                      </a:r>
                      <a:r>
                        <a:rPr sz="1000" dirty="0">
                          <a:latin typeface="Meiryo UI"/>
                          <a:cs typeface="Meiryo UI"/>
                        </a:rPr>
                        <a:t>	デ</a:t>
                      </a:r>
                      <a:r>
                        <a:rPr sz="1000" spc="-10" dirty="0">
                          <a:latin typeface="Meiryo UI"/>
                          <a:cs typeface="Meiryo UI"/>
                        </a:rPr>
                        <a:t>メ</a:t>
                      </a:r>
                      <a:r>
                        <a:rPr sz="1000" dirty="0">
                          <a:latin typeface="Meiryo UI"/>
                          <a:cs typeface="Meiryo UI"/>
                        </a:rPr>
                        <a:t>リ</a:t>
                      </a:r>
                      <a:r>
                        <a:rPr sz="1000" spc="-10" dirty="0">
                          <a:latin typeface="Meiryo UI"/>
                          <a:cs typeface="Meiryo UI"/>
                        </a:rPr>
                        <a:t>ット</a:t>
                      </a:r>
                      <a:r>
                        <a:rPr sz="1000" spc="-25" dirty="0">
                          <a:latin typeface="Meiryo UI"/>
                          <a:cs typeface="Meiryo UI"/>
                        </a:rPr>
                        <a:t>：●）</a:t>
                      </a:r>
                      <a:endParaRPr sz="1000">
                        <a:latin typeface="Meiryo UI"/>
                        <a:cs typeface="Meiryo UI"/>
                      </a:endParaRPr>
                    </a:p>
                  </a:txBody>
                  <a:tcPr marL="0" marR="0" marT="117286"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extLst>
                  <a:ext uri="{0D108BD9-81ED-4DB2-BD59-A6C34878D82A}">
                    <a16:rowId xmlns:a16="http://schemas.microsoft.com/office/drawing/2014/main" val="10001"/>
                  </a:ext>
                </a:extLst>
              </a:tr>
              <a:tr h="1508343">
                <a:tc>
                  <a:txBody>
                    <a:bodyPr/>
                    <a:lstStyle/>
                    <a:p>
                      <a:pPr>
                        <a:lnSpc>
                          <a:spcPct val="100000"/>
                        </a:lnSpc>
                      </a:pPr>
                      <a:endParaRPr sz="1000">
                        <a:latin typeface="Times New Roman"/>
                        <a:cs typeface="Times New Roman"/>
                      </a:endParaRPr>
                    </a:p>
                    <a:p>
                      <a:pPr>
                        <a:lnSpc>
                          <a:spcPct val="100000"/>
                        </a:lnSpc>
                        <a:spcBef>
                          <a:spcPts val="660"/>
                        </a:spcBef>
                      </a:pPr>
                      <a:endParaRPr sz="1000">
                        <a:latin typeface="Times New Roman"/>
                        <a:cs typeface="Times New Roman"/>
                      </a:endParaRPr>
                    </a:p>
                    <a:p>
                      <a:pPr marL="29845">
                        <a:lnSpc>
                          <a:spcPct val="100000"/>
                        </a:lnSpc>
                      </a:pPr>
                      <a:r>
                        <a:rPr sz="1000" spc="-15" dirty="0">
                          <a:latin typeface="Meiryo UI"/>
                          <a:cs typeface="Meiryo UI"/>
                        </a:rPr>
                        <a:t>広域連合</a:t>
                      </a:r>
                      <a:endParaRPr sz="1000">
                        <a:latin typeface="Meiryo UI"/>
                        <a:cs typeface="Meiryo UI"/>
                      </a:endParaRPr>
                    </a:p>
                    <a:p>
                      <a:pPr marL="182245" marR="173355" indent="114300">
                        <a:lnSpc>
                          <a:spcPct val="100000"/>
                        </a:lnSpc>
                      </a:pPr>
                      <a:r>
                        <a:rPr sz="1000" spc="-50" dirty="0">
                          <a:latin typeface="Meiryo UI"/>
                          <a:cs typeface="Meiryo UI"/>
                        </a:rPr>
                        <a:t>•</a:t>
                      </a:r>
                      <a:r>
                        <a:rPr sz="1000" spc="-25" dirty="0">
                          <a:latin typeface="Meiryo UI"/>
                          <a:cs typeface="Meiryo UI"/>
                        </a:rPr>
                        <a:t>一部</a:t>
                      </a:r>
                      <a:endParaRPr sz="1000">
                        <a:latin typeface="Meiryo UI"/>
                        <a:cs typeface="Meiryo UI"/>
                      </a:endParaRPr>
                    </a:p>
                    <a:p>
                      <a:pPr marL="29845">
                        <a:lnSpc>
                          <a:spcPct val="100000"/>
                        </a:lnSpc>
                      </a:pPr>
                      <a:r>
                        <a:rPr sz="1000" spc="-15" dirty="0">
                          <a:latin typeface="Meiryo UI"/>
                          <a:cs typeface="Meiryo UI"/>
                        </a:rPr>
                        <a:t>事務組合</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pPr>
                      <a:endParaRPr sz="900" dirty="0">
                        <a:latin typeface="Times New Roman"/>
                        <a:cs typeface="Times New Roman"/>
                      </a:endParaRPr>
                    </a:p>
                    <a:p>
                      <a:pPr>
                        <a:lnSpc>
                          <a:spcPct val="100000"/>
                        </a:lnSpc>
                      </a:pPr>
                      <a:endParaRPr sz="900" dirty="0">
                        <a:latin typeface="Times New Roman"/>
                        <a:cs typeface="Times New Roman"/>
                      </a:endParaRPr>
                    </a:p>
                    <a:p>
                      <a:pPr>
                        <a:lnSpc>
                          <a:spcPct val="100000"/>
                        </a:lnSpc>
                        <a:spcBef>
                          <a:spcPts val="40"/>
                        </a:spcBef>
                      </a:pPr>
                      <a:endParaRPr sz="900" dirty="0">
                        <a:latin typeface="Times New Roman"/>
                        <a:cs typeface="Times New Roman"/>
                      </a:endParaRPr>
                    </a:p>
                    <a:p>
                      <a:pPr marL="937260">
                        <a:lnSpc>
                          <a:spcPct val="100000"/>
                        </a:lnSpc>
                      </a:pPr>
                      <a:r>
                        <a:rPr sz="900" dirty="0">
                          <a:latin typeface="HGSｺﾞｼｯｸM"/>
                          <a:cs typeface="HGSｺﾞｼｯｸM"/>
                        </a:rPr>
                        <a:t>連合</a:t>
                      </a:r>
                      <a:r>
                        <a:rPr sz="900" spc="-10" dirty="0">
                          <a:latin typeface="HGSｺﾞｼｯｸM"/>
                          <a:cs typeface="HGSｺﾞｼｯｸM"/>
                        </a:rPr>
                        <a:t>or</a:t>
                      </a:r>
                      <a:r>
                        <a:rPr sz="900" spc="-25" dirty="0">
                          <a:latin typeface="HGSｺﾞｼｯｸM"/>
                          <a:cs typeface="HGSｺﾞｼｯｸM"/>
                        </a:rPr>
                        <a:t>組合</a:t>
                      </a:r>
                      <a:endParaRPr sz="900" dirty="0">
                        <a:latin typeface="HGSｺﾞｼｯｸM"/>
                        <a:cs typeface="HGSｺﾞｼｯｸM"/>
                      </a:endParaRPr>
                    </a:p>
                    <a:p>
                      <a:pPr>
                        <a:lnSpc>
                          <a:spcPct val="100000"/>
                        </a:lnSpc>
                      </a:pPr>
                      <a:endParaRPr sz="900" dirty="0">
                        <a:latin typeface="Times New Roman"/>
                        <a:cs typeface="Times New Roman"/>
                      </a:endParaRPr>
                    </a:p>
                    <a:p>
                      <a:pPr>
                        <a:lnSpc>
                          <a:spcPct val="100000"/>
                        </a:lnSpc>
                        <a:spcBef>
                          <a:spcPts val="1065"/>
                        </a:spcBef>
                      </a:pPr>
                      <a:endParaRPr sz="900" dirty="0">
                        <a:latin typeface="Times New Roman"/>
                        <a:cs typeface="Times New Roman"/>
                      </a:endParaRPr>
                    </a:p>
                    <a:p>
                      <a:pPr marL="114300" marR="133985">
                        <a:lnSpc>
                          <a:spcPct val="99500"/>
                        </a:lnSpc>
                      </a:pPr>
                      <a:r>
                        <a:rPr sz="900" spc="-15" dirty="0">
                          <a:latin typeface="Meiryo UI"/>
                          <a:cs typeface="Meiryo UI"/>
                        </a:rPr>
                        <a:t>複数の地方公共団体がその事</a:t>
                      </a:r>
                      <a:r>
                        <a:rPr sz="900" spc="-25" dirty="0">
                          <a:latin typeface="Meiryo UI"/>
                          <a:cs typeface="Meiryo UI"/>
                        </a:rPr>
                        <a:t>務の一部を共同処理するために設ける特別地方公共団体</a:t>
                      </a:r>
                      <a:endParaRPr sz="900" dirty="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60"/>
                        </a:spcBef>
                      </a:pPr>
                      <a:endParaRPr sz="1000">
                        <a:latin typeface="Times New Roman"/>
                        <a:cs typeface="Times New Roman"/>
                      </a:endParaRPr>
                    </a:p>
                    <a:p>
                      <a:pPr marL="1270" algn="ctr">
                        <a:lnSpc>
                          <a:spcPct val="100000"/>
                        </a:lnSpc>
                      </a:pPr>
                      <a:r>
                        <a:rPr sz="1000" spc="-25" dirty="0">
                          <a:latin typeface="Meiryo UI"/>
                          <a:cs typeface="Meiryo UI"/>
                        </a:rPr>
                        <a:t>あり</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1320"/>
                        </a:spcBef>
                      </a:pPr>
                      <a:endParaRPr sz="1000">
                        <a:latin typeface="Times New Roman"/>
                        <a:cs typeface="Times New Roman"/>
                      </a:endParaRPr>
                    </a:p>
                    <a:p>
                      <a:pPr marL="36195" marR="50165">
                        <a:lnSpc>
                          <a:spcPct val="100000"/>
                        </a:lnSpc>
                      </a:pPr>
                      <a:r>
                        <a:rPr sz="1000" spc="-20" dirty="0">
                          <a:latin typeface="Meiryo UI"/>
                          <a:cs typeface="Meiryo UI"/>
                        </a:rPr>
                        <a:t>広域連</a:t>
                      </a:r>
                      <a:r>
                        <a:rPr sz="1000" spc="-50" dirty="0">
                          <a:latin typeface="Meiryo UI"/>
                          <a:cs typeface="Meiryo UI"/>
                        </a:rPr>
                        <a:t> </a:t>
                      </a:r>
                      <a:r>
                        <a:rPr sz="1000" spc="-15" dirty="0">
                          <a:latin typeface="Meiryo UI"/>
                          <a:cs typeface="Meiryo UI"/>
                        </a:rPr>
                        <a:t>合・一部事務組合</a:t>
                      </a:r>
                      <a:r>
                        <a:rPr sz="1000" spc="-20" dirty="0">
                          <a:latin typeface="Meiryo UI"/>
                          <a:cs typeface="Meiryo UI"/>
                        </a:rPr>
                        <a:t>に引き継</a:t>
                      </a:r>
                      <a:r>
                        <a:rPr sz="1000" spc="-50" dirty="0">
                          <a:latin typeface="Meiryo UI"/>
                          <a:cs typeface="Meiryo UI"/>
                        </a:rPr>
                        <a:t>ぐ</a:t>
                      </a:r>
                      <a:endParaRPr sz="1000">
                        <a:latin typeface="Meiryo UI"/>
                        <a:cs typeface="Meiryo UI"/>
                      </a:endParaRPr>
                    </a:p>
                  </a:txBody>
                  <a:tcPr marL="0" marR="0" marT="14335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420"/>
                        </a:spcBef>
                      </a:pPr>
                      <a:endParaRPr sz="1000">
                        <a:latin typeface="Times New Roman"/>
                        <a:cs typeface="Times New Roman"/>
                      </a:endParaRPr>
                    </a:p>
                    <a:p>
                      <a:pPr marL="217804" indent="-181610">
                        <a:lnSpc>
                          <a:spcPct val="100000"/>
                        </a:lnSpc>
                        <a:buFont typeface="Arial"/>
                        <a:buChar char="•"/>
                        <a:tabLst>
                          <a:tab pos="217804" algn="l"/>
                        </a:tabLst>
                      </a:pPr>
                      <a:r>
                        <a:rPr sz="1000" spc="-5" dirty="0">
                          <a:latin typeface="Meiryo UI"/>
                          <a:cs typeface="Meiryo UI"/>
                        </a:rPr>
                        <a:t>財産保有や職員の採用が可能</a:t>
                      </a:r>
                      <a:endParaRPr sz="1000">
                        <a:latin typeface="Meiryo UI"/>
                        <a:cs typeface="Meiryo UI"/>
                      </a:endParaRPr>
                    </a:p>
                    <a:p>
                      <a:pPr marL="217804" marR="175895" indent="-181610">
                        <a:lnSpc>
                          <a:spcPct val="100000"/>
                        </a:lnSpc>
                        <a:spcBef>
                          <a:spcPts val="600"/>
                        </a:spcBef>
                        <a:buFont typeface="Arial"/>
                        <a:buChar char="•"/>
                        <a:tabLst>
                          <a:tab pos="217804" algn="l"/>
                        </a:tabLst>
                      </a:pPr>
                      <a:r>
                        <a:rPr sz="1000" spc="-15" dirty="0">
                          <a:latin typeface="Meiryo UI"/>
                          <a:cs typeface="Meiryo UI"/>
                        </a:rPr>
                        <a:t>議会、固有の執行機関を有するため責任が明</a:t>
                      </a:r>
                      <a:r>
                        <a:rPr sz="1000" spc="-50" dirty="0">
                          <a:latin typeface="Meiryo UI"/>
                          <a:cs typeface="Meiryo UI"/>
                        </a:rPr>
                        <a:t>確</a:t>
                      </a:r>
                      <a:endParaRPr sz="100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設置にあたり議決が必要</a:t>
                      </a:r>
                      <a:endParaRPr sz="1000">
                        <a:latin typeface="Meiryo UI"/>
                        <a:cs typeface="Meiryo UI"/>
                      </a:endParaRPr>
                    </a:p>
                    <a:p>
                      <a:pPr marL="217804" indent="-181610">
                        <a:lnSpc>
                          <a:spcPct val="100000"/>
                        </a:lnSpc>
                        <a:spcBef>
                          <a:spcPts val="600"/>
                        </a:spcBef>
                        <a:buFont typeface="Arial"/>
                        <a:buChar char="•"/>
                        <a:tabLst>
                          <a:tab pos="217804" algn="l"/>
                        </a:tabLst>
                      </a:pPr>
                      <a:r>
                        <a:rPr sz="1000" spc="-15" dirty="0">
                          <a:latin typeface="Meiryo UI"/>
                          <a:cs typeface="Meiryo UI"/>
                        </a:rPr>
                        <a:t>構成団体から事務処理権限が移動される</a:t>
                      </a:r>
                      <a:endParaRPr sz="1000">
                        <a:latin typeface="Meiryo UI"/>
                        <a:cs typeface="Meiryo UI"/>
                      </a:endParaRPr>
                    </a:p>
                  </a:txBody>
                  <a:tcPr marL="0" marR="0" marT="45611"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1019"/>
                        </a:spcBef>
                      </a:pPr>
                      <a:endParaRPr sz="1000">
                        <a:latin typeface="Times New Roman"/>
                        <a:cs typeface="Times New Roman"/>
                      </a:endParaRPr>
                    </a:p>
                    <a:p>
                      <a:pPr marL="188595" marR="165100" indent="-152400">
                        <a:lnSpc>
                          <a:spcPct val="100000"/>
                        </a:lnSpc>
                        <a:buSzPct val="91666"/>
                        <a:buChar char="○"/>
                        <a:tabLst>
                          <a:tab pos="213360" algn="l"/>
                        </a:tabLst>
                      </a:pPr>
                      <a:r>
                        <a:rPr sz="1000" spc="-15" dirty="0">
                          <a:latin typeface="Meiryo UI"/>
                          <a:cs typeface="Meiryo UI"/>
                        </a:rPr>
                        <a:t>１つの組織体で技術職員を有効に活用し、	広域のインフラを管理可能</a:t>
                      </a:r>
                      <a:endParaRPr sz="1000">
                        <a:latin typeface="Meiryo UI"/>
                        <a:cs typeface="Meiryo UI"/>
                      </a:endParaRPr>
                    </a:p>
                    <a:p>
                      <a:pPr marL="188595" marR="59055" indent="-152400">
                        <a:lnSpc>
                          <a:spcPct val="100000"/>
                        </a:lnSpc>
                        <a:spcBef>
                          <a:spcPts val="600"/>
                        </a:spcBef>
                        <a:buSzPct val="91666"/>
                        <a:buChar char="●"/>
                        <a:tabLst>
                          <a:tab pos="213360" algn="l"/>
                        </a:tabLst>
                      </a:pPr>
                      <a:r>
                        <a:rPr sz="1000" spc="-20" dirty="0">
                          <a:latin typeface="Meiryo UI"/>
                          <a:cs typeface="Meiryo UI"/>
                        </a:rPr>
                        <a:t>構成団体には権限が残らないため、インフラメ</a:t>
                      </a:r>
                      <a:r>
                        <a:rPr sz="1000" spc="-25" dirty="0">
                          <a:latin typeface="Meiryo UI"/>
                          <a:cs typeface="Meiryo UI"/>
                        </a:rPr>
                        <a:t>ン	テナンス業務の一部のみを切り出すと、非効</a:t>
                      </a:r>
                      <a:r>
                        <a:rPr sz="1000" spc="-10" dirty="0">
                          <a:latin typeface="Meiryo UI"/>
                          <a:cs typeface="Meiryo UI"/>
                        </a:rPr>
                        <a:t>率	になる場合がある</a:t>
                      </a:r>
                      <a:endParaRPr sz="1000">
                        <a:latin typeface="Meiryo UI"/>
                        <a:cs typeface="Meiryo UI"/>
                      </a:endParaRPr>
                    </a:p>
                  </a:txBody>
                  <a:tcPr marL="0" marR="0" marT="11077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r h="1482993">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345"/>
                        </a:spcBef>
                      </a:pPr>
                      <a:endParaRPr sz="1000">
                        <a:latin typeface="Times New Roman"/>
                        <a:cs typeface="Times New Roman"/>
                      </a:endParaRPr>
                    </a:p>
                    <a:p>
                      <a:pPr marL="1270" algn="ctr">
                        <a:lnSpc>
                          <a:spcPct val="100000"/>
                        </a:lnSpc>
                      </a:pPr>
                      <a:r>
                        <a:rPr sz="1000" spc="-15" dirty="0">
                          <a:latin typeface="Meiryo UI"/>
                          <a:cs typeface="Meiryo UI"/>
                        </a:rPr>
                        <a:t>連携協約</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35"/>
                        </a:spcBef>
                      </a:pPr>
                      <a:endParaRPr sz="900">
                        <a:latin typeface="Times New Roman"/>
                        <a:cs typeface="Times New Roman"/>
                      </a:endParaRPr>
                    </a:p>
                    <a:p>
                      <a:pPr marL="114300" marR="118745">
                        <a:lnSpc>
                          <a:spcPct val="99500"/>
                        </a:lnSpc>
                      </a:pPr>
                      <a:r>
                        <a:rPr sz="900" spc="-20" dirty="0">
                          <a:latin typeface="Meiryo UI"/>
                          <a:cs typeface="Meiryo UI"/>
                        </a:rPr>
                        <a:t>地方公共団体が連携して事務</a:t>
                      </a:r>
                      <a:r>
                        <a:rPr sz="900" spc="-25" dirty="0">
                          <a:latin typeface="Meiryo UI"/>
                          <a:cs typeface="Meiryo UI"/>
                        </a:rPr>
                        <a:t>を処理するための基本方針及び役割分担を定める制度</a:t>
                      </a:r>
                      <a:endParaRPr sz="9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345"/>
                        </a:spcBef>
                      </a:pPr>
                      <a:endParaRPr sz="1000">
                        <a:latin typeface="Times New Roman"/>
                        <a:cs typeface="Times New Roman"/>
                      </a:endParaRPr>
                    </a:p>
                    <a:p>
                      <a:pPr algn="ctr">
                        <a:lnSpc>
                          <a:spcPct val="100000"/>
                        </a:lnSpc>
                      </a:pPr>
                      <a:r>
                        <a:rPr sz="1000" spc="-25" dirty="0">
                          <a:latin typeface="Meiryo UI"/>
                          <a:cs typeface="Meiryo UI"/>
                        </a:rPr>
                        <a:t>な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1005"/>
                        </a:spcBef>
                      </a:pPr>
                      <a:endParaRPr sz="1000">
                        <a:latin typeface="Times New Roman"/>
                        <a:cs typeface="Times New Roman"/>
                      </a:endParaRPr>
                    </a:p>
                    <a:p>
                      <a:pPr marL="36195" marR="32384">
                        <a:lnSpc>
                          <a:spcPct val="100000"/>
                        </a:lnSpc>
                      </a:pPr>
                      <a:r>
                        <a:rPr sz="1000" spc="-20" dirty="0">
                          <a:latin typeface="Meiryo UI"/>
                          <a:cs typeface="Meiryo UI"/>
                        </a:rPr>
                        <a:t>それぞれに</a:t>
                      </a:r>
                      <a:r>
                        <a:rPr sz="1000" spc="-25" dirty="0">
                          <a:latin typeface="Meiryo UI"/>
                          <a:cs typeface="Meiryo UI"/>
                        </a:rPr>
                        <a:t>残る</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705"/>
                        </a:spcBef>
                      </a:pPr>
                      <a:endParaRPr sz="1000">
                        <a:latin typeface="Times New Roman"/>
                        <a:cs typeface="Times New Roman"/>
                      </a:endParaRPr>
                    </a:p>
                    <a:p>
                      <a:pPr marL="217804" indent="-181610">
                        <a:lnSpc>
                          <a:spcPct val="100000"/>
                        </a:lnSpc>
                        <a:buFont typeface="Arial"/>
                        <a:buChar char="•"/>
                        <a:tabLst>
                          <a:tab pos="217804" algn="l"/>
                        </a:tabLst>
                      </a:pPr>
                      <a:r>
                        <a:rPr sz="1000" spc="-10" dirty="0">
                          <a:latin typeface="Meiryo UI"/>
                          <a:cs typeface="Meiryo UI"/>
                        </a:rPr>
                        <a:t>法人設立が不要</a:t>
                      </a:r>
                      <a:endParaRPr sz="1000">
                        <a:latin typeface="Meiryo UI"/>
                        <a:cs typeface="Meiryo UI"/>
                      </a:endParaRPr>
                    </a:p>
                    <a:p>
                      <a:pPr marL="217804" indent="-181610">
                        <a:lnSpc>
                          <a:spcPct val="100000"/>
                        </a:lnSpc>
                        <a:spcBef>
                          <a:spcPts val="600"/>
                        </a:spcBef>
                        <a:buFont typeface="Arial"/>
                        <a:buChar char="•"/>
                        <a:tabLst>
                          <a:tab pos="217804" algn="l"/>
                        </a:tabLst>
                      </a:pPr>
                      <a:r>
                        <a:rPr sz="1000" spc="-15" dirty="0">
                          <a:latin typeface="Meiryo UI"/>
                          <a:cs typeface="Meiryo UI"/>
                        </a:rPr>
                        <a:t>紛争解決方法がビルトインされている</a:t>
                      </a:r>
                      <a:endParaRPr sz="100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実施にあたり議決が必要</a:t>
                      </a:r>
                      <a:endParaRPr sz="1000">
                        <a:latin typeface="Meiryo UI"/>
                        <a:cs typeface="Meiryo UI"/>
                      </a:endParaRPr>
                    </a:p>
                    <a:p>
                      <a:pPr marL="217804" marR="172085" indent="-181610">
                        <a:lnSpc>
                          <a:spcPct val="100000"/>
                        </a:lnSpc>
                        <a:spcBef>
                          <a:spcPts val="600"/>
                        </a:spcBef>
                        <a:buFont typeface="Arial"/>
                        <a:buChar char="•"/>
                        <a:tabLst>
                          <a:tab pos="217804" algn="l"/>
                        </a:tabLst>
                      </a:pPr>
                      <a:r>
                        <a:rPr sz="1000" spc="-20" dirty="0">
                          <a:latin typeface="Meiryo UI"/>
                          <a:cs typeface="Meiryo UI"/>
                        </a:rPr>
                        <a:t>内容に応じて、別途、事務の共同処理制度や</a:t>
                      </a:r>
                      <a:r>
                        <a:rPr sz="1000" spc="-15" dirty="0">
                          <a:latin typeface="Meiryo UI"/>
                          <a:cs typeface="Meiryo UI"/>
                        </a:rPr>
                        <a:t>私法上の委託等を活用する必要がある。</a:t>
                      </a:r>
                      <a:endParaRPr sz="1000">
                        <a:latin typeface="Meiryo UI"/>
                        <a:cs typeface="Meiryo UI"/>
                      </a:endParaRPr>
                    </a:p>
                  </a:txBody>
                  <a:tcPr marL="0" marR="0" marT="76562"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88595" marR="57785" indent="-152400" algn="just">
                        <a:lnSpc>
                          <a:spcPct val="100000"/>
                        </a:lnSpc>
                        <a:spcBef>
                          <a:spcPts val="944"/>
                        </a:spcBef>
                        <a:buSzPct val="91666"/>
                        <a:buChar char="○"/>
                        <a:tabLst>
                          <a:tab pos="213360" algn="l"/>
                        </a:tabLst>
                      </a:pPr>
                      <a:r>
                        <a:rPr sz="1000" spc="-20" dirty="0">
                          <a:latin typeface="Meiryo UI"/>
                          <a:cs typeface="Meiryo UI"/>
                        </a:rPr>
                        <a:t>手続きが簡易であり、インフラメンテナンス事務	</a:t>
                      </a:r>
                      <a:r>
                        <a:rPr sz="1000" spc="-15" dirty="0">
                          <a:latin typeface="Meiryo UI"/>
                          <a:cs typeface="Meiryo UI"/>
                        </a:rPr>
                        <a:t>の特性に応じて、連携の初期段階で協定など	</a:t>
                      </a:r>
                      <a:r>
                        <a:rPr sz="1000" spc="-10" dirty="0">
                          <a:latin typeface="Meiryo UI"/>
                          <a:cs typeface="Meiryo UI"/>
                        </a:rPr>
                        <a:t>を取り決めて実施可能</a:t>
                      </a:r>
                      <a:endParaRPr sz="1000">
                        <a:latin typeface="Meiryo UI"/>
                        <a:cs typeface="Meiryo UI"/>
                      </a:endParaRPr>
                    </a:p>
                    <a:p>
                      <a:pPr marL="188595" indent="-152400">
                        <a:lnSpc>
                          <a:spcPct val="100000"/>
                        </a:lnSpc>
                        <a:spcBef>
                          <a:spcPts val="600"/>
                        </a:spcBef>
                        <a:buSzPct val="91666"/>
                        <a:buChar char="●"/>
                        <a:tabLst>
                          <a:tab pos="188595" algn="l"/>
                        </a:tabLst>
                      </a:pPr>
                      <a:r>
                        <a:rPr sz="1000" dirty="0">
                          <a:latin typeface="Meiryo UI"/>
                          <a:cs typeface="Meiryo UI"/>
                        </a:rPr>
                        <a:t>協約以外の取組（委託など）</a:t>
                      </a:r>
                      <a:r>
                        <a:rPr sz="1000" spc="-10" dirty="0">
                          <a:latin typeface="Meiryo UI"/>
                          <a:cs typeface="Meiryo UI"/>
                        </a:rPr>
                        <a:t>が別途必要</a:t>
                      </a:r>
                      <a:endParaRPr sz="1000">
                        <a:latin typeface="Meiryo UI"/>
                        <a:cs typeface="Meiryo UI"/>
                      </a:endParaRPr>
                    </a:p>
                    <a:p>
                      <a:pPr marL="188595" marR="122555" indent="-152400" algn="just">
                        <a:lnSpc>
                          <a:spcPct val="100000"/>
                        </a:lnSpc>
                        <a:spcBef>
                          <a:spcPts val="600"/>
                        </a:spcBef>
                        <a:buSzPct val="91666"/>
                        <a:buChar char="●"/>
                        <a:tabLst>
                          <a:tab pos="213360" algn="l"/>
                        </a:tabLst>
                      </a:pPr>
                      <a:r>
                        <a:rPr sz="1000" spc="-15" dirty="0">
                          <a:latin typeface="Meiryo UI"/>
                          <a:cs typeface="Meiryo UI"/>
                        </a:rPr>
                        <a:t>管理権限等が構成団体に残るため、構成団	体に技術力が必要であり、技術力の育成方	策を別途検討する必要</a:t>
                      </a:r>
                      <a:endParaRPr sz="1000">
                        <a:latin typeface="Meiryo UI"/>
                        <a:cs typeface="Meiryo UI"/>
                      </a:endParaRPr>
                    </a:p>
                  </a:txBody>
                  <a:tcPr marL="0" marR="0" marT="10262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3"/>
                  </a:ext>
                </a:extLst>
              </a:tr>
              <a:tr h="1470258">
                <a:tc>
                  <a:txBody>
                    <a:bodyPr/>
                    <a:lstStyle/>
                    <a:p>
                      <a:pPr>
                        <a:lnSpc>
                          <a:spcPct val="100000"/>
                        </a:lnSpc>
                      </a:pPr>
                      <a:endParaRPr sz="1000" dirty="0">
                        <a:latin typeface="Times New Roman"/>
                        <a:cs typeface="Times New Roman"/>
                      </a:endParaRPr>
                    </a:p>
                    <a:p>
                      <a:pPr>
                        <a:lnSpc>
                          <a:spcPct val="100000"/>
                        </a:lnSpc>
                      </a:pPr>
                      <a:endParaRPr sz="1000" dirty="0">
                        <a:latin typeface="Times New Roman"/>
                        <a:cs typeface="Times New Roman"/>
                      </a:endParaRPr>
                    </a:p>
                    <a:p>
                      <a:pPr>
                        <a:lnSpc>
                          <a:spcPct val="100000"/>
                        </a:lnSpc>
                      </a:pPr>
                      <a:endParaRPr sz="1000" dirty="0">
                        <a:latin typeface="Times New Roman"/>
                        <a:cs typeface="Times New Roman"/>
                      </a:endParaRPr>
                    </a:p>
                    <a:p>
                      <a:pPr>
                        <a:lnSpc>
                          <a:spcPct val="100000"/>
                        </a:lnSpc>
                        <a:spcBef>
                          <a:spcPts val="335"/>
                        </a:spcBef>
                      </a:pPr>
                      <a:endParaRPr sz="1000" dirty="0">
                        <a:latin typeface="Times New Roman"/>
                        <a:cs typeface="Times New Roman"/>
                      </a:endParaRPr>
                    </a:p>
                    <a:p>
                      <a:pPr marL="1270" algn="ctr">
                        <a:lnSpc>
                          <a:spcPct val="100000"/>
                        </a:lnSpc>
                      </a:pPr>
                      <a:r>
                        <a:rPr sz="1000" spc="-20" dirty="0">
                          <a:latin typeface="Meiryo UI"/>
                          <a:cs typeface="Meiryo UI"/>
                        </a:rPr>
                        <a:t>協議会</a:t>
                      </a:r>
                      <a:endParaRPr sz="1000" dirty="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pPr>
                      <a:endParaRPr sz="700" dirty="0">
                        <a:latin typeface="Times New Roman"/>
                        <a:cs typeface="Times New Roman"/>
                      </a:endParaRPr>
                    </a:p>
                    <a:p>
                      <a:pPr>
                        <a:lnSpc>
                          <a:spcPct val="100000"/>
                        </a:lnSpc>
                        <a:spcBef>
                          <a:spcPts val="780"/>
                        </a:spcBef>
                      </a:pPr>
                      <a:endParaRPr sz="700" dirty="0">
                        <a:latin typeface="Times New Roman"/>
                        <a:cs typeface="Times New Roman"/>
                      </a:endParaRPr>
                    </a:p>
                    <a:p>
                      <a:pPr marL="774065">
                        <a:lnSpc>
                          <a:spcPct val="100000"/>
                        </a:lnSpc>
                      </a:pPr>
                      <a:r>
                        <a:rPr sz="700" spc="-10" dirty="0">
                          <a:latin typeface="HGSｺﾞｼｯｸM"/>
                          <a:cs typeface="HGSｺﾞｼｯｸM"/>
                        </a:rPr>
                        <a:t>(機関を設置しない)</a:t>
                      </a:r>
                      <a:endParaRPr sz="700" dirty="0">
                        <a:latin typeface="HGSｺﾞｼｯｸM"/>
                        <a:cs typeface="HGSｺﾞｼｯｸM"/>
                      </a:endParaRPr>
                    </a:p>
                    <a:p>
                      <a:pPr>
                        <a:lnSpc>
                          <a:spcPct val="100000"/>
                        </a:lnSpc>
                      </a:pPr>
                      <a:endParaRPr sz="700" dirty="0">
                        <a:latin typeface="Times New Roman"/>
                        <a:cs typeface="Times New Roman"/>
                      </a:endParaRPr>
                    </a:p>
                    <a:p>
                      <a:pPr>
                        <a:lnSpc>
                          <a:spcPct val="100000"/>
                        </a:lnSpc>
                      </a:pPr>
                      <a:endParaRPr sz="700" dirty="0">
                        <a:latin typeface="Times New Roman"/>
                        <a:cs typeface="Times New Roman"/>
                      </a:endParaRPr>
                    </a:p>
                    <a:p>
                      <a:pPr>
                        <a:lnSpc>
                          <a:spcPct val="100000"/>
                        </a:lnSpc>
                      </a:pPr>
                      <a:endParaRPr sz="700" dirty="0">
                        <a:latin typeface="Times New Roman"/>
                        <a:cs typeface="Times New Roman"/>
                      </a:endParaRPr>
                    </a:p>
                    <a:p>
                      <a:pPr>
                        <a:lnSpc>
                          <a:spcPct val="100000"/>
                        </a:lnSpc>
                      </a:pPr>
                      <a:endParaRPr sz="700" dirty="0">
                        <a:latin typeface="Times New Roman"/>
                        <a:cs typeface="Times New Roman"/>
                      </a:endParaRPr>
                    </a:p>
                    <a:p>
                      <a:pPr>
                        <a:lnSpc>
                          <a:spcPct val="100000"/>
                        </a:lnSpc>
                        <a:spcBef>
                          <a:spcPts val="580"/>
                        </a:spcBef>
                      </a:pPr>
                      <a:endParaRPr sz="700" dirty="0">
                        <a:latin typeface="Times New Roman"/>
                        <a:cs typeface="Times New Roman"/>
                      </a:endParaRPr>
                    </a:p>
                    <a:p>
                      <a:pPr marL="130810" marR="101600" algn="just">
                        <a:lnSpc>
                          <a:spcPct val="99500"/>
                        </a:lnSpc>
                      </a:pPr>
                      <a:r>
                        <a:rPr sz="900" spc="-20" dirty="0">
                          <a:latin typeface="Meiryo UI"/>
                          <a:cs typeface="Meiryo UI"/>
                        </a:rPr>
                        <a:t>地方公共団体が連携して管理</a:t>
                      </a:r>
                      <a:r>
                        <a:rPr sz="900" spc="-25" dirty="0">
                          <a:latin typeface="Meiryo UI"/>
                          <a:cs typeface="Meiryo UI"/>
                        </a:rPr>
                        <a:t>執行、連絡調整、計画作成を</a:t>
                      </a:r>
                      <a:r>
                        <a:rPr sz="900" spc="-30" dirty="0">
                          <a:latin typeface="Meiryo UI"/>
                          <a:cs typeface="Meiryo UI"/>
                        </a:rPr>
                        <a:t>行う制度</a:t>
                      </a:r>
                      <a:endParaRPr sz="900" dirty="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335"/>
                        </a:spcBef>
                      </a:pPr>
                      <a:endParaRPr sz="1000">
                        <a:latin typeface="Times New Roman"/>
                        <a:cs typeface="Times New Roman"/>
                      </a:endParaRPr>
                    </a:p>
                    <a:p>
                      <a:pPr algn="ctr">
                        <a:lnSpc>
                          <a:spcPct val="100000"/>
                        </a:lnSpc>
                      </a:pPr>
                      <a:r>
                        <a:rPr sz="1000" spc="-25" dirty="0">
                          <a:latin typeface="Meiryo UI"/>
                          <a:cs typeface="Meiryo UI"/>
                        </a:rPr>
                        <a:t>な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dirty="0">
                        <a:latin typeface="Times New Roman"/>
                        <a:cs typeface="Times New Roman"/>
                      </a:endParaRPr>
                    </a:p>
                    <a:p>
                      <a:pPr>
                        <a:lnSpc>
                          <a:spcPct val="100000"/>
                        </a:lnSpc>
                      </a:pPr>
                      <a:endParaRPr sz="1000" dirty="0">
                        <a:latin typeface="Times New Roman"/>
                        <a:cs typeface="Times New Roman"/>
                      </a:endParaRPr>
                    </a:p>
                    <a:p>
                      <a:pPr>
                        <a:lnSpc>
                          <a:spcPct val="100000"/>
                        </a:lnSpc>
                        <a:spcBef>
                          <a:spcPts val="994"/>
                        </a:spcBef>
                      </a:pPr>
                      <a:endParaRPr sz="1000" dirty="0">
                        <a:latin typeface="Times New Roman"/>
                        <a:cs typeface="Times New Roman"/>
                      </a:endParaRPr>
                    </a:p>
                    <a:p>
                      <a:pPr marL="36195" marR="32384">
                        <a:lnSpc>
                          <a:spcPct val="100000"/>
                        </a:lnSpc>
                      </a:pPr>
                      <a:r>
                        <a:rPr sz="1000" spc="-20" dirty="0">
                          <a:latin typeface="Meiryo UI"/>
                          <a:cs typeface="Meiryo UI"/>
                        </a:rPr>
                        <a:t>それぞれに</a:t>
                      </a:r>
                      <a:r>
                        <a:rPr sz="1000" spc="-25" dirty="0">
                          <a:latin typeface="Meiryo UI"/>
                          <a:cs typeface="Meiryo UI"/>
                        </a:rPr>
                        <a:t>残る</a:t>
                      </a:r>
                      <a:endParaRPr sz="1000" dirty="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17804" indent="-181610">
                        <a:lnSpc>
                          <a:spcPct val="100000"/>
                        </a:lnSpc>
                        <a:spcBef>
                          <a:spcPts val="1055"/>
                        </a:spcBef>
                        <a:buFont typeface="Arial"/>
                        <a:buChar char="•"/>
                        <a:tabLst>
                          <a:tab pos="217804" algn="l"/>
                        </a:tabLst>
                      </a:pPr>
                      <a:r>
                        <a:rPr sz="1000" spc="-10" dirty="0">
                          <a:latin typeface="Meiryo UI"/>
                          <a:cs typeface="Meiryo UI"/>
                        </a:rPr>
                        <a:t>法人設立が不要</a:t>
                      </a:r>
                      <a:endParaRPr sz="1000" dirty="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各構成団体が形式的な主体性を保つ</a:t>
                      </a:r>
                      <a:endParaRPr sz="1000" dirty="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設置にあたり議決が必要</a:t>
                      </a:r>
                      <a:endParaRPr sz="1000" dirty="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機動的な意思決定が難しい</a:t>
                      </a:r>
                      <a:endParaRPr sz="1000" dirty="0">
                        <a:latin typeface="Meiryo UI"/>
                        <a:cs typeface="Meiryo UI"/>
                      </a:endParaRPr>
                    </a:p>
                    <a:p>
                      <a:pPr marL="217804" marR="133985" indent="-181610">
                        <a:lnSpc>
                          <a:spcPct val="100000"/>
                        </a:lnSpc>
                        <a:spcBef>
                          <a:spcPts val="600"/>
                        </a:spcBef>
                        <a:buFont typeface="Arial"/>
                        <a:buChar char="•"/>
                        <a:tabLst>
                          <a:tab pos="217804" algn="l"/>
                        </a:tabLst>
                      </a:pPr>
                      <a:r>
                        <a:rPr sz="1000" spc="-10" dirty="0">
                          <a:latin typeface="Meiryo UI"/>
                          <a:cs typeface="Meiryo UI"/>
                        </a:rPr>
                        <a:t>不法行為等があった場合、構成団体が連帯責</a:t>
                      </a:r>
                      <a:r>
                        <a:rPr sz="1000" spc="-15" dirty="0">
                          <a:latin typeface="Meiryo UI"/>
                          <a:cs typeface="Meiryo UI"/>
                        </a:rPr>
                        <a:t>任と解される</a:t>
                      </a:r>
                      <a:endParaRPr sz="1000" dirty="0">
                        <a:latin typeface="Meiryo UI"/>
                        <a:cs typeface="Meiryo UI"/>
                      </a:endParaRPr>
                    </a:p>
                  </a:txBody>
                  <a:tcPr marL="0" marR="0" marT="114571"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188595" marR="80645" indent="-152400">
                        <a:lnSpc>
                          <a:spcPct val="100000"/>
                        </a:lnSpc>
                        <a:spcBef>
                          <a:spcPts val="935"/>
                        </a:spcBef>
                        <a:buSzPct val="91666"/>
                        <a:buChar char="○"/>
                        <a:tabLst>
                          <a:tab pos="213360" algn="l"/>
                        </a:tabLst>
                      </a:pPr>
                      <a:r>
                        <a:rPr sz="1000" spc="-20" dirty="0">
                          <a:latin typeface="Meiryo UI"/>
                          <a:cs typeface="Meiryo UI"/>
                        </a:rPr>
                        <a:t>保守点検等について既存の事例があり、業務	</a:t>
                      </a:r>
                      <a:r>
                        <a:rPr sz="1000" spc="-10" dirty="0">
                          <a:latin typeface="Meiryo UI"/>
                          <a:cs typeface="Meiryo UI"/>
                        </a:rPr>
                        <a:t>の一部の効率化を行う上で有効</a:t>
                      </a:r>
                      <a:endParaRPr sz="1000" dirty="0">
                        <a:latin typeface="Meiryo UI"/>
                        <a:cs typeface="Meiryo UI"/>
                      </a:endParaRPr>
                    </a:p>
                    <a:p>
                      <a:pPr marL="188595" marR="145415" indent="-152400">
                        <a:lnSpc>
                          <a:spcPct val="100000"/>
                        </a:lnSpc>
                        <a:spcBef>
                          <a:spcPts val="600"/>
                        </a:spcBef>
                        <a:buSzPct val="91666"/>
                        <a:buChar char="●"/>
                        <a:tabLst>
                          <a:tab pos="213360" algn="l"/>
                        </a:tabLst>
                      </a:pPr>
                      <a:r>
                        <a:rPr sz="1000" spc="-15" dirty="0">
                          <a:latin typeface="Meiryo UI"/>
                          <a:cs typeface="Meiryo UI"/>
                        </a:rPr>
                        <a:t>構成団体の連帯責任となるため責任の帰属	が問われやすい事務には向かない</a:t>
                      </a:r>
                      <a:endParaRPr sz="1000" dirty="0">
                        <a:latin typeface="Meiryo UI"/>
                        <a:cs typeface="Meiryo UI"/>
                      </a:endParaRPr>
                    </a:p>
                    <a:p>
                      <a:pPr marL="188595" marR="122555" indent="-152400" algn="just">
                        <a:lnSpc>
                          <a:spcPct val="100000"/>
                        </a:lnSpc>
                        <a:spcBef>
                          <a:spcPts val="600"/>
                        </a:spcBef>
                        <a:buSzPct val="91666"/>
                        <a:buChar char="●"/>
                        <a:tabLst>
                          <a:tab pos="213360" algn="l"/>
                        </a:tabLst>
                      </a:pPr>
                      <a:r>
                        <a:rPr sz="1000" spc="-15" dirty="0">
                          <a:latin typeface="Meiryo UI"/>
                          <a:cs typeface="Meiryo UI"/>
                        </a:rPr>
                        <a:t>管理権限等が構成団体に残るため、構成団	体に技術力が必要であり、技術力の育成方	策を別途検討する必要</a:t>
                      </a:r>
                      <a:endParaRPr sz="1000" dirty="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4"/>
                  </a:ext>
                </a:extLst>
              </a:tr>
            </a:tbl>
          </a:graphicData>
        </a:graphic>
      </p:graphicFrame>
      <p:pic>
        <p:nvPicPr>
          <p:cNvPr id="11" name="object 11"/>
          <p:cNvPicPr/>
          <p:nvPr/>
        </p:nvPicPr>
        <p:blipFill>
          <a:blip r:embed="rId5" cstate="print"/>
          <a:stretch>
            <a:fillRect/>
          </a:stretch>
        </p:blipFill>
        <p:spPr>
          <a:xfrm>
            <a:off x="1025605" y="3453435"/>
            <a:ext cx="1421183" cy="482846"/>
          </a:xfrm>
          <a:prstGeom prst="rect">
            <a:avLst/>
          </a:prstGeom>
        </p:spPr>
      </p:pic>
      <p:sp>
        <p:nvSpPr>
          <p:cNvPr id="12" name="object 12"/>
          <p:cNvSpPr txBox="1"/>
          <p:nvPr/>
        </p:nvSpPr>
        <p:spPr>
          <a:xfrm>
            <a:off x="8581024" y="6085449"/>
            <a:ext cx="237831" cy="231342"/>
          </a:xfrm>
          <a:prstGeom prst="rect">
            <a:avLst/>
          </a:prstGeom>
        </p:spPr>
        <p:txBody>
          <a:bodyPr vert="horz" wrap="square" lIns="0" tIns="20634" rIns="0" bIns="0" rtlCol="0">
            <a:spAutoFit/>
          </a:bodyPr>
          <a:lstStyle/>
          <a:p>
            <a:pPr marL="10860">
              <a:spcBef>
                <a:spcPts val="162"/>
              </a:spcBef>
            </a:pPr>
            <a:r>
              <a:rPr sz="1368" spc="-21" dirty="0">
                <a:latin typeface="Meiryo UI"/>
                <a:cs typeface="Meiryo UI"/>
              </a:rPr>
              <a:t>16</a:t>
            </a:r>
            <a:endParaRPr sz="1368">
              <a:latin typeface="Meiryo UI"/>
              <a:cs typeface="Meiryo UI"/>
            </a:endParaRPr>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365590" y="495210"/>
            <a:ext cx="1440017" cy="288003"/>
          </a:xfrm>
          <a:prstGeom prst="rect">
            <a:avLst/>
          </a:prstGeom>
        </p:spPr>
      </p:pic>
      <p:pic>
        <p:nvPicPr>
          <p:cNvPr id="3" name="object 3"/>
          <p:cNvPicPr/>
          <p:nvPr/>
        </p:nvPicPr>
        <p:blipFill>
          <a:blip r:embed="rId3" cstate="print"/>
          <a:stretch>
            <a:fillRect/>
          </a:stretch>
        </p:blipFill>
        <p:spPr>
          <a:xfrm>
            <a:off x="1038636" y="3239713"/>
            <a:ext cx="1472597" cy="455338"/>
          </a:xfrm>
          <a:prstGeom prst="rect">
            <a:avLst/>
          </a:prstGeom>
        </p:spPr>
      </p:pic>
      <p:grpSp>
        <p:nvGrpSpPr>
          <p:cNvPr id="4" name="object 4"/>
          <p:cNvGrpSpPr/>
          <p:nvPr/>
        </p:nvGrpSpPr>
        <p:grpSpPr>
          <a:xfrm>
            <a:off x="1050366" y="4632816"/>
            <a:ext cx="1467710" cy="356202"/>
            <a:chOff x="1228344" y="5189220"/>
            <a:chExt cx="1716405" cy="416559"/>
          </a:xfrm>
        </p:grpSpPr>
        <p:pic>
          <p:nvPicPr>
            <p:cNvPr id="5" name="object 5"/>
            <p:cNvPicPr/>
            <p:nvPr/>
          </p:nvPicPr>
          <p:blipFill>
            <a:blip r:embed="rId4" cstate="print"/>
            <a:stretch>
              <a:fillRect/>
            </a:stretch>
          </p:blipFill>
          <p:spPr>
            <a:xfrm>
              <a:off x="1228344" y="5189220"/>
              <a:ext cx="1716024" cy="307848"/>
            </a:xfrm>
            <a:prstGeom prst="rect">
              <a:avLst/>
            </a:prstGeom>
          </p:spPr>
        </p:pic>
        <p:sp>
          <p:nvSpPr>
            <p:cNvPr id="6" name="object 6"/>
            <p:cNvSpPr/>
            <p:nvPr/>
          </p:nvSpPr>
          <p:spPr>
            <a:xfrm>
              <a:off x="1821180" y="5375148"/>
              <a:ext cx="553720" cy="230504"/>
            </a:xfrm>
            <a:custGeom>
              <a:avLst/>
              <a:gdLst/>
              <a:ahLst/>
              <a:cxnLst/>
              <a:rect l="l" t="t" r="r" b="b"/>
              <a:pathLst>
                <a:path w="553719" h="230504">
                  <a:moveTo>
                    <a:pt x="553212" y="0"/>
                  </a:moveTo>
                  <a:lnTo>
                    <a:pt x="0" y="0"/>
                  </a:lnTo>
                  <a:lnTo>
                    <a:pt x="0" y="230124"/>
                  </a:lnTo>
                  <a:lnTo>
                    <a:pt x="553212" y="230124"/>
                  </a:lnTo>
                  <a:lnTo>
                    <a:pt x="553212" y="0"/>
                  </a:lnTo>
                  <a:close/>
                </a:path>
              </a:pathLst>
            </a:custGeom>
            <a:solidFill>
              <a:srgbClr val="FFFFFF"/>
            </a:solidFill>
          </p:spPr>
          <p:txBody>
            <a:bodyPr wrap="square" lIns="0" tIns="0" rIns="0" bIns="0" rtlCol="0"/>
            <a:lstStyle/>
            <a:p>
              <a:endParaRPr sz="1749"/>
            </a:p>
          </p:txBody>
        </p:sp>
      </p:grpSp>
      <p:sp>
        <p:nvSpPr>
          <p:cNvPr id="7" name="object 7"/>
          <p:cNvSpPr txBox="1">
            <a:spLocks noGrp="1"/>
          </p:cNvSpPr>
          <p:nvPr>
            <p:ph type="title"/>
          </p:nvPr>
        </p:nvSpPr>
        <p:spPr>
          <a:xfrm>
            <a:off x="385307" y="526051"/>
            <a:ext cx="3540314" cy="236092"/>
          </a:xfrm>
          <a:prstGeom prst="rect">
            <a:avLst/>
          </a:prstGeom>
        </p:spPr>
        <p:txBody>
          <a:bodyPr vert="horz" wrap="square" lIns="0" tIns="10860" rIns="0" bIns="0" rtlCol="0">
            <a:spAutoFit/>
          </a:bodyPr>
          <a:lstStyle/>
          <a:p>
            <a:pPr marL="10860">
              <a:lnSpc>
                <a:spcPct val="100000"/>
              </a:lnSpc>
              <a:spcBef>
                <a:spcPts val="86"/>
              </a:spcBef>
              <a:tabLst>
                <a:tab pos="1726703" algn="l"/>
              </a:tabLst>
            </a:pPr>
            <a:r>
              <a:rPr dirty="0"/>
              <a:t>【</a:t>
            </a:r>
            <a:r>
              <a:rPr dirty="0">
                <a:solidFill>
                  <a:srgbClr val="E46B0A"/>
                </a:solidFill>
              </a:rPr>
              <a:t>自治体</a:t>
            </a:r>
            <a:r>
              <a:rPr spc="-9" dirty="0"/>
              <a:t>の</a:t>
            </a:r>
            <a:r>
              <a:rPr dirty="0"/>
              <a:t>束</a:t>
            </a:r>
            <a:r>
              <a:rPr spc="-43" dirty="0"/>
              <a:t>】</a:t>
            </a:r>
            <a:r>
              <a:rPr dirty="0"/>
              <a:t>	広域連携</a:t>
            </a:r>
            <a:r>
              <a:rPr spc="-9" dirty="0"/>
              <a:t>の</a:t>
            </a:r>
            <a:r>
              <a:rPr dirty="0"/>
              <a:t>手</a:t>
            </a:r>
            <a:r>
              <a:rPr spc="-43" dirty="0"/>
              <a:t>法</a:t>
            </a:r>
          </a:p>
        </p:txBody>
      </p:sp>
      <p:pic>
        <p:nvPicPr>
          <p:cNvPr id="8" name="object 8"/>
          <p:cNvPicPr/>
          <p:nvPr/>
        </p:nvPicPr>
        <p:blipFill>
          <a:blip r:embed="rId5" cstate="print"/>
          <a:stretch>
            <a:fillRect/>
          </a:stretch>
        </p:blipFill>
        <p:spPr>
          <a:xfrm>
            <a:off x="1171067" y="1807515"/>
            <a:ext cx="1193770" cy="774801"/>
          </a:xfrm>
          <a:prstGeom prst="rect">
            <a:avLst/>
          </a:prstGeom>
        </p:spPr>
      </p:pic>
      <p:sp>
        <p:nvSpPr>
          <p:cNvPr id="9" name="object 9"/>
          <p:cNvSpPr/>
          <p:nvPr/>
        </p:nvSpPr>
        <p:spPr>
          <a:xfrm>
            <a:off x="3966888" y="991722"/>
            <a:ext cx="4743586" cy="237288"/>
          </a:xfrm>
          <a:custGeom>
            <a:avLst/>
            <a:gdLst/>
            <a:ahLst/>
            <a:cxnLst/>
            <a:rect l="l" t="t" r="r" b="b"/>
            <a:pathLst>
              <a:path w="5547359" h="277494">
                <a:moveTo>
                  <a:pt x="0" y="0"/>
                </a:moveTo>
                <a:lnTo>
                  <a:pt x="5547360" y="0"/>
                </a:lnTo>
                <a:lnTo>
                  <a:pt x="5547360" y="277368"/>
                </a:lnTo>
                <a:lnTo>
                  <a:pt x="0" y="277368"/>
                </a:lnTo>
                <a:lnTo>
                  <a:pt x="0" y="0"/>
                </a:lnTo>
                <a:close/>
              </a:path>
            </a:pathLst>
          </a:custGeom>
          <a:ln w="9143">
            <a:solidFill>
              <a:srgbClr val="000000"/>
            </a:solidFill>
          </a:ln>
        </p:spPr>
        <p:txBody>
          <a:bodyPr wrap="square" lIns="0" tIns="0" rIns="0" bIns="0" rtlCol="0"/>
          <a:lstStyle/>
          <a:p>
            <a:endParaRPr sz="1749"/>
          </a:p>
        </p:txBody>
      </p:sp>
      <p:graphicFrame>
        <p:nvGraphicFramePr>
          <p:cNvPr id="10" name="object 10"/>
          <p:cNvGraphicFramePr>
            <a:graphicFrameLocks noGrp="1"/>
          </p:cNvGraphicFramePr>
          <p:nvPr>
            <p:extLst>
              <p:ext uri="{D42A27DB-BD31-4B8C-83A1-F6EECF244321}">
                <p14:modId xmlns:p14="http://schemas.microsoft.com/office/powerpoint/2010/main" val="4207541439"/>
              </p:ext>
            </p:extLst>
          </p:nvPr>
        </p:nvGraphicFramePr>
        <p:xfrm>
          <a:off x="162231" y="783214"/>
          <a:ext cx="8878529" cy="5579575"/>
        </p:xfrm>
        <a:graphic>
          <a:graphicData uri="http://schemas.openxmlformats.org/drawingml/2006/table">
            <a:tbl>
              <a:tblPr firstRow="1" bandRow="1">
                <a:tableStyleId>{2D5ABB26-0587-4C30-8999-92F81FD0307C}</a:tableStyleId>
              </a:tblPr>
              <a:tblGrid>
                <a:gridCol w="609838">
                  <a:extLst>
                    <a:ext uri="{9D8B030D-6E8A-4147-A177-3AD203B41FA5}">
                      <a16:colId xmlns:a16="http://schemas.microsoft.com/office/drawing/2014/main" val="20000"/>
                    </a:ext>
                  </a:extLst>
                </a:gridCol>
                <a:gridCol w="1706854">
                  <a:extLst>
                    <a:ext uri="{9D8B030D-6E8A-4147-A177-3AD203B41FA5}">
                      <a16:colId xmlns:a16="http://schemas.microsoft.com/office/drawing/2014/main" val="20001"/>
                    </a:ext>
                  </a:extLst>
                </a:gridCol>
                <a:gridCol w="328062">
                  <a:extLst>
                    <a:ext uri="{9D8B030D-6E8A-4147-A177-3AD203B41FA5}">
                      <a16:colId xmlns:a16="http://schemas.microsoft.com/office/drawing/2014/main" val="20002"/>
                    </a:ext>
                  </a:extLst>
                </a:gridCol>
                <a:gridCol w="722665">
                  <a:extLst>
                    <a:ext uri="{9D8B030D-6E8A-4147-A177-3AD203B41FA5}">
                      <a16:colId xmlns:a16="http://schemas.microsoft.com/office/drawing/2014/main" val="20003"/>
                    </a:ext>
                  </a:extLst>
                </a:gridCol>
                <a:gridCol w="2656905">
                  <a:extLst>
                    <a:ext uri="{9D8B030D-6E8A-4147-A177-3AD203B41FA5}">
                      <a16:colId xmlns:a16="http://schemas.microsoft.com/office/drawing/2014/main" val="20004"/>
                    </a:ext>
                  </a:extLst>
                </a:gridCol>
                <a:gridCol w="2854205">
                  <a:extLst>
                    <a:ext uri="{9D8B030D-6E8A-4147-A177-3AD203B41FA5}">
                      <a16:colId xmlns:a16="http://schemas.microsoft.com/office/drawing/2014/main" val="20005"/>
                    </a:ext>
                  </a:extLst>
                </a:gridCol>
              </a:tblGrid>
              <a:tr h="349489">
                <a:tc gridSpan="4">
                  <a:txBody>
                    <a:bodyPr/>
                    <a:lstStyle/>
                    <a:p>
                      <a:pPr marL="267970">
                        <a:lnSpc>
                          <a:spcPct val="100000"/>
                        </a:lnSpc>
                        <a:spcBef>
                          <a:spcPts val="70"/>
                        </a:spcBef>
                      </a:pPr>
                      <a:r>
                        <a:rPr sz="1500" b="1" spc="-5" dirty="0">
                          <a:solidFill>
                            <a:srgbClr val="FFFFFF"/>
                          </a:solidFill>
                          <a:latin typeface="Meiryo UI"/>
                          <a:cs typeface="Meiryo UI"/>
                        </a:rPr>
                        <a:t>地方自治法上の共同処理の手法</a:t>
                      </a:r>
                      <a:endParaRPr sz="1500">
                        <a:latin typeface="Meiryo UI"/>
                        <a:cs typeface="Meiryo UI"/>
                      </a:endParaRPr>
                    </a:p>
                  </a:txBody>
                  <a:tcPr marL="0" marR="0" marT="7602" marB="0">
                    <a:lnB w="12700">
                      <a:solidFill>
                        <a:srgbClr val="000000"/>
                      </a:solidFill>
                      <a:prstDash val="solid"/>
                    </a:lnB>
                    <a:solidFill>
                      <a:srgbClr val="366091"/>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gridSpan="2">
                  <a:txBody>
                    <a:bodyPr/>
                    <a:lstStyle/>
                    <a:p>
                      <a:pPr marL="537845">
                        <a:lnSpc>
                          <a:spcPct val="100000"/>
                        </a:lnSpc>
                        <a:spcBef>
                          <a:spcPts val="310"/>
                        </a:spcBef>
                      </a:pPr>
                      <a:r>
                        <a:rPr sz="1000" dirty="0">
                          <a:latin typeface="Meiryo UI"/>
                          <a:cs typeface="Meiryo UI"/>
                        </a:rPr>
                        <a:t>総務省「第</a:t>
                      </a:r>
                      <a:r>
                        <a:rPr sz="1000" spc="-20" dirty="0">
                          <a:latin typeface="Meiryo UI"/>
                          <a:cs typeface="Meiryo UI"/>
                        </a:rPr>
                        <a:t>33</a:t>
                      </a:r>
                      <a:r>
                        <a:rPr sz="1000" dirty="0">
                          <a:latin typeface="Meiryo UI"/>
                          <a:cs typeface="Meiryo UI"/>
                        </a:rPr>
                        <a:t>次地方制度調査会第</a:t>
                      </a:r>
                      <a:r>
                        <a:rPr sz="1000" spc="-20" dirty="0">
                          <a:latin typeface="Meiryo UI"/>
                          <a:cs typeface="Meiryo UI"/>
                        </a:rPr>
                        <a:t>14</a:t>
                      </a:r>
                      <a:r>
                        <a:rPr sz="1000" spc="-10" dirty="0">
                          <a:latin typeface="Meiryo UI"/>
                          <a:cs typeface="Meiryo UI"/>
                        </a:rPr>
                        <a:t>回専門小委員会」の資料を参考に国交省作成</a:t>
                      </a:r>
                      <a:endParaRPr sz="1000" dirty="0">
                        <a:latin typeface="Meiryo UI"/>
                        <a:cs typeface="Meiryo UI"/>
                      </a:endParaRPr>
                    </a:p>
                  </a:txBody>
                  <a:tcPr marL="0" marR="0" marT="33666" marB="0">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0"/>
                  </a:ext>
                </a:extLst>
              </a:tr>
              <a:tr h="514921">
                <a:tc gridSpan="2">
                  <a:txBody>
                    <a:bodyPr/>
                    <a:lstStyle/>
                    <a:p>
                      <a:pPr>
                        <a:lnSpc>
                          <a:spcPct val="100000"/>
                        </a:lnSpc>
                        <a:spcBef>
                          <a:spcPts val="250"/>
                        </a:spcBef>
                      </a:pPr>
                      <a:endParaRPr sz="1000">
                        <a:latin typeface="Times New Roman"/>
                        <a:cs typeface="Times New Roman"/>
                      </a:endParaRPr>
                    </a:p>
                    <a:p>
                      <a:pPr marL="752475">
                        <a:lnSpc>
                          <a:spcPct val="100000"/>
                        </a:lnSpc>
                      </a:pPr>
                      <a:r>
                        <a:rPr sz="1000" spc="-10" dirty="0">
                          <a:latin typeface="Meiryo UI"/>
                          <a:cs typeface="Meiryo UI"/>
                        </a:rPr>
                        <a:t>共同処理の手法</a:t>
                      </a:r>
                      <a:endParaRPr sz="1000">
                        <a:latin typeface="Meiryo UI"/>
                        <a:cs typeface="Meiryo UI"/>
                      </a:endParaRPr>
                    </a:p>
                  </a:txBody>
                  <a:tcPr marL="0" marR="0" marT="2715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hMerge="1">
                  <a:txBody>
                    <a:bodyPr/>
                    <a:lstStyle/>
                    <a:p>
                      <a:endParaRPr/>
                    </a:p>
                  </a:txBody>
                  <a:tcPr marL="0" marR="0" marT="0" marB="0"/>
                </a:tc>
                <a:tc>
                  <a:txBody>
                    <a:bodyPr/>
                    <a:lstStyle/>
                    <a:p>
                      <a:pPr marL="103505" marR="95885" algn="just">
                        <a:lnSpc>
                          <a:spcPct val="100000"/>
                        </a:lnSpc>
                        <a:spcBef>
                          <a:spcPts val="190"/>
                        </a:spcBef>
                      </a:pPr>
                      <a:r>
                        <a:rPr sz="1000" spc="-50" dirty="0">
                          <a:latin typeface="Meiryo UI"/>
                          <a:cs typeface="Meiryo UI"/>
                        </a:rPr>
                        <a:t>法人格</a:t>
                      </a:r>
                      <a:endParaRPr sz="1000">
                        <a:latin typeface="Meiryo UI"/>
                        <a:cs typeface="Meiryo UI"/>
                      </a:endParaRPr>
                    </a:p>
                  </a:txBody>
                  <a:tcPr marL="0" marR="0" marT="2063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spcBef>
                          <a:spcPts val="250"/>
                        </a:spcBef>
                      </a:pPr>
                      <a:endParaRPr sz="1000">
                        <a:latin typeface="Times New Roman"/>
                        <a:cs typeface="Times New Roman"/>
                      </a:endParaRPr>
                    </a:p>
                    <a:p>
                      <a:pPr marL="92710">
                        <a:lnSpc>
                          <a:spcPct val="100000"/>
                        </a:lnSpc>
                      </a:pPr>
                      <a:r>
                        <a:rPr sz="1000" spc="-15" dirty="0">
                          <a:latin typeface="Meiryo UI"/>
                          <a:cs typeface="Meiryo UI"/>
                        </a:rPr>
                        <a:t>管理権限</a:t>
                      </a:r>
                      <a:endParaRPr sz="1000">
                        <a:latin typeface="Meiryo UI"/>
                        <a:cs typeface="Meiryo UI"/>
                      </a:endParaRPr>
                    </a:p>
                  </a:txBody>
                  <a:tcPr marL="0" marR="0" marT="2715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spcBef>
                          <a:spcPts val="250"/>
                        </a:spcBef>
                      </a:pPr>
                      <a:endParaRPr sz="1000">
                        <a:latin typeface="Times New Roman"/>
                        <a:cs typeface="Times New Roman"/>
                      </a:endParaRPr>
                    </a:p>
                    <a:p>
                      <a:pPr marL="1270" algn="ctr">
                        <a:lnSpc>
                          <a:spcPct val="100000"/>
                        </a:lnSpc>
                      </a:pPr>
                      <a:r>
                        <a:rPr sz="1000" spc="-25" dirty="0">
                          <a:latin typeface="Meiryo UI"/>
                          <a:cs typeface="Meiryo UI"/>
                        </a:rPr>
                        <a:t>特徴</a:t>
                      </a:r>
                      <a:endParaRPr sz="1000">
                        <a:latin typeface="Meiryo UI"/>
                        <a:cs typeface="Meiryo UI"/>
                      </a:endParaRPr>
                    </a:p>
                  </a:txBody>
                  <a:tcPr marL="0" marR="0" marT="2715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marL="802640">
                        <a:lnSpc>
                          <a:spcPct val="100000"/>
                        </a:lnSpc>
                        <a:spcBef>
                          <a:spcPts val="910"/>
                        </a:spcBef>
                      </a:pPr>
                      <a:r>
                        <a:rPr sz="1000" spc="-10" dirty="0">
                          <a:latin typeface="Meiryo UI"/>
                          <a:cs typeface="Meiryo UI"/>
                        </a:rPr>
                        <a:t>群マネへの適用の留意点</a:t>
                      </a:r>
                      <a:endParaRPr sz="1000">
                        <a:latin typeface="Meiryo UI"/>
                        <a:cs typeface="Meiryo UI"/>
                      </a:endParaRPr>
                    </a:p>
                    <a:p>
                      <a:pPr marL="610870">
                        <a:lnSpc>
                          <a:spcPct val="100000"/>
                        </a:lnSpc>
                        <a:spcBef>
                          <a:spcPts val="350"/>
                        </a:spcBef>
                        <a:tabLst>
                          <a:tab pos="1662430" algn="l"/>
                        </a:tabLst>
                      </a:pPr>
                      <a:r>
                        <a:rPr sz="1000" dirty="0">
                          <a:latin typeface="Meiryo UI"/>
                          <a:cs typeface="Meiryo UI"/>
                        </a:rPr>
                        <a:t>（</a:t>
                      </a:r>
                      <a:r>
                        <a:rPr sz="1000" spc="-10" dirty="0">
                          <a:latin typeface="Meiryo UI"/>
                          <a:cs typeface="Meiryo UI"/>
                        </a:rPr>
                        <a:t>メ</a:t>
                      </a:r>
                      <a:r>
                        <a:rPr sz="1000" dirty="0">
                          <a:latin typeface="Meiryo UI"/>
                          <a:cs typeface="Meiryo UI"/>
                        </a:rPr>
                        <a:t>リ</a:t>
                      </a:r>
                      <a:r>
                        <a:rPr sz="1000" spc="-10" dirty="0">
                          <a:latin typeface="Meiryo UI"/>
                          <a:cs typeface="Meiryo UI"/>
                        </a:rPr>
                        <a:t>ット</a:t>
                      </a:r>
                      <a:r>
                        <a:rPr sz="1000" spc="-35" dirty="0">
                          <a:latin typeface="Meiryo UI"/>
                          <a:cs typeface="Meiryo UI"/>
                        </a:rPr>
                        <a:t>：○</a:t>
                      </a:r>
                      <a:r>
                        <a:rPr sz="1000" dirty="0">
                          <a:latin typeface="Meiryo UI"/>
                          <a:cs typeface="Meiryo UI"/>
                        </a:rPr>
                        <a:t>	デ</a:t>
                      </a:r>
                      <a:r>
                        <a:rPr sz="1000" spc="-10" dirty="0">
                          <a:latin typeface="Meiryo UI"/>
                          <a:cs typeface="Meiryo UI"/>
                        </a:rPr>
                        <a:t>メ</a:t>
                      </a:r>
                      <a:r>
                        <a:rPr sz="1000" dirty="0">
                          <a:latin typeface="Meiryo UI"/>
                          <a:cs typeface="Meiryo UI"/>
                        </a:rPr>
                        <a:t>リ</a:t>
                      </a:r>
                      <a:r>
                        <a:rPr sz="1000" spc="-10" dirty="0">
                          <a:latin typeface="Meiryo UI"/>
                          <a:cs typeface="Meiryo UI"/>
                        </a:rPr>
                        <a:t>ット</a:t>
                      </a:r>
                      <a:r>
                        <a:rPr sz="1000" spc="-25" dirty="0">
                          <a:latin typeface="Meiryo UI"/>
                          <a:cs typeface="Meiryo UI"/>
                        </a:rPr>
                        <a:t>：●）</a:t>
                      </a:r>
                      <a:endParaRPr sz="1000">
                        <a:latin typeface="Meiryo UI"/>
                        <a:cs typeface="Meiryo UI"/>
                      </a:endParaRPr>
                    </a:p>
                  </a:txBody>
                  <a:tcPr marL="0" marR="0" marT="9882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extLst>
                  <a:ext uri="{0D108BD9-81ED-4DB2-BD59-A6C34878D82A}">
                    <a16:rowId xmlns:a16="http://schemas.microsoft.com/office/drawing/2014/main" val="10001"/>
                  </a:ext>
                </a:extLst>
              </a:tr>
              <a:tr h="1546098">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660"/>
                        </a:spcBef>
                      </a:pPr>
                      <a:endParaRPr sz="1000">
                        <a:latin typeface="Times New Roman"/>
                        <a:cs typeface="Times New Roman"/>
                      </a:endParaRPr>
                    </a:p>
                    <a:p>
                      <a:pPr marL="29845" marR="20955" indent="13335">
                        <a:lnSpc>
                          <a:spcPct val="100000"/>
                        </a:lnSpc>
                      </a:pPr>
                      <a:r>
                        <a:rPr sz="1000" spc="-15" dirty="0">
                          <a:latin typeface="Meiryo UI"/>
                          <a:cs typeface="Meiryo UI"/>
                        </a:rPr>
                        <a:t>機関等の共同設置</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spcBef>
                          <a:spcPts val="570"/>
                        </a:spcBef>
                      </a:pPr>
                      <a:endParaRPr sz="700" dirty="0">
                        <a:latin typeface="Times New Roman"/>
                        <a:cs typeface="Times New Roman"/>
                      </a:endParaRPr>
                    </a:p>
                    <a:p>
                      <a:pPr marL="874394">
                        <a:lnSpc>
                          <a:spcPct val="100000"/>
                        </a:lnSpc>
                      </a:pPr>
                      <a:r>
                        <a:rPr sz="700" spc="-10" dirty="0">
                          <a:latin typeface="HGSｺﾞｼｯｸM"/>
                          <a:cs typeface="HGSｺﾞｼｯｸM"/>
                        </a:rPr>
                        <a:t>(機関を設置する)</a:t>
                      </a:r>
                      <a:endParaRPr sz="700" dirty="0">
                        <a:latin typeface="HGSｺﾞｼｯｸM"/>
                        <a:cs typeface="HGSｺﾞｼｯｸM"/>
                      </a:endParaRPr>
                    </a:p>
                    <a:p>
                      <a:pPr>
                        <a:lnSpc>
                          <a:spcPct val="100000"/>
                        </a:lnSpc>
                      </a:pPr>
                      <a:endParaRPr sz="700" dirty="0">
                        <a:latin typeface="Times New Roman"/>
                        <a:cs typeface="Times New Roman"/>
                      </a:endParaRPr>
                    </a:p>
                    <a:p>
                      <a:pPr>
                        <a:lnSpc>
                          <a:spcPct val="100000"/>
                        </a:lnSpc>
                      </a:pPr>
                      <a:endParaRPr sz="700" dirty="0">
                        <a:latin typeface="Times New Roman"/>
                        <a:cs typeface="Times New Roman"/>
                      </a:endParaRPr>
                    </a:p>
                    <a:p>
                      <a:pPr>
                        <a:lnSpc>
                          <a:spcPct val="100000"/>
                        </a:lnSpc>
                      </a:pPr>
                      <a:endParaRPr sz="700" dirty="0">
                        <a:latin typeface="Times New Roman"/>
                        <a:cs typeface="Times New Roman"/>
                      </a:endParaRPr>
                    </a:p>
                    <a:p>
                      <a:pPr>
                        <a:lnSpc>
                          <a:spcPct val="100000"/>
                        </a:lnSpc>
                      </a:pPr>
                      <a:endParaRPr sz="700" dirty="0">
                        <a:latin typeface="Times New Roman"/>
                        <a:cs typeface="Times New Roman"/>
                      </a:endParaRPr>
                    </a:p>
                    <a:p>
                      <a:pPr>
                        <a:lnSpc>
                          <a:spcPct val="100000"/>
                        </a:lnSpc>
                        <a:spcBef>
                          <a:spcPts val="290"/>
                        </a:spcBef>
                      </a:pPr>
                      <a:endParaRPr sz="700" dirty="0">
                        <a:latin typeface="Times New Roman"/>
                        <a:cs typeface="Times New Roman"/>
                      </a:endParaRPr>
                    </a:p>
                    <a:p>
                      <a:pPr marL="170180" marR="126364" algn="just">
                        <a:lnSpc>
                          <a:spcPct val="99700"/>
                        </a:lnSpc>
                        <a:spcBef>
                          <a:spcPts val="5"/>
                        </a:spcBef>
                      </a:pPr>
                      <a:r>
                        <a:rPr sz="900" spc="-20" dirty="0" err="1">
                          <a:latin typeface="Meiryo UI"/>
                          <a:cs typeface="Meiryo UI"/>
                        </a:rPr>
                        <a:t>地方公共団体の委員会または</a:t>
                      </a:r>
                      <a:r>
                        <a:rPr sz="900" spc="-25" dirty="0" err="1">
                          <a:latin typeface="Meiryo UI"/>
                          <a:cs typeface="Meiryo UI"/>
                        </a:rPr>
                        <a:t>委員、行政機関、長の内部組</a:t>
                      </a:r>
                      <a:r>
                        <a:rPr sz="900" spc="-15" dirty="0" err="1">
                          <a:latin typeface="Meiryo UI"/>
                          <a:cs typeface="Meiryo UI"/>
                        </a:rPr>
                        <a:t>織等を複数の地方公共団体で</a:t>
                      </a:r>
                      <a:r>
                        <a:rPr sz="900" spc="-25" dirty="0" err="1">
                          <a:latin typeface="Meiryo UI"/>
                          <a:cs typeface="Meiryo UI"/>
                        </a:rPr>
                        <a:t>共同設置する制度</a:t>
                      </a:r>
                      <a:endParaRPr lang="en-US" sz="900" spc="-25" dirty="0">
                        <a:latin typeface="Meiryo UI"/>
                        <a:cs typeface="Meiryo UI"/>
                      </a:endParaRPr>
                    </a:p>
                    <a:p>
                      <a:pPr marL="170180" marR="126364" algn="just">
                        <a:lnSpc>
                          <a:spcPct val="99700"/>
                        </a:lnSpc>
                        <a:spcBef>
                          <a:spcPts val="5"/>
                        </a:spcBef>
                      </a:pPr>
                      <a:endParaRPr sz="900" dirty="0">
                        <a:latin typeface="Meiryo UI"/>
                        <a:cs typeface="Meiryo UI"/>
                      </a:endParaRPr>
                    </a:p>
                  </a:txBody>
                  <a:tcPr marL="0" marR="0" marT="61901"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gn="ctr">
                        <a:lnSpc>
                          <a:spcPct val="100000"/>
                        </a:lnSpc>
                      </a:pPr>
                      <a:r>
                        <a:rPr sz="1000" spc="-25" dirty="0">
                          <a:latin typeface="Meiryo UI"/>
                          <a:cs typeface="Meiryo UI"/>
                        </a:rPr>
                        <a:t>な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dirty="0">
                        <a:latin typeface="Times New Roman"/>
                        <a:cs typeface="Times New Roman"/>
                      </a:endParaRPr>
                    </a:p>
                    <a:p>
                      <a:pPr>
                        <a:lnSpc>
                          <a:spcPct val="100000"/>
                        </a:lnSpc>
                      </a:pPr>
                      <a:endParaRPr sz="1000" dirty="0">
                        <a:latin typeface="Times New Roman"/>
                        <a:cs typeface="Times New Roman"/>
                      </a:endParaRPr>
                    </a:p>
                    <a:p>
                      <a:pPr>
                        <a:lnSpc>
                          <a:spcPct val="100000"/>
                        </a:lnSpc>
                        <a:spcBef>
                          <a:spcPts val="660"/>
                        </a:spcBef>
                      </a:pPr>
                      <a:endParaRPr sz="1000" dirty="0">
                        <a:latin typeface="Times New Roman"/>
                        <a:cs typeface="Times New Roman"/>
                      </a:endParaRPr>
                    </a:p>
                    <a:p>
                      <a:pPr marL="36195" marR="120650">
                        <a:lnSpc>
                          <a:spcPct val="100000"/>
                        </a:lnSpc>
                      </a:pPr>
                      <a:r>
                        <a:rPr sz="1000" spc="-20" dirty="0">
                          <a:latin typeface="Meiryo UI"/>
                          <a:cs typeface="Meiryo UI"/>
                        </a:rPr>
                        <a:t>それぞれに</a:t>
                      </a:r>
                      <a:r>
                        <a:rPr sz="1000" spc="-25" dirty="0">
                          <a:latin typeface="Meiryo UI"/>
                          <a:cs typeface="Meiryo UI"/>
                        </a:rPr>
                        <a:t>残る</a:t>
                      </a:r>
                      <a:endParaRPr sz="1000" dirty="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17804" indent="-181610">
                        <a:lnSpc>
                          <a:spcPct val="100000"/>
                        </a:lnSpc>
                        <a:spcBef>
                          <a:spcPts val="720"/>
                        </a:spcBef>
                        <a:buFont typeface="Arial"/>
                        <a:buChar char="•"/>
                        <a:tabLst>
                          <a:tab pos="217804" algn="l"/>
                        </a:tabLst>
                      </a:pPr>
                      <a:r>
                        <a:rPr sz="1000" spc="-10" dirty="0">
                          <a:latin typeface="Meiryo UI"/>
                          <a:cs typeface="Meiryo UI"/>
                        </a:rPr>
                        <a:t>法人設立が不要</a:t>
                      </a:r>
                      <a:endParaRPr sz="1000">
                        <a:latin typeface="Meiryo UI"/>
                        <a:cs typeface="Meiryo UI"/>
                      </a:endParaRPr>
                    </a:p>
                    <a:p>
                      <a:pPr marL="217804" indent="-181610">
                        <a:lnSpc>
                          <a:spcPct val="100000"/>
                        </a:lnSpc>
                        <a:spcBef>
                          <a:spcPts val="600"/>
                        </a:spcBef>
                        <a:buFont typeface="Arial"/>
                        <a:buChar char="•"/>
                        <a:tabLst>
                          <a:tab pos="217804" algn="l"/>
                        </a:tabLst>
                      </a:pPr>
                      <a:r>
                        <a:rPr sz="1000" spc="-5" dirty="0">
                          <a:latin typeface="Meiryo UI"/>
                          <a:cs typeface="Meiryo UI"/>
                        </a:rPr>
                        <a:t>管理執行の効果が構成団体に帰属</a:t>
                      </a:r>
                      <a:endParaRPr sz="100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設置にあたり議決が必要</a:t>
                      </a:r>
                      <a:endParaRPr sz="1000">
                        <a:latin typeface="Meiryo UI"/>
                        <a:cs typeface="Meiryo UI"/>
                      </a:endParaRPr>
                    </a:p>
                    <a:p>
                      <a:pPr marL="217804" marR="24765" indent="-181610">
                        <a:lnSpc>
                          <a:spcPct val="100000"/>
                        </a:lnSpc>
                        <a:spcBef>
                          <a:spcPts val="600"/>
                        </a:spcBef>
                        <a:buFont typeface="Arial"/>
                        <a:buChar char="•"/>
                        <a:tabLst>
                          <a:tab pos="217804" algn="l"/>
                        </a:tabLst>
                      </a:pPr>
                      <a:r>
                        <a:rPr sz="1000" spc="-20" dirty="0">
                          <a:latin typeface="Meiryo UI"/>
                          <a:cs typeface="Meiryo UI"/>
                        </a:rPr>
                        <a:t>構成団体における共通の機関等となるため、</a:t>
                      </a:r>
                      <a:r>
                        <a:rPr sz="1000" spc="-15" dirty="0">
                          <a:latin typeface="Meiryo UI"/>
                          <a:cs typeface="Meiryo UI"/>
                        </a:rPr>
                        <a:t>それぞれの議会への対応が必要</a:t>
                      </a:r>
                      <a:endParaRPr sz="100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指揮命令系統が不明確になる可能性</a:t>
                      </a:r>
                      <a:endParaRPr sz="1000">
                        <a:latin typeface="Meiryo UI"/>
                        <a:cs typeface="Meiryo UI"/>
                      </a:endParaRPr>
                    </a:p>
                  </a:txBody>
                  <a:tcPr marL="0" marR="0" marT="78191"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spcBef>
                          <a:spcPts val="300"/>
                        </a:spcBef>
                      </a:pPr>
                      <a:endParaRPr sz="1000">
                        <a:latin typeface="Times New Roman"/>
                        <a:cs typeface="Times New Roman"/>
                      </a:endParaRPr>
                    </a:p>
                    <a:p>
                      <a:pPr marL="188595" indent="-152400">
                        <a:lnSpc>
                          <a:spcPct val="100000"/>
                        </a:lnSpc>
                        <a:buSzPct val="91666"/>
                        <a:buChar char="○"/>
                        <a:tabLst>
                          <a:tab pos="188595" algn="l"/>
                        </a:tabLst>
                      </a:pPr>
                      <a:r>
                        <a:rPr sz="1000" spc="-10" dirty="0">
                          <a:latin typeface="Meiryo UI"/>
                          <a:cs typeface="Meiryo UI"/>
                        </a:rPr>
                        <a:t>業務の一部の効率化を行う上で有効</a:t>
                      </a:r>
                      <a:endParaRPr sz="1000">
                        <a:latin typeface="Meiryo UI"/>
                        <a:cs typeface="Meiryo UI"/>
                      </a:endParaRPr>
                    </a:p>
                    <a:p>
                      <a:pPr marL="188595" marR="93980" indent="-152400">
                        <a:lnSpc>
                          <a:spcPct val="100000"/>
                        </a:lnSpc>
                        <a:spcBef>
                          <a:spcPts val="600"/>
                        </a:spcBef>
                        <a:buSzPct val="91666"/>
                        <a:buChar char="●"/>
                        <a:tabLst>
                          <a:tab pos="213360" algn="l"/>
                        </a:tabLst>
                      </a:pPr>
                      <a:r>
                        <a:rPr sz="1000" spc="-15" dirty="0">
                          <a:latin typeface="Meiryo UI"/>
                          <a:cs typeface="Meiryo UI"/>
                        </a:rPr>
                        <a:t>管理権限等が構成団体に残るため、構成団体	に技術力が必要であり、技術力の育成方策を	別途検討する必要</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r h="1274812">
                <a:tc>
                  <a:txBody>
                    <a:bodyPr/>
                    <a:lstStyle/>
                    <a:p>
                      <a:pPr>
                        <a:lnSpc>
                          <a:spcPct val="100000"/>
                        </a:lnSpc>
                      </a:pPr>
                      <a:endParaRPr sz="1000">
                        <a:latin typeface="Times New Roman"/>
                        <a:cs typeface="Times New Roman"/>
                      </a:endParaRPr>
                    </a:p>
                    <a:p>
                      <a:pPr>
                        <a:lnSpc>
                          <a:spcPct val="100000"/>
                        </a:lnSpc>
                        <a:spcBef>
                          <a:spcPts val="1305"/>
                        </a:spcBef>
                      </a:pPr>
                      <a:endParaRPr sz="1000">
                        <a:latin typeface="Times New Roman"/>
                        <a:cs typeface="Times New Roman"/>
                      </a:endParaRPr>
                    </a:p>
                    <a:p>
                      <a:pPr marL="184150" marR="109855" indent="-62865">
                        <a:lnSpc>
                          <a:spcPct val="100000"/>
                        </a:lnSpc>
                      </a:pPr>
                      <a:r>
                        <a:rPr sz="1000" spc="-20" dirty="0">
                          <a:latin typeface="Meiryo UI"/>
                          <a:cs typeface="Meiryo UI"/>
                        </a:rPr>
                        <a:t>事務の</a:t>
                      </a:r>
                      <a:r>
                        <a:rPr sz="1000" spc="-25" dirty="0">
                          <a:latin typeface="Meiryo UI"/>
                          <a:cs typeface="Meiryo UI"/>
                        </a:rPr>
                        <a:t>委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80"/>
                        </a:spcBef>
                      </a:pPr>
                      <a:endParaRPr sz="900">
                        <a:latin typeface="Times New Roman"/>
                        <a:cs typeface="Times New Roman"/>
                      </a:endParaRPr>
                    </a:p>
                    <a:p>
                      <a:pPr marL="142875" marR="150495" algn="just">
                        <a:lnSpc>
                          <a:spcPct val="99500"/>
                        </a:lnSpc>
                        <a:spcBef>
                          <a:spcPts val="5"/>
                        </a:spcBef>
                      </a:pPr>
                      <a:r>
                        <a:rPr sz="900" spc="-15" dirty="0">
                          <a:latin typeface="Meiryo UI"/>
                          <a:cs typeface="Meiryo UI"/>
                        </a:rPr>
                        <a:t>地方公共団体の事務の一部に</a:t>
                      </a:r>
                      <a:r>
                        <a:rPr sz="900" spc="-20" dirty="0">
                          <a:latin typeface="Meiryo UI"/>
                          <a:cs typeface="Meiryo UI"/>
                        </a:rPr>
                        <a:t>ついての管理・執行を他の地方</a:t>
                      </a:r>
                      <a:r>
                        <a:rPr sz="900" spc="-25" dirty="0">
                          <a:latin typeface="Meiryo UI"/>
                          <a:cs typeface="Meiryo UI"/>
                        </a:rPr>
                        <a:t>公共団体に委ねる制度</a:t>
                      </a:r>
                      <a:endParaRPr sz="9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645"/>
                        </a:spcBef>
                      </a:pPr>
                      <a:endParaRPr sz="1000">
                        <a:latin typeface="Times New Roman"/>
                        <a:cs typeface="Times New Roman"/>
                      </a:endParaRPr>
                    </a:p>
                    <a:p>
                      <a:pPr algn="ctr">
                        <a:lnSpc>
                          <a:spcPct val="100000"/>
                        </a:lnSpc>
                      </a:pPr>
                      <a:r>
                        <a:rPr sz="1000" spc="-25" dirty="0">
                          <a:latin typeface="Meiryo UI"/>
                          <a:cs typeface="Meiryo UI"/>
                        </a:rPr>
                        <a:t>な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525"/>
                        </a:spcBef>
                      </a:pPr>
                      <a:endParaRPr sz="1000">
                        <a:latin typeface="Times New Roman"/>
                        <a:cs typeface="Times New Roman"/>
                      </a:endParaRPr>
                    </a:p>
                    <a:p>
                      <a:pPr marL="36195" marR="85090">
                        <a:lnSpc>
                          <a:spcPct val="100000"/>
                        </a:lnSpc>
                      </a:pPr>
                      <a:r>
                        <a:rPr sz="1000" spc="-10" dirty="0">
                          <a:latin typeface="Meiryo UI"/>
                          <a:cs typeface="Meiryo UI"/>
                        </a:rPr>
                        <a:t>委託側(</a:t>
                      </a:r>
                      <a:r>
                        <a:rPr sz="1000" spc="-25" dirty="0">
                          <a:latin typeface="Meiryo UI"/>
                          <a:cs typeface="Meiryo UI"/>
                        </a:rPr>
                        <a:t>B</a:t>
                      </a:r>
                      <a:r>
                        <a:rPr sz="1000" spc="-10" dirty="0">
                          <a:latin typeface="Meiryo UI"/>
                          <a:cs typeface="Meiryo UI"/>
                        </a:rPr>
                        <a:t>市)の権限</a:t>
                      </a:r>
                      <a:r>
                        <a:rPr sz="1000" spc="-15" dirty="0">
                          <a:latin typeface="Meiryo UI"/>
                          <a:cs typeface="Meiryo UI"/>
                        </a:rPr>
                        <a:t>は受託側</a:t>
                      </a:r>
                      <a:r>
                        <a:rPr sz="1000" spc="-50" dirty="0">
                          <a:latin typeface="Meiryo UI"/>
                          <a:cs typeface="Meiryo UI"/>
                        </a:rPr>
                        <a:t> </a:t>
                      </a:r>
                      <a:r>
                        <a:rPr sz="1000" dirty="0">
                          <a:latin typeface="Meiryo UI"/>
                          <a:cs typeface="Meiryo UI"/>
                        </a:rPr>
                        <a:t>(A</a:t>
                      </a:r>
                      <a:r>
                        <a:rPr sz="1000" spc="-15" dirty="0">
                          <a:latin typeface="Meiryo UI"/>
                          <a:cs typeface="Meiryo UI"/>
                        </a:rPr>
                        <a:t>市)に引</a:t>
                      </a:r>
                      <a:r>
                        <a:rPr sz="1000" spc="-20" dirty="0">
                          <a:latin typeface="Meiryo UI"/>
                          <a:cs typeface="Meiryo UI"/>
                        </a:rPr>
                        <a:t>き継ぐ</a:t>
                      </a:r>
                      <a:endParaRPr sz="1000">
                        <a:latin typeface="Meiryo UI"/>
                        <a:cs typeface="Meiryo UI"/>
                      </a:endParaRPr>
                    </a:p>
                  </a:txBody>
                  <a:tcPr marL="0" marR="0" marT="5701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17804" indent="-181610">
                        <a:lnSpc>
                          <a:spcPts val="1430"/>
                        </a:lnSpc>
                        <a:buFont typeface="Arial"/>
                        <a:buChar char="•"/>
                        <a:tabLst>
                          <a:tab pos="217804" algn="l"/>
                        </a:tabLst>
                      </a:pPr>
                      <a:r>
                        <a:rPr sz="1000" spc="-10" dirty="0">
                          <a:latin typeface="Meiryo UI"/>
                          <a:cs typeface="Meiryo UI"/>
                        </a:rPr>
                        <a:t>法人設立が不要</a:t>
                      </a:r>
                      <a:endParaRPr sz="1000">
                        <a:latin typeface="Meiryo UI"/>
                        <a:cs typeface="Meiryo UI"/>
                      </a:endParaRPr>
                    </a:p>
                    <a:p>
                      <a:pPr marL="217804" marR="94615" indent="-181610">
                        <a:lnSpc>
                          <a:spcPct val="100000"/>
                        </a:lnSpc>
                        <a:spcBef>
                          <a:spcPts val="600"/>
                        </a:spcBef>
                        <a:buFont typeface="Arial"/>
                        <a:buChar char="•"/>
                        <a:tabLst>
                          <a:tab pos="217804" algn="l"/>
                        </a:tabLst>
                      </a:pPr>
                      <a:r>
                        <a:rPr sz="1000" spc="-20" dirty="0">
                          <a:latin typeface="Meiryo UI"/>
                          <a:cs typeface="Meiryo UI"/>
                        </a:rPr>
                        <a:t>権限が受託側に一元化されるため、責任の</a:t>
                      </a:r>
                      <a:r>
                        <a:rPr sz="1000" spc="-10" dirty="0">
                          <a:latin typeface="Meiryo UI"/>
                          <a:cs typeface="Meiryo UI"/>
                        </a:rPr>
                        <a:t>所在が明確</a:t>
                      </a:r>
                      <a:endParaRPr sz="1000">
                        <a:latin typeface="Meiryo UI"/>
                        <a:cs typeface="Meiryo UI"/>
                      </a:endParaRPr>
                    </a:p>
                    <a:p>
                      <a:pPr marL="217804" indent="-181610">
                        <a:lnSpc>
                          <a:spcPct val="100000"/>
                        </a:lnSpc>
                        <a:spcBef>
                          <a:spcPts val="600"/>
                        </a:spcBef>
                        <a:buFont typeface="Arial"/>
                        <a:buChar char="•"/>
                        <a:tabLst>
                          <a:tab pos="217804" algn="l"/>
                        </a:tabLst>
                      </a:pPr>
                      <a:r>
                        <a:rPr sz="1000" spc="-5" dirty="0">
                          <a:latin typeface="Meiryo UI"/>
                          <a:cs typeface="Meiryo UI"/>
                        </a:rPr>
                        <a:t>事務処理の効率性が高い</a:t>
                      </a:r>
                      <a:endParaRPr sz="100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実施にあたり議決が必要</a:t>
                      </a:r>
                      <a:endParaRPr sz="1000">
                        <a:latin typeface="Meiryo UI"/>
                        <a:cs typeface="Meiryo UI"/>
                      </a:endParaRPr>
                    </a:p>
                    <a:p>
                      <a:pPr marL="217804" indent="-181610">
                        <a:lnSpc>
                          <a:spcPts val="1350"/>
                        </a:lnSpc>
                        <a:spcBef>
                          <a:spcPts val="600"/>
                        </a:spcBef>
                        <a:buFont typeface="Arial"/>
                        <a:buChar char="•"/>
                        <a:tabLst>
                          <a:tab pos="217804" algn="l"/>
                        </a:tabLst>
                      </a:pPr>
                      <a:r>
                        <a:rPr sz="1000" spc="-15" dirty="0">
                          <a:latin typeface="Meiryo UI"/>
                          <a:cs typeface="Meiryo UI"/>
                        </a:rPr>
                        <a:t>委託側は権限を行使できなくなる</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225"/>
                        </a:spcBef>
                      </a:pPr>
                      <a:endParaRPr sz="1000">
                        <a:latin typeface="Times New Roman"/>
                        <a:cs typeface="Times New Roman"/>
                      </a:endParaRPr>
                    </a:p>
                    <a:p>
                      <a:pPr marL="188595" marR="48260" indent="-152400">
                        <a:lnSpc>
                          <a:spcPct val="100000"/>
                        </a:lnSpc>
                        <a:buSzPct val="91666"/>
                        <a:buChar char="○"/>
                        <a:tabLst>
                          <a:tab pos="213360" algn="l"/>
                        </a:tabLst>
                      </a:pPr>
                      <a:r>
                        <a:rPr sz="1000" dirty="0">
                          <a:latin typeface="Meiryo UI"/>
                          <a:cs typeface="Meiryo UI"/>
                        </a:rPr>
                        <a:t>一体的に受託側(A</a:t>
                      </a:r>
                      <a:r>
                        <a:rPr sz="1000" spc="-15" dirty="0">
                          <a:latin typeface="Meiryo UI"/>
                          <a:cs typeface="Meiryo UI"/>
                        </a:rPr>
                        <a:t>市)が権限を有し管理するこ	</a:t>
                      </a:r>
                      <a:r>
                        <a:rPr sz="1000" spc="-5" dirty="0">
                          <a:latin typeface="Meiryo UI"/>
                          <a:cs typeface="Meiryo UI"/>
                        </a:rPr>
                        <a:t>とが効率的な場合等に活用</a:t>
                      </a:r>
                      <a:endParaRPr sz="1000">
                        <a:latin typeface="Meiryo UI"/>
                        <a:cs typeface="Meiryo UI"/>
                      </a:endParaRPr>
                    </a:p>
                    <a:p>
                      <a:pPr marL="188595" indent="-152400">
                        <a:lnSpc>
                          <a:spcPct val="100000"/>
                        </a:lnSpc>
                        <a:spcBef>
                          <a:spcPts val="300"/>
                        </a:spcBef>
                        <a:buSzPct val="91666"/>
                        <a:buChar char="●"/>
                        <a:tabLst>
                          <a:tab pos="188595" algn="l"/>
                        </a:tabLst>
                      </a:pPr>
                      <a:r>
                        <a:rPr sz="1000" dirty="0">
                          <a:latin typeface="Meiryo UI"/>
                          <a:cs typeface="Meiryo UI"/>
                        </a:rPr>
                        <a:t>受託側(A</a:t>
                      </a:r>
                      <a:r>
                        <a:rPr sz="1000" spc="-15" dirty="0">
                          <a:latin typeface="Meiryo UI"/>
                          <a:cs typeface="Meiryo UI"/>
                        </a:rPr>
                        <a:t>市)のメリットが不明確</a:t>
                      </a:r>
                      <a:endParaRPr sz="1000">
                        <a:latin typeface="Meiryo UI"/>
                        <a:cs typeface="Meiryo UI"/>
                      </a:endParaRPr>
                    </a:p>
                    <a:p>
                      <a:pPr marL="213360" marR="48260" indent="-177165">
                        <a:lnSpc>
                          <a:spcPct val="100000"/>
                        </a:lnSpc>
                        <a:spcBef>
                          <a:spcPts val="300"/>
                        </a:spcBef>
                      </a:pPr>
                      <a:r>
                        <a:rPr sz="1000" dirty="0">
                          <a:latin typeface="Meiryo UI"/>
                          <a:cs typeface="Meiryo UI"/>
                        </a:rPr>
                        <a:t>※受託側(A</a:t>
                      </a:r>
                      <a:r>
                        <a:rPr sz="1000" spc="-15" dirty="0">
                          <a:latin typeface="Meiryo UI"/>
                          <a:cs typeface="Meiryo UI"/>
                        </a:rPr>
                        <a:t>市)のデメリットを解消する方策の検討</a:t>
                      </a:r>
                      <a:r>
                        <a:rPr sz="1000" spc="-20" dirty="0">
                          <a:latin typeface="Meiryo UI"/>
                          <a:cs typeface="Meiryo UI"/>
                        </a:rPr>
                        <a:t>が必要</a:t>
                      </a:r>
                      <a:endParaRPr sz="1000">
                        <a:latin typeface="Meiryo UI"/>
                        <a:cs typeface="Meiryo UI"/>
                      </a:endParaRPr>
                    </a:p>
                  </a:txBody>
                  <a:tcPr marL="0" marR="0" marT="2443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3"/>
                  </a:ext>
                </a:extLst>
              </a:tr>
              <a:tr h="1894255">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300"/>
                        </a:spcBef>
                      </a:pPr>
                      <a:endParaRPr sz="1000">
                        <a:latin typeface="Times New Roman"/>
                        <a:cs typeface="Times New Roman"/>
                      </a:endParaRPr>
                    </a:p>
                    <a:p>
                      <a:pPr marL="29845" marR="20955" indent="89535">
                        <a:lnSpc>
                          <a:spcPct val="100000"/>
                        </a:lnSpc>
                      </a:pPr>
                      <a:r>
                        <a:rPr sz="1000" spc="-20" dirty="0">
                          <a:latin typeface="Meiryo UI"/>
                          <a:cs typeface="Meiryo UI"/>
                        </a:rPr>
                        <a:t>事務の</a:t>
                      </a:r>
                      <a:r>
                        <a:rPr sz="1000" spc="-15" dirty="0">
                          <a:latin typeface="Meiryo UI"/>
                          <a:cs typeface="Meiryo UI"/>
                        </a:rPr>
                        <a:t>代替執行</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pPr>
                      <a:endParaRPr sz="700">
                        <a:latin typeface="Times New Roman"/>
                        <a:cs typeface="Times New Roman"/>
                      </a:endParaRPr>
                    </a:p>
                    <a:p>
                      <a:pPr>
                        <a:lnSpc>
                          <a:spcPct val="100000"/>
                        </a:lnSpc>
                      </a:pPr>
                      <a:endParaRPr sz="700">
                        <a:latin typeface="Times New Roman"/>
                        <a:cs typeface="Times New Roman"/>
                      </a:endParaRPr>
                    </a:p>
                    <a:p>
                      <a:pPr>
                        <a:lnSpc>
                          <a:spcPct val="100000"/>
                        </a:lnSpc>
                      </a:pPr>
                      <a:endParaRPr sz="700">
                        <a:latin typeface="Times New Roman"/>
                        <a:cs typeface="Times New Roman"/>
                      </a:endParaRPr>
                    </a:p>
                    <a:p>
                      <a:pPr>
                        <a:lnSpc>
                          <a:spcPct val="100000"/>
                        </a:lnSpc>
                        <a:spcBef>
                          <a:spcPts val="380"/>
                        </a:spcBef>
                      </a:pPr>
                      <a:endParaRPr sz="700">
                        <a:latin typeface="Times New Roman"/>
                        <a:cs typeface="Times New Roman"/>
                      </a:endParaRPr>
                    </a:p>
                    <a:p>
                      <a:pPr marR="8255" algn="ctr">
                        <a:lnSpc>
                          <a:spcPct val="100000"/>
                        </a:lnSpc>
                      </a:pPr>
                      <a:r>
                        <a:rPr sz="700" spc="-20" dirty="0">
                          <a:latin typeface="HGSｺﾞｼｯｸM"/>
                          <a:cs typeface="HGSｺﾞｼｯｸM"/>
                        </a:rPr>
                        <a:t>事務の</a:t>
                      </a:r>
                      <a:endParaRPr sz="700">
                        <a:latin typeface="HGSｺﾞｼｯｸM"/>
                        <a:cs typeface="HGSｺﾞｼｯｸM"/>
                      </a:endParaRPr>
                    </a:p>
                    <a:p>
                      <a:pPr marR="8255" algn="ctr">
                        <a:lnSpc>
                          <a:spcPct val="100000"/>
                        </a:lnSpc>
                        <a:spcBef>
                          <a:spcPts val="300"/>
                        </a:spcBef>
                        <a:tabLst>
                          <a:tab pos="572770" algn="l"/>
                          <a:tab pos="1147445" algn="l"/>
                        </a:tabLst>
                      </a:pPr>
                      <a:r>
                        <a:rPr sz="700" dirty="0">
                          <a:latin typeface="HGSｺﾞｼｯｸM"/>
                          <a:cs typeface="HGSｺﾞｼｯｸM"/>
                        </a:rPr>
                        <a:t>事務処</a:t>
                      </a:r>
                      <a:r>
                        <a:rPr sz="700" spc="-50" dirty="0">
                          <a:latin typeface="HGSｺﾞｼｯｸM"/>
                          <a:cs typeface="HGSｺﾞｼｯｸM"/>
                        </a:rPr>
                        <a:t>理</a:t>
                      </a:r>
                      <a:r>
                        <a:rPr sz="700" dirty="0">
                          <a:latin typeface="HGSｺﾞｼｯｸM"/>
                          <a:cs typeface="HGSｺﾞｼｯｸM"/>
                        </a:rPr>
                        <a:t>	</a:t>
                      </a:r>
                      <a:r>
                        <a:rPr sz="1000" baseline="20833" dirty="0">
                          <a:latin typeface="HGSｺﾞｼｯｸM"/>
                          <a:cs typeface="HGSｺﾞｼｯｸM"/>
                        </a:rPr>
                        <a:t>代替執</a:t>
                      </a:r>
                      <a:r>
                        <a:rPr sz="1000" spc="-75" baseline="20833" dirty="0">
                          <a:latin typeface="HGSｺﾞｼｯｸM"/>
                          <a:cs typeface="HGSｺﾞｼｯｸM"/>
                        </a:rPr>
                        <a:t>行</a:t>
                      </a:r>
                      <a:r>
                        <a:rPr sz="1000" baseline="20833" dirty="0">
                          <a:latin typeface="HGSｺﾞｼｯｸM"/>
                          <a:cs typeface="HGSｺﾞｼｯｸM"/>
                        </a:rPr>
                        <a:t>	</a:t>
                      </a:r>
                      <a:r>
                        <a:rPr sz="1000" baseline="3472" dirty="0">
                          <a:latin typeface="HGSｺﾞｼｯｸM"/>
                          <a:cs typeface="HGSｺﾞｼｯｸM"/>
                        </a:rPr>
                        <a:t>法律効</a:t>
                      </a:r>
                      <a:r>
                        <a:rPr sz="1000" spc="-75" baseline="3472" dirty="0">
                          <a:latin typeface="HGSｺﾞｼｯｸM"/>
                          <a:cs typeface="HGSｺﾞｼｯｸM"/>
                        </a:rPr>
                        <a:t>果</a:t>
                      </a:r>
                      <a:endParaRPr sz="1000" baseline="3472">
                        <a:latin typeface="HGSｺﾞｼｯｸM"/>
                        <a:cs typeface="HGSｺﾞｼｯｸM"/>
                      </a:endParaRPr>
                    </a:p>
                    <a:p>
                      <a:pPr>
                        <a:lnSpc>
                          <a:spcPct val="100000"/>
                        </a:lnSpc>
                        <a:spcBef>
                          <a:spcPts val="560"/>
                        </a:spcBef>
                      </a:pPr>
                      <a:endParaRPr sz="700">
                        <a:latin typeface="Times New Roman"/>
                        <a:cs typeface="Times New Roman"/>
                      </a:endParaRPr>
                    </a:p>
                    <a:p>
                      <a:pPr marL="123189" marR="201295">
                        <a:lnSpc>
                          <a:spcPct val="99700"/>
                        </a:lnSpc>
                      </a:pPr>
                      <a:r>
                        <a:rPr sz="900" spc="-15" dirty="0">
                          <a:latin typeface="Meiryo UI"/>
                          <a:cs typeface="Meiryo UI"/>
                        </a:rPr>
                        <a:t>地方公共団体の事務の一部</a:t>
                      </a:r>
                      <a:r>
                        <a:rPr sz="900" spc="-20" dirty="0">
                          <a:latin typeface="Meiryo UI"/>
                          <a:cs typeface="Meiryo UI"/>
                        </a:rPr>
                        <a:t>を当該地方公共団体の名において他の地方公共団体に委ね</a:t>
                      </a:r>
                      <a:r>
                        <a:rPr sz="900" spc="-30" dirty="0">
                          <a:latin typeface="Meiryo UI"/>
                          <a:cs typeface="Meiryo UI"/>
                        </a:rPr>
                        <a:t>る制度</a:t>
                      </a:r>
                      <a:endParaRPr sz="9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1019"/>
                        </a:spcBef>
                      </a:pPr>
                      <a:endParaRPr sz="1000">
                        <a:latin typeface="Times New Roman"/>
                        <a:cs typeface="Times New Roman"/>
                      </a:endParaRPr>
                    </a:p>
                    <a:p>
                      <a:pPr algn="ctr">
                        <a:lnSpc>
                          <a:spcPct val="100000"/>
                        </a:lnSpc>
                      </a:pPr>
                      <a:r>
                        <a:rPr sz="1000" spc="-25" dirty="0">
                          <a:latin typeface="Meiryo UI"/>
                          <a:cs typeface="Meiryo UI"/>
                        </a:rPr>
                        <a:t>な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900"/>
                        </a:spcBef>
                      </a:pPr>
                      <a:endParaRPr sz="1000">
                        <a:latin typeface="Times New Roman"/>
                        <a:cs typeface="Times New Roman"/>
                      </a:endParaRPr>
                    </a:p>
                    <a:p>
                      <a:pPr marL="36195" marR="86360">
                        <a:lnSpc>
                          <a:spcPct val="100000"/>
                        </a:lnSpc>
                      </a:pPr>
                      <a:r>
                        <a:rPr sz="1000" spc="-10" dirty="0">
                          <a:latin typeface="Meiryo UI"/>
                          <a:cs typeface="Meiryo UI"/>
                        </a:rPr>
                        <a:t>委託側(</a:t>
                      </a:r>
                      <a:r>
                        <a:rPr sz="1000" spc="-25" dirty="0">
                          <a:latin typeface="Meiryo UI"/>
                          <a:cs typeface="Meiryo UI"/>
                        </a:rPr>
                        <a:t>B</a:t>
                      </a:r>
                      <a:r>
                        <a:rPr sz="1000" spc="-10" dirty="0">
                          <a:latin typeface="Meiryo UI"/>
                          <a:cs typeface="Meiryo UI"/>
                        </a:rPr>
                        <a:t>市)の権限</a:t>
                      </a:r>
                      <a:r>
                        <a:rPr sz="1000" spc="-15" dirty="0">
                          <a:latin typeface="Meiryo UI"/>
                          <a:cs typeface="Meiryo UI"/>
                        </a:rPr>
                        <a:t>は委託側</a:t>
                      </a:r>
                      <a:r>
                        <a:rPr sz="1000" spc="-50" dirty="0">
                          <a:latin typeface="Meiryo UI"/>
                          <a:cs typeface="Meiryo UI"/>
                        </a:rPr>
                        <a:t> </a:t>
                      </a:r>
                      <a:r>
                        <a:rPr sz="1000" spc="-10" dirty="0">
                          <a:latin typeface="Meiryo UI"/>
                          <a:cs typeface="Meiryo UI"/>
                        </a:rPr>
                        <a:t>(B</a:t>
                      </a:r>
                      <a:r>
                        <a:rPr sz="1000" spc="-15" dirty="0">
                          <a:latin typeface="Meiryo UI"/>
                          <a:cs typeface="Meiryo UI"/>
                        </a:rPr>
                        <a:t>市)に残</a:t>
                      </a:r>
                      <a:r>
                        <a:rPr sz="1000" spc="-50" dirty="0">
                          <a:latin typeface="Meiryo UI"/>
                          <a:cs typeface="Meiryo UI"/>
                        </a:rPr>
                        <a:t>る</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dirty="0">
                        <a:latin typeface="Times New Roman"/>
                        <a:cs typeface="Times New Roman"/>
                      </a:endParaRPr>
                    </a:p>
                    <a:p>
                      <a:pPr>
                        <a:lnSpc>
                          <a:spcPct val="100000"/>
                        </a:lnSpc>
                      </a:pPr>
                      <a:endParaRPr sz="1000" dirty="0">
                        <a:latin typeface="Times New Roman"/>
                        <a:cs typeface="Times New Roman"/>
                      </a:endParaRPr>
                    </a:p>
                    <a:p>
                      <a:pPr>
                        <a:lnSpc>
                          <a:spcPct val="100000"/>
                        </a:lnSpc>
                      </a:pPr>
                      <a:endParaRPr sz="1000" dirty="0">
                        <a:latin typeface="Times New Roman"/>
                        <a:cs typeface="Times New Roman"/>
                      </a:endParaRPr>
                    </a:p>
                    <a:p>
                      <a:pPr marL="217804" indent="-181610">
                        <a:lnSpc>
                          <a:spcPct val="100000"/>
                        </a:lnSpc>
                        <a:buFont typeface="Arial"/>
                        <a:buChar char="•"/>
                        <a:tabLst>
                          <a:tab pos="217804" algn="l"/>
                        </a:tabLst>
                      </a:pPr>
                      <a:r>
                        <a:rPr sz="1000" spc="-10" dirty="0">
                          <a:latin typeface="Meiryo UI"/>
                          <a:cs typeface="Meiryo UI"/>
                        </a:rPr>
                        <a:t>法人設立が不要</a:t>
                      </a:r>
                      <a:endParaRPr sz="1000" dirty="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委託側に権限が残る</a:t>
                      </a:r>
                      <a:endParaRPr sz="1000" dirty="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実施にあたり議決が必要</a:t>
                      </a:r>
                      <a:endParaRPr sz="1000" dirty="0">
                        <a:latin typeface="Meiryo UI"/>
                        <a:cs typeface="Meiryo UI"/>
                      </a:endParaRPr>
                    </a:p>
                    <a:p>
                      <a:pPr marL="217804" marR="85725" indent="-181610">
                        <a:lnSpc>
                          <a:spcPct val="100000"/>
                        </a:lnSpc>
                        <a:spcBef>
                          <a:spcPts val="600"/>
                        </a:spcBef>
                        <a:buFont typeface="Arial"/>
                        <a:buChar char="•"/>
                        <a:tabLst>
                          <a:tab pos="217804" algn="l"/>
                        </a:tabLst>
                      </a:pPr>
                      <a:r>
                        <a:rPr sz="1000" spc="-5" dirty="0">
                          <a:latin typeface="Meiryo UI"/>
                          <a:cs typeface="Meiryo UI"/>
                        </a:rPr>
                        <a:t>事務の管理執行と事務処理の結果責任の</a:t>
                      </a:r>
                      <a:r>
                        <a:rPr sz="1000" spc="-15" dirty="0">
                          <a:latin typeface="Meiryo UI"/>
                          <a:cs typeface="Meiryo UI"/>
                        </a:rPr>
                        <a:t>所在が一致しない</a:t>
                      </a:r>
                      <a:endParaRPr sz="1000" dirty="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320"/>
                        </a:spcBef>
                      </a:pPr>
                      <a:endParaRPr sz="1000" dirty="0">
                        <a:latin typeface="Times New Roman"/>
                        <a:cs typeface="Times New Roman"/>
                      </a:endParaRPr>
                    </a:p>
                    <a:p>
                      <a:pPr marL="188595" marR="112395" indent="-152400">
                        <a:lnSpc>
                          <a:spcPct val="100000"/>
                        </a:lnSpc>
                        <a:spcBef>
                          <a:spcPts val="5"/>
                        </a:spcBef>
                        <a:buSzPct val="91666"/>
                        <a:buChar char="○"/>
                        <a:tabLst>
                          <a:tab pos="213360" algn="l"/>
                        </a:tabLst>
                      </a:pPr>
                      <a:r>
                        <a:rPr sz="1000" spc="-15" dirty="0">
                          <a:latin typeface="Meiryo UI"/>
                          <a:cs typeface="Meiryo UI"/>
                        </a:rPr>
                        <a:t>技術力の補完を目的とするなど、受託側(</a:t>
                      </a:r>
                      <a:r>
                        <a:rPr sz="1000" dirty="0">
                          <a:latin typeface="Meiryo UI"/>
                          <a:cs typeface="Meiryo UI"/>
                        </a:rPr>
                        <a:t>A</a:t>
                      </a:r>
                      <a:r>
                        <a:rPr sz="1000" spc="-25" dirty="0">
                          <a:latin typeface="Meiryo UI"/>
                          <a:cs typeface="Meiryo UI"/>
                        </a:rPr>
                        <a:t>市)	</a:t>
                      </a:r>
                      <a:r>
                        <a:rPr sz="1000" spc="-5" dirty="0">
                          <a:latin typeface="Meiryo UI"/>
                          <a:cs typeface="Meiryo UI"/>
                        </a:rPr>
                        <a:t>と委託側(</a:t>
                      </a:r>
                      <a:r>
                        <a:rPr sz="1000" spc="-10" dirty="0">
                          <a:latin typeface="Meiryo UI"/>
                          <a:cs typeface="Meiryo UI"/>
                        </a:rPr>
                        <a:t>B</a:t>
                      </a:r>
                      <a:r>
                        <a:rPr sz="1000" spc="-15" dirty="0">
                          <a:latin typeface="Meiryo UI"/>
                          <a:cs typeface="Meiryo UI"/>
                        </a:rPr>
                        <a:t>市)の立場が明確な場合には、活	</a:t>
                      </a:r>
                      <a:r>
                        <a:rPr sz="1000" spc="-20" dirty="0">
                          <a:latin typeface="Meiryo UI"/>
                          <a:cs typeface="Meiryo UI"/>
                        </a:rPr>
                        <a:t>用可能</a:t>
                      </a:r>
                      <a:endParaRPr sz="1000" dirty="0">
                        <a:latin typeface="Meiryo UI"/>
                        <a:cs typeface="Meiryo UI"/>
                      </a:endParaRPr>
                    </a:p>
                    <a:p>
                      <a:pPr marL="188595" indent="-152400">
                        <a:lnSpc>
                          <a:spcPct val="100000"/>
                        </a:lnSpc>
                        <a:spcBef>
                          <a:spcPts val="300"/>
                        </a:spcBef>
                        <a:buSzPct val="91666"/>
                        <a:buChar char="●"/>
                        <a:tabLst>
                          <a:tab pos="188595" algn="l"/>
                        </a:tabLst>
                      </a:pPr>
                      <a:r>
                        <a:rPr sz="1000" dirty="0">
                          <a:latin typeface="Meiryo UI"/>
                          <a:cs typeface="Meiryo UI"/>
                        </a:rPr>
                        <a:t>受託側(A</a:t>
                      </a:r>
                      <a:r>
                        <a:rPr sz="1000" spc="-15" dirty="0">
                          <a:latin typeface="Meiryo UI"/>
                          <a:cs typeface="Meiryo UI"/>
                        </a:rPr>
                        <a:t>市)のメリットが不明確</a:t>
                      </a:r>
                      <a:endParaRPr sz="1000" dirty="0">
                        <a:latin typeface="Meiryo UI"/>
                        <a:cs typeface="Meiryo UI"/>
                      </a:endParaRPr>
                    </a:p>
                    <a:p>
                      <a:pPr marL="213360" marR="48260" indent="-177165">
                        <a:lnSpc>
                          <a:spcPct val="100000"/>
                        </a:lnSpc>
                        <a:spcBef>
                          <a:spcPts val="300"/>
                        </a:spcBef>
                      </a:pPr>
                      <a:r>
                        <a:rPr sz="1000" dirty="0">
                          <a:latin typeface="Meiryo UI"/>
                          <a:cs typeface="Meiryo UI"/>
                        </a:rPr>
                        <a:t>※受託側(A</a:t>
                      </a:r>
                      <a:r>
                        <a:rPr sz="1000" spc="-15" dirty="0">
                          <a:latin typeface="Meiryo UI"/>
                          <a:cs typeface="Meiryo UI"/>
                        </a:rPr>
                        <a:t>市)のデメリットを解消する方策の検討</a:t>
                      </a:r>
                      <a:r>
                        <a:rPr sz="1000" spc="-20" dirty="0">
                          <a:latin typeface="Meiryo UI"/>
                          <a:cs typeface="Meiryo UI"/>
                        </a:rPr>
                        <a:t>が必要</a:t>
                      </a:r>
                      <a:endParaRPr sz="1000" dirty="0">
                        <a:latin typeface="Meiryo UI"/>
                        <a:cs typeface="Meiryo UI"/>
                      </a:endParaRPr>
                    </a:p>
                    <a:p>
                      <a:pPr marL="213360" marR="95885" indent="-177165" algn="just">
                        <a:lnSpc>
                          <a:spcPct val="100000"/>
                        </a:lnSpc>
                        <a:spcBef>
                          <a:spcPts val="300"/>
                        </a:spcBef>
                      </a:pPr>
                      <a:r>
                        <a:rPr sz="1000" spc="-15" dirty="0">
                          <a:latin typeface="Meiryo UI"/>
                          <a:cs typeface="Meiryo UI"/>
                        </a:rPr>
                        <a:t>※事務処理を委託しつつも管理権限等が委託側</a:t>
                      </a:r>
                      <a:r>
                        <a:rPr sz="1000" spc="-50" dirty="0">
                          <a:latin typeface="Meiryo UI"/>
                          <a:cs typeface="Meiryo UI"/>
                        </a:rPr>
                        <a:t> </a:t>
                      </a:r>
                      <a:r>
                        <a:rPr sz="1000" spc="-10" dirty="0">
                          <a:latin typeface="Meiryo UI"/>
                          <a:cs typeface="Meiryo UI"/>
                        </a:rPr>
                        <a:t>(B</a:t>
                      </a:r>
                      <a:r>
                        <a:rPr sz="1000" spc="-15" dirty="0">
                          <a:latin typeface="Meiryo UI"/>
                          <a:cs typeface="Meiryo UI"/>
                        </a:rPr>
                        <a:t>市)に残るため、一定の技術力が必要であることに留意が必要</a:t>
                      </a:r>
                      <a:endParaRPr sz="1000" dirty="0">
                        <a:latin typeface="Meiryo UI"/>
                        <a:cs typeface="Meiryo UI"/>
                      </a:endParaRPr>
                    </a:p>
                  </a:txBody>
                  <a:tcPr marL="0" marR="0" marT="34752"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4"/>
                  </a:ext>
                </a:extLst>
              </a:tr>
            </a:tbl>
          </a:graphicData>
        </a:graphic>
      </p:graphicFrame>
      <p:sp>
        <p:nvSpPr>
          <p:cNvPr id="11" name="object 11"/>
          <p:cNvSpPr txBox="1">
            <a:spLocks noGrp="1"/>
          </p:cNvSpPr>
          <p:nvPr>
            <p:ph type="sldNum" sz="quarter" idx="7"/>
          </p:nvPr>
        </p:nvSpPr>
        <p:spPr>
          <a:xfrm>
            <a:off x="9962388" y="6895615"/>
            <a:ext cx="388873" cy="339598"/>
          </a:xfrm>
          <a:prstGeom prst="rect">
            <a:avLst/>
          </a:prstGeom>
        </p:spPr>
        <p:txBody>
          <a:bodyPr vert="horz" wrap="square" lIns="0" tIns="0" rIns="0" bIns="0" rtlCol="0">
            <a:spAutoFit/>
          </a:bodyPr>
          <a:lstStyle>
            <a:defPPr>
              <a:defRPr kern="0"/>
            </a:defPPr>
            <a:lvl1pPr>
              <a:defRPr sz="1600" b="0" i="0">
                <a:solidFill>
                  <a:schemeClr val="tx1"/>
                </a:solidFill>
                <a:latin typeface="Meiryo UI"/>
                <a:cs typeface="Meiryo UI"/>
              </a:defRPr>
            </a:lvl1pPr>
          </a:lstStyle>
          <a:p>
            <a:pPr marL="126364">
              <a:spcBef>
                <a:spcPts val="190"/>
              </a:spcBef>
            </a:pPr>
            <a:fld id="{81D60167-4931-47E6-BA6A-407CBD079E47}" type="slidenum">
              <a:rPr lang="en-US" altLang="ja-JP" spc="-50" smtClean="0"/>
              <a:pPr marL="126364">
                <a:spcBef>
                  <a:spcPts val="190"/>
                </a:spcBef>
              </a:pPr>
              <a:t>24</a:t>
            </a:fld>
            <a:endParaRPr spc="-21" dirty="0"/>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365590" y="495210"/>
            <a:ext cx="1440017" cy="288003"/>
          </a:xfrm>
          <a:prstGeom prst="rect">
            <a:avLst/>
          </a:prstGeom>
        </p:spPr>
      </p:pic>
      <p:grpSp>
        <p:nvGrpSpPr>
          <p:cNvPr id="3" name="object 3"/>
          <p:cNvGrpSpPr/>
          <p:nvPr/>
        </p:nvGrpSpPr>
        <p:grpSpPr>
          <a:xfrm>
            <a:off x="1038636" y="4717522"/>
            <a:ext cx="1468796" cy="354574"/>
            <a:chOff x="1214627" y="5288279"/>
            <a:chExt cx="1717675" cy="414655"/>
          </a:xfrm>
        </p:grpSpPr>
        <p:pic>
          <p:nvPicPr>
            <p:cNvPr id="4" name="object 4"/>
            <p:cNvPicPr/>
            <p:nvPr/>
          </p:nvPicPr>
          <p:blipFill>
            <a:blip r:embed="rId3" cstate="print"/>
            <a:stretch>
              <a:fillRect/>
            </a:stretch>
          </p:blipFill>
          <p:spPr>
            <a:xfrm>
              <a:off x="1214627" y="5288279"/>
              <a:ext cx="1717548" cy="307848"/>
            </a:xfrm>
            <a:prstGeom prst="rect">
              <a:avLst/>
            </a:prstGeom>
          </p:spPr>
        </p:pic>
        <p:sp>
          <p:nvSpPr>
            <p:cNvPr id="5" name="object 5"/>
            <p:cNvSpPr/>
            <p:nvPr/>
          </p:nvSpPr>
          <p:spPr>
            <a:xfrm>
              <a:off x="1808987" y="5472683"/>
              <a:ext cx="553720" cy="230504"/>
            </a:xfrm>
            <a:custGeom>
              <a:avLst/>
              <a:gdLst/>
              <a:ahLst/>
              <a:cxnLst/>
              <a:rect l="l" t="t" r="r" b="b"/>
              <a:pathLst>
                <a:path w="553719" h="230504">
                  <a:moveTo>
                    <a:pt x="553212" y="0"/>
                  </a:moveTo>
                  <a:lnTo>
                    <a:pt x="0" y="0"/>
                  </a:lnTo>
                  <a:lnTo>
                    <a:pt x="0" y="230124"/>
                  </a:lnTo>
                  <a:lnTo>
                    <a:pt x="553212" y="230124"/>
                  </a:lnTo>
                  <a:lnTo>
                    <a:pt x="553212" y="0"/>
                  </a:lnTo>
                  <a:close/>
                </a:path>
              </a:pathLst>
            </a:custGeom>
            <a:solidFill>
              <a:srgbClr val="FFFFFF"/>
            </a:solidFill>
          </p:spPr>
          <p:txBody>
            <a:bodyPr wrap="square" lIns="0" tIns="0" rIns="0" bIns="0" rtlCol="0"/>
            <a:lstStyle/>
            <a:p>
              <a:endParaRPr sz="1749"/>
            </a:p>
          </p:txBody>
        </p:sp>
      </p:grpSp>
      <p:grpSp>
        <p:nvGrpSpPr>
          <p:cNvPr id="6" name="object 6"/>
          <p:cNvGrpSpPr/>
          <p:nvPr/>
        </p:nvGrpSpPr>
        <p:grpSpPr>
          <a:xfrm>
            <a:off x="1131163" y="2336608"/>
            <a:ext cx="1038745" cy="739013"/>
            <a:chOff x="1322832" y="2503932"/>
            <a:chExt cx="1214755" cy="864235"/>
          </a:xfrm>
        </p:grpSpPr>
        <p:pic>
          <p:nvPicPr>
            <p:cNvPr id="7" name="object 7"/>
            <p:cNvPicPr/>
            <p:nvPr/>
          </p:nvPicPr>
          <p:blipFill>
            <a:blip r:embed="rId4" cstate="print"/>
            <a:stretch>
              <a:fillRect/>
            </a:stretch>
          </p:blipFill>
          <p:spPr>
            <a:xfrm>
              <a:off x="1322832" y="2503932"/>
              <a:ext cx="490728" cy="864108"/>
            </a:xfrm>
            <a:prstGeom prst="rect">
              <a:avLst/>
            </a:prstGeom>
          </p:spPr>
        </p:pic>
        <p:sp>
          <p:nvSpPr>
            <p:cNvPr id="8" name="object 8"/>
            <p:cNvSpPr/>
            <p:nvPr/>
          </p:nvSpPr>
          <p:spPr>
            <a:xfrm>
              <a:off x="1783080" y="2602991"/>
              <a:ext cx="754380" cy="612775"/>
            </a:xfrm>
            <a:custGeom>
              <a:avLst/>
              <a:gdLst/>
              <a:ahLst/>
              <a:cxnLst/>
              <a:rect l="l" t="t" r="r" b="b"/>
              <a:pathLst>
                <a:path w="754380" h="612775">
                  <a:moveTo>
                    <a:pt x="745236" y="588264"/>
                  </a:moveTo>
                  <a:lnTo>
                    <a:pt x="742276" y="586740"/>
                  </a:lnTo>
                  <a:lnTo>
                    <a:pt x="694944" y="562356"/>
                  </a:lnTo>
                  <a:lnTo>
                    <a:pt x="694944" y="586740"/>
                  </a:lnTo>
                  <a:lnTo>
                    <a:pt x="0" y="586740"/>
                  </a:lnTo>
                  <a:lnTo>
                    <a:pt x="0" y="589788"/>
                  </a:lnTo>
                  <a:lnTo>
                    <a:pt x="694944" y="589788"/>
                  </a:lnTo>
                  <a:lnTo>
                    <a:pt x="694944" y="612648"/>
                  </a:lnTo>
                  <a:lnTo>
                    <a:pt x="742086" y="589788"/>
                  </a:lnTo>
                  <a:lnTo>
                    <a:pt x="745236" y="588264"/>
                  </a:lnTo>
                  <a:close/>
                </a:path>
                <a:path w="754380" h="612775">
                  <a:moveTo>
                    <a:pt x="754380" y="313944"/>
                  </a:moveTo>
                  <a:lnTo>
                    <a:pt x="751420" y="312420"/>
                  </a:lnTo>
                  <a:lnTo>
                    <a:pt x="704088" y="288036"/>
                  </a:lnTo>
                  <a:lnTo>
                    <a:pt x="704088" y="312420"/>
                  </a:lnTo>
                  <a:lnTo>
                    <a:pt x="7620" y="312420"/>
                  </a:lnTo>
                  <a:lnTo>
                    <a:pt x="7620" y="315468"/>
                  </a:lnTo>
                  <a:lnTo>
                    <a:pt x="704088" y="315468"/>
                  </a:lnTo>
                  <a:lnTo>
                    <a:pt x="704088" y="339852"/>
                  </a:lnTo>
                  <a:lnTo>
                    <a:pt x="751420" y="315468"/>
                  </a:lnTo>
                  <a:lnTo>
                    <a:pt x="754380" y="313944"/>
                  </a:lnTo>
                  <a:close/>
                </a:path>
                <a:path w="754380" h="612775">
                  <a:moveTo>
                    <a:pt x="754380" y="25908"/>
                  </a:moveTo>
                  <a:lnTo>
                    <a:pt x="751420" y="24384"/>
                  </a:lnTo>
                  <a:lnTo>
                    <a:pt x="704088" y="0"/>
                  </a:lnTo>
                  <a:lnTo>
                    <a:pt x="704088" y="24384"/>
                  </a:lnTo>
                  <a:lnTo>
                    <a:pt x="7620" y="24384"/>
                  </a:lnTo>
                  <a:lnTo>
                    <a:pt x="7620" y="27432"/>
                  </a:lnTo>
                  <a:lnTo>
                    <a:pt x="704088" y="27432"/>
                  </a:lnTo>
                  <a:lnTo>
                    <a:pt x="704088" y="51816"/>
                  </a:lnTo>
                  <a:lnTo>
                    <a:pt x="751420" y="27432"/>
                  </a:lnTo>
                  <a:lnTo>
                    <a:pt x="754380" y="25908"/>
                  </a:lnTo>
                  <a:close/>
                </a:path>
              </a:pathLst>
            </a:custGeom>
            <a:solidFill>
              <a:srgbClr val="77933B"/>
            </a:solidFill>
          </p:spPr>
          <p:txBody>
            <a:bodyPr wrap="square" lIns="0" tIns="0" rIns="0" bIns="0" rtlCol="0"/>
            <a:lstStyle/>
            <a:p>
              <a:endParaRPr sz="1749"/>
            </a:p>
          </p:txBody>
        </p:sp>
        <p:sp>
          <p:nvSpPr>
            <p:cNvPr id="9" name="object 9"/>
            <p:cNvSpPr/>
            <p:nvPr/>
          </p:nvSpPr>
          <p:spPr>
            <a:xfrm>
              <a:off x="2022348" y="2537460"/>
              <a:ext cx="250190" cy="762000"/>
            </a:xfrm>
            <a:custGeom>
              <a:avLst/>
              <a:gdLst/>
              <a:ahLst/>
              <a:cxnLst/>
              <a:rect l="l" t="t" r="r" b="b"/>
              <a:pathLst>
                <a:path w="250189" h="762000">
                  <a:moveTo>
                    <a:pt x="249936" y="0"/>
                  </a:moveTo>
                  <a:lnTo>
                    <a:pt x="0" y="0"/>
                  </a:lnTo>
                  <a:lnTo>
                    <a:pt x="0" y="762000"/>
                  </a:lnTo>
                  <a:lnTo>
                    <a:pt x="249936" y="762000"/>
                  </a:lnTo>
                  <a:lnTo>
                    <a:pt x="249936" y="0"/>
                  </a:lnTo>
                  <a:close/>
                </a:path>
              </a:pathLst>
            </a:custGeom>
            <a:solidFill>
              <a:srgbClr val="B6DDE8"/>
            </a:solidFill>
          </p:spPr>
          <p:txBody>
            <a:bodyPr wrap="square" lIns="0" tIns="0" rIns="0" bIns="0" rtlCol="0"/>
            <a:lstStyle/>
            <a:p>
              <a:endParaRPr sz="1749"/>
            </a:p>
          </p:txBody>
        </p:sp>
      </p:grpSp>
      <p:grpSp>
        <p:nvGrpSpPr>
          <p:cNvPr id="10" name="object 10"/>
          <p:cNvGrpSpPr/>
          <p:nvPr/>
        </p:nvGrpSpPr>
        <p:grpSpPr>
          <a:xfrm>
            <a:off x="2167192" y="2337910"/>
            <a:ext cx="219369" cy="701546"/>
            <a:chOff x="2534411" y="2505455"/>
            <a:chExt cx="256540" cy="820419"/>
          </a:xfrm>
        </p:grpSpPr>
        <p:sp>
          <p:nvSpPr>
            <p:cNvPr id="11" name="object 11"/>
            <p:cNvSpPr/>
            <p:nvPr/>
          </p:nvSpPr>
          <p:spPr>
            <a:xfrm>
              <a:off x="2537459" y="2508503"/>
              <a:ext cx="250190" cy="814069"/>
            </a:xfrm>
            <a:custGeom>
              <a:avLst/>
              <a:gdLst/>
              <a:ahLst/>
              <a:cxnLst/>
              <a:rect l="l" t="t" r="r" b="b"/>
              <a:pathLst>
                <a:path w="250189" h="814070">
                  <a:moveTo>
                    <a:pt x="249936" y="0"/>
                  </a:moveTo>
                  <a:lnTo>
                    <a:pt x="0" y="0"/>
                  </a:lnTo>
                  <a:lnTo>
                    <a:pt x="0" y="813815"/>
                  </a:lnTo>
                  <a:lnTo>
                    <a:pt x="249936" y="813815"/>
                  </a:lnTo>
                  <a:lnTo>
                    <a:pt x="249936" y="0"/>
                  </a:lnTo>
                  <a:close/>
                </a:path>
              </a:pathLst>
            </a:custGeom>
            <a:solidFill>
              <a:srgbClr val="EBF0DD"/>
            </a:solidFill>
          </p:spPr>
          <p:txBody>
            <a:bodyPr wrap="square" lIns="0" tIns="0" rIns="0" bIns="0" rtlCol="0"/>
            <a:lstStyle/>
            <a:p>
              <a:endParaRPr sz="1749"/>
            </a:p>
          </p:txBody>
        </p:sp>
        <p:sp>
          <p:nvSpPr>
            <p:cNvPr id="12" name="object 12"/>
            <p:cNvSpPr/>
            <p:nvPr/>
          </p:nvSpPr>
          <p:spPr>
            <a:xfrm>
              <a:off x="2537459" y="2508503"/>
              <a:ext cx="250190" cy="814069"/>
            </a:xfrm>
            <a:custGeom>
              <a:avLst/>
              <a:gdLst/>
              <a:ahLst/>
              <a:cxnLst/>
              <a:rect l="l" t="t" r="r" b="b"/>
              <a:pathLst>
                <a:path w="250189" h="814070">
                  <a:moveTo>
                    <a:pt x="0" y="0"/>
                  </a:moveTo>
                  <a:lnTo>
                    <a:pt x="249935" y="0"/>
                  </a:lnTo>
                  <a:lnTo>
                    <a:pt x="249935" y="813815"/>
                  </a:lnTo>
                  <a:lnTo>
                    <a:pt x="0" y="813815"/>
                  </a:lnTo>
                  <a:lnTo>
                    <a:pt x="0" y="0"/>
                  </a:lnTo>
                  <a:close/>
                </a:path>
              </a:pathLst>
            </a:custGeom>
            <a:ln w="6096">
              <a:solidFill>
                <a:srgbClr val="77933B"/>
              </a:solidFill>
            </a:ln>
          </p:spPr>
          <p:txBody>
            <a:bodyPr wrap="square" lIns="0" tIns="0" rIns="0" bIns="0" rtlCol="0"/>
            <a:lstStyle/>
            <a:p>
              <a:endParaRPr sz="1749"/>
            </a:p>
          </p:txBody>
        </p:sp>
      </p:grpSp>
      <p:sp>
        <p:nvSpPr>
          <p:cNvPr id="13" name="object 13"/>
          <p:cNvSpPr txBox="1"/>
          <p:nvPr/>
        </p:nvSpPr>
        <p:spPr>
          <a:xfrm>
            <a:off x="2242919" y="2504283"/>
            <a:ext cx="101887" cy="365977"/>
          </a:xfrm>
          <a:prstGeom prst="rect">
            <a:avLst/>
          </a:prstGeom>
        </p:spPr>
        <p:txBody>
          <a:bodyPr vert="eaVert" wrap="square" lIns="0" tIns="0" rIns="0" bIns="0" rtlCol="0">
            <a:spAutoFit/>
          </a:bodyPr>
          <a:lstStyle/>
          <a:p>
            <a:pPr marL="10860">
              <a:lnSpc>
                <a:spcPct val="65000"/>
              </a:lnSpc>
            </a:pPr>
            <a:r>
              <a:rPr sz="898" dirty="0">
                <a:latin typeface="HGP教科書体"/>
                <a:cs typeface="HGP教科書体"/>
              </a:rPr>
              <a:t>事業者</a:t>
            </a:r>
            <a:endParaRPr sz="898">
              <a:latin typeface="HGP教科書体"/>
              <a:cs typeface="HGP教科書体"/>
            </a:endParaRPr>
          </a:p>
        </p:txBody>
      </p:sp>
      <p:sp>
        <p:nvSpPr>
          <p:cNvPr id="17" name="object 17"/>
          <p:cNvSpPr txBox="1">
            <a:spLocks noGrp="1"/>
          </p:cNvSpPr>
          <p:nvPr>
            <p:ph type="sldNum" sz="quarter" idx="7"/>
          </p:nvPr>
        </p:nvSpPr>
        <p:spPr>
          <a:xfrm>
            <a:off x="9962388" y="6895615"/>
            <a:ext cx="388873" cy="339598"/>
          </a:xfrm>
          <a:prstGeom prst="rect">
            <a:avLst/>
          </a:prstGeom>
        </p:spPr>
        <p:txBody>
          <a:bodyPr vert="horz" wrap="square" lIns="0" tIns="0" rIns="0" bIns="0" rtlCol="0">
            <a:spAutoFit/>
          </a:bodyPr>
          <a:lstStyle>
            <a:defPPr>
              <a:defRPr kern="0"/>
            </a:defPPr>
            <a:lvl1pPr>
              <a:defRPr sz="1600" b="0" i="0">
                <a:solidFill>
                  <a:schemeClr val="tx1"/>
                </a:solidFill>
                <a:latin typeface="Meiryo UI"/>
                <a:cs typeface="Meiryo UI"/>
              </a:defRPr>
            </a:lvl1pPr>
          </a:lstStyle>
          <a:p>
            <a:pPr marL="126364">
              <a:spcBef>
                <a:spcPts val="190"/>
              </a:spcBef>
            </a:pPr>
            <a:fld id="{81D60167-4931-47E6-BA6A-407CBD079E47}" type="slidenum">
              <a:rPr lang="en-US" altLang="ja-JP" spc="-50" smtClean="0"/>
              <a:pPr marL="126364">
                <a:spcBef>
                  <a:spcPts val="190"/>
                </a:spcBef>
              </a:pPr>
              <a:t>25</a:t>
            </a:fld>
            <a:endParaRPr spc="-21" dirty="0"/>
          </a:p>
        </p:txBody>
      </p:sp>
      <p:sp>
        <p:nvSpPr>
          <p:cNvPr id="14" name="object 14"/>
          <p:cNvSpPr txBox="1"/>
          <p:nvPr/>
        </p:nvSpPr>
        <p:spPr>
          <a:xfrm>
            <a:off x="1801140" y="2449549"/>
            <a:ext cx="101887" cy="480549"/>
          </a:xfrm>
          <a:prstGeom prst="rect">
            <a:avLst/>
          </a:prstGeom>
        </p:spPr>
        <p:txBody>
          <a:bodyPr vert="eaVert" wrap="square" lIns="0" tIns="0" rIns="0" bIns="0" rtlCol="0">
            <a:spAutoFit/>
          </a:bodyPr>
          <a:lstStyle/>
          <a:p>
            <a:pPr marL="10860">
              <a:lnSpc>
                <a:spcPct val="65000"/>
              </a:lnSpc>
            </a:pPr>
            <a:r>
              <a:rPr sz="898" dirty="0">
                <a:latin typeface="HGP教科書体"/>
                <a:cs typeface="HGP教科書体"/>
              </a:rPr>
              <a:t>共同発注</a:t>
            </a:r>
            <a:endParaRPr sz="898">
              <a:latin typeface="HGP教科書体"/>
              <a:cs typeface="HGP教科書体"/>
            </a:endParaRPr>
          </a:p>
        </p:txBody>
      </p:sp>
      <p:graphicFrame>
        <p:nvGraphicFramePr>
          <p:cNvPr id="15" name="object 15"/>
          <p:cNvGraphicFramePr>
            <a:graphicFrameLocks noGrp="1"/>
          </p:cNvGraphicFramePr>
          <p:nvPr/>
        </p:nvGraphicFramePr>
        <p:xfrm>
          <a:off x="406593" y="991721"/>
          <a:ext cx="8334938" cy="5219051"/>
        </p:xfrm>
        <a:graphic>
          <a:graphicData uri="http://schemas.openxmlformats.org/drawingml/2006/table">
            <a:tbl>
              <a:tblPr firstRow="1" bandRow="1">
                <a:tableStyleId>{2D5ABB26-0587-4C30-8999-92F81FD0307C}</a:tableStyleId>
              </a:tblPr>
              <a:tblGrid>
                <a:gridCol w="572314">
                  <a:extLst>
                    <a:ext uri="{9D8B030D-6E8A-4147-A177-3AD203B41FA5}">
                      <a16:colId xmlns:a16="http://schemas.microsoft.com/office/drawing/2014/main" val="20000"/>
                    </a:ext>
                  </a:extLst>
                </a:gridCol>
                <a:gridCol w="1601829">
                  <a:extLst>
                    <a:ext uri="{9D8B030D-6E8A-4147-A177-3AD203B41FA5}">
                      <a16:colId xmlns:a16="http://schemas.microsoft.com/office/drawing/2014/main" val="20001"/>
                    </a:ext>
                  </a:extLst>
                </a:gridCol>
                <a:gridCol w="307876">
                  <a:extLst>
                    <a:ext uri="{9D8B030D-6E8A-4147-A177-3AD203B41FA5}">
                      <a16:colId xmlns:a16="http://schemas.microsoft.com/office/drawing/2014/main" val="20002"/>
                    </a:ext>
                  </a:extLst>
                </a:gridCol>
                <a:gridCol w="678198">
                  <a:extLst>
                    <a:ext uri="{9D8B030D-6E8A-4147-A177-3AD203B41FA5}">
                      <a16:colId xmlns:a16="http://schemas.microsoft.com/office/drawing/2014/main" val="20003"/>
                    </a:ext>
                  </a:extLst>
                </a:gridCol>
                <a:gridCol w="631500">
                  <a:extLst>
                    <a:ext uri="{9D8B030D-6E8A-4147-A177-3AD203B41FA5}">
                      <a16:colId xmlns:a16="http://schemas.microsoft.com/office/drawing/2014/main" val="20004"/>
                    </a:ext>
                  </a:extLst>
                </a:gridCol>
                <a:gridCol w="1709341">
                  <a:extLst>
                    <a:ext uri="{9D8B030D-6E8A-4147-A177-3AD203B41FA5}">
                      <a16:colId xmlns:a16="http://schemas.microsoft.com/office/drawing/2014/main" val="20005"/>
                    </a:ext>
                  </a:extLst>
                </a:gridCol>
                <a:gridCol w="2833880">
                  <a:extLst>
                    <a:ext uri="{9D8B030D-6E8A-4147-A177-3AD203B41FA5}">
                      <a16:colId xmlns:a16="http://schemas.microsoft.com/office/drawing/2014/main" val="20006"/>
                    </a:ext>
                  </a:extLst>
                </a:gridCol>
              </a:tblGrid>
              <a:tr h="293216">
                <a:tc gridSpan="5">
                  <a:txBody>
                    <a:bodyPr/>
                    <a:lstStyle/>
                    <a:p>
                      <a:pPr marL="314960">
                        <a:lnSpc>
                          <a:spcPct val="100000"/>
                        </a:lnSpc>
                        <a:spcBef>
                          <a:spcPts val="70"/>
                        </a:spcBef>
                      </a:pPr>
                      <a:r>
                        <a:rPr sz="1500" b="1" spc="-10" dirty="0">
                          <a:solidFill>
                            <a:srgbClr val="FFFFFF"/>
                          </a:solidFill>
                          <a:latin typeface="Meiryo UI"/>
                          <a:cs typeface="Meiryo UI"/>
                        </a:rPr>
                        <a:t>地方自治法以外の主な共同処理の手法</a:t>
                      </a:r>
                      <a:endParaRPr sz="1500">
                        <a:latin typeface="Meiryo UI"/>
                        <a:cs typeface="Meiryo UI"/>
                      </a:endParaRPr>
                    </a:p>
                  </a:txBody>
                  <a:tcPr marL="0" marR="0" marT="7602" marB="0">
                    <a:lnB w="12700">
                      <a:solidFill>
                        <a:srgbClr val="000000"/>
                      </a:solidFill>
                      <a:prstDash val="solid"/>
                    </a:lnB>
                    <a:solidFill>
                      <a:srgbClr val="3F3F3F"/>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gridSpan="2">
                  <a:txBody>
                    <a:bodyPr/>
                    <a:lstStyle/>
                    <a:p>
                      <a:pPr>
                        <a:lnSpc>
                          <a:spcPct val="100000"/>
                        </a:lnSpc>
                      </a:pPr>
                      <a:endParaRPr sz="1000">
                        <a:latin typeface="Times New Roman"/>
                        <a:cs typeface="Times New Roman"/>
                      </a:endParaRPr>
                    </a:p>
                  </a:txBody>
                  <a:tcPr marL="0" marR="0" marT="0" marB="0">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0"/>
                  </a:ext>
                </a:extLst>
              </a:tr>
              <a:tr h="468603">
                <a:tc gridSpan="2">
                  <a:txBody>
                    <a:bodyPr/>
                    <a:lstStyle/>
                    <a:p>
                      <a:pPr>
                        <a:lnSpc>
                          <a:spcPct val="100000"/>
                        </a:lnSpc>
                        <a:spcBef>
                          <a:spcPts val="45"/>
                        </a:spcBef>
                      </a:pPr>
                      <a:endParaRPr sz="1000">
                        <a:latin typeface="Times New Roman"/>
                        <a:cs typeface="Times New Roman"/>
                      </a:endParaRPr>
                    </a:p>
                    <a:p>
                      <a:pPr marL="752475">
                        <a:lnSpc>
                          <a:spcPct val="100000"/>
                        </a:lnSpc>
                      </a:pPr>
                      <a:r>
                        <a:rPr sz="1000" spc="-10" dirty="0">
                          <a:latin typeface="Meiryo UI"/>
                          <a:cs typeface="Meiryo UI"/>
                        </a:rPr>
                        <a:t>共同処理の手法</a:t>
                      </a:r>
                      <a:endParaRPr sz="1000">
                        <a:latin typeface="Meiryo UI"/>
                        <a:cs typeface="Meiryo UI"/>
                      </a:endParaRPr>
                    </a:p>
                  </a:txBody>
                  <a:tcPr marL="0" marR="0" marT="488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hMerge="1">
                  <a:txBody>
                    <a:bodyPr/>
                    <a:lstStyle/>
                    <a:p>
                      <a:endParaRPr/>
                    </a:p>
                  </a:txBody>
                  <a:tcPr marL="0" marR="0" marT="0" marB="0"/>
                </a:tc>
                <a:tc>
                  <a:txBody>
                    <a:bodyPr/>
                    <a:lstStyle/>
                    <a:p>
                      <a:pPr marL="103505" marR="95885" algn="just">
                        <a:lnSpc>
                          <a:spcPts val="1440"/>
                        </a:lnSpc>
                      </a:pPr>
                      <a:r>
                        <a:rPr sz="1000" spc="-50" dirty="0">
                          <a:latin typeface="Meiryo UI"/>
                          <a:cs typeface="Meiryo UI"/>
                        </a:rPr>
                        <a:t>法人格</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spcBef>
                          <a:spcPts val="45"/>
                        </a:spcBef>
                      </a:pPr>
                      <a:endParaRPr sz="1000">
                        <a:latin typeface="Times New Roman"/>
                        <a:cs typeface="Times New Roman"/>
                      </a:endParaRPr>
                    </a:p>
                    <a:p>
                      <a:pPr marL="92710">
                        <a:lnSpc>
                          <a:spcPct val="100000"/>
                        </a:lnSpc>
                      </a:pPr>
                      <a:r>
                        <a:rPr sz="1000" spc="-15" dirty="0">
                          <a:latin typeface="Meiryo UI"/>
                          <a:cs typeface="Meiryo UI"/>
                        </a:rPr>
                        <a:t>管理権限</a:t>
                      </a:r>
                      <a:endParaRPr sz="1000">
                        <a:latin typeface="Meiryo UI"/>
                        <a:cs typeface="Meiryo UI"/>
                      </a:endParaRPr>
                    </a:p>
                  </a:txBody>
                  <a:tcPr marL="0" marR="0" marT="488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gridSpan="2">
                  <a:txBody>
                    <a:bodyPr/>
                    <a:lstStyle/>
                    <a:p>
                      <a:pPr>
                        <a:lnSpc>
                          <a:spcPct val="100000"/>
                        </a:lnSpc>
                        <a:spcBef>
                          <a:spcPts val="45"/>
                        </a:spcBef>
                      </a:pPr>
                      <a:endParaRPr sz="1000">
                        <a:latin typeface="Times New Roman"/>
                        <a:cs typeface="Times New Roman"/>
                      </a:endParaRPr>
                    </a:p>
                    <a:p>
                      <a:pPr marL="1270" algn="ctr">
                        <a:lnSpc>
                          <a:spcPct val="100000"/>
                        </a:lnSpc>
                      </a:pPr>
                      <a:r>
                        <a:rPr sz="1000" spc="-25" dirty="0">
                          <a:latin typeface="Meiryo UI"/>
                          <a:cs typeface="Meiryo UI"/>
                        </a:rPr>
                        <a:t>特徴</a:t>
                      </a:r>
                      <a:endParaRPr sz="1000">
                        <a:latin typeface="Meiryo UI"/>
                        <a:cs typeface="Meiryo UI"/>
                      </a:endParaRPr>
                    </a:p>
                  </a:txBody>
                  <a:tcPr marL="0" marR="0" marT="488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hMerge="1">
                  <a:txBody>
                    <a:bodyPr/>
                    <a:lstStyle/>
                    <a:p>
                      <a:endParaRPr/>
                    </a:p>
                  </a:txBody>
                  <a:tcPr marL="0" marR="0" marT="0" marB="0"/>
                </a:tc>
                <a:tc>
                  <a:txBody>
                    <a:bodyPr/>
                    <a:lstStyle/>
                    <a:p>
                      <a:pPr algn="ctr">
                        <a:lnSpc>
                          <a:spcPct val="100000"/>
                        </a:lnSpc>
                        <a:spcBef>
                          <a:spcPts val="705"/>
                        </a:spcBef>
                      </a:pPr>
                      <a:r>
                        <a:rPr sz="1000" spc="-10" dirty="0">
                          <a:latin typeface="Meiryo UI"/>
                          <a:cs typeface="Meiryo UI"/>
                        </a:rPr>
                        <a:t>群マネへの適用の留意点</a:t>
                      </a:r>
                      <a:endParaRPr sz="1000">
                        <a:latin typeface="Meiryo UI"/>
                        <a:cs typeface="Meiryo UI"/>
                      </a:endParaRPr>
                    </a:p>
                    <a:p>
                      <a:pPr marL="43815" algn="ctr">
                        <a:lnSpc>
                          <a:spcPct val="100000"/>
                        </a:lnSpc>
                        <a:spcBef>
                          <a:spcPts val="219"/>
                        </a:spcBef>
                        <a:tabLst>
                          <a:tab pos="1095375" algn="l"/>
                        </a:tabLst>
                      </a:pPr>
                      <a:r>
                        <a:rPr sz="1000" dirty="0">
                          <a:latin typeface="Meiryo UI"/>
                          <a:cs typeface="Meiryo UI"/>
                        </a:rPr>
                        <a:t>（</a:t>
                      </a:r>
                      <a:r>
                        <a:rPr sz="1000" spc="-10" dirty="0">
                          <a:latin typeface="Meiryo UI"/>
                          <a:cs typeface="Meiryo UI"/>
                        </a:rPr>
                        <a:t>メ</a:t>
                      </a:r>
                      <a:r>
                        <a:rPr sz="1000" dirty="0">
                          <a:latin typeface="Meiryo UI"/>
                          <a:cs typeface="Meiryo UI"/>
                        </a:rPr>
                        <a:t>リ</a:t>
                      </a:r>
                      <a:r>
                        <a:rPr sz="1000" spc="-10" dirty="0">
                          <a:latin typeface="Meiryo UI"/>
                          <a:cs typeface="Meiryo UI"/>
                        </a:rPr>
                        <a:t>ット</a:t>
                      </a:r>
                      <a:r>
                        <a:rPr sz="1000" spc="-35" dirty="0">
                          <a:latin typeface="Meiryo UI"/>
                          <a:cs typeface="Meiryo UI"/>
                        </a:rPr>
                        <a:t>：○</a:t>
                      </a:r>
                      <a:r>
                        <a:rPr sz="1000" dirty="0">
                          <a:latin typeface="Meiryo UI"/>
                          <a:cs typeface="Meiryo UI"/>
                        </a:rPr>
                        <a:t>	デ</a:t>
                      </a:r>
                      <a:r>
                        <a:rPr sz="1000" spc="-10" dirty="0">
                          <a:latin typeface="Meiryo UI"/>
                          <a:cs typeface="Meiryo UI"/>
                        </a:rPr>
                        <a:t>メ</a:t>
                      </a:r>
                      <a:r>
                        <a:rPr sz="1000" dirty="0">
                          <a:latin typeface="Meiryo UI"/>
                          <a:cs typeface="Meiryo UI"/>
                        </a:rPr>
                        <a:t>リ</a:t>
                      </a:r>
                      <a:r>
                        <a:rPr sz="1000" spc="-10" dirty="0">
                          <a:latin typeface="Meiryo UI"/>
                          <a:cs typeface="Meiryo UI"/>
                        </a:rPr>
                        <a:t>ット</a:t>
                      </a:r>
                      <a:r>
                        <a:rPr sz="1000" spc="-25" dirty="0">
                          <a:latin typeface="Meiryo UI"/>
                          <a:cs typeface="Meiryo UI"/>
                        </a:rPr>
                        <a:t>：●）</a:t>
                      </a:r>
                      <a:endParaRPr sz="1000">
                        <a:latin typeface="Meiryo UI"/>
                        <a:cs typeface="Meiryo UI"/>
                      </a:endParaRPr>
                    </a:p>
                  </a:txBody>
                  <a:tcPr marL="0" marR="0" marT="76562"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extLst>
                  <a:ext uri="{0D108BD9-81ED-4DB2-BD59-A6C34878D82A}">
                    <a16:rowId xmlns:a16="http://schemas.microsoft.com/office/drawing/2014/main" val="10001"/>
                  </a:ext>
                </a:extLst>
              </a:tr>
              <a:tr h="2454871">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910"/>
                        </a:spcBef>
                      </a:pPr>
                      <a:endParaRPr sz="1000">
                        <a:latin typeface="Times New Roman"/>
                        <a:cs typeface="Times New Roman"/>
                      </a:endParaRPr>
                    </a:p>
                    <a:p>
                      <a:pPr marL="29845">
                        <a:lnSpc>
                          <a:spcPct val="100000"/>
                        </a:lnSpc>
                      </a:pPr>
                      <a:r>
                        <a:rPr sz="1000" spc="-15" dirty="0">
                          <a:latin typeface="Meiryo UI"/>
                          <a:cs typeface="Meiryo UI"/>
                        </a:rPr>
                        <a:t>共同発注</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325"/>
                        </a:spcBef>
                      </a:pPr>
                      <a:endParaRPr sz="900">
                        <a:latin typeface="Times New Roman"/>
                        <a:cs typeface="Times New Roman"/>
                      </a:endParaRPr>
                    </a:p>
                    <a:p>
                      <a:pPr marL="160020" marR="73025">
                        <a:lnSpc>
                          <a:spcPct val="99500"/>
                        </a:lnSpc>
                      </a:pPr>
                      <a:r>
                        <a:rPr sz="900" spc="-15" dirty="0">
                          <a:latin typeface="Meiryo UI"/>
                          <a:cs typeface="Meiryo UI"/>
                        </a:rPr>
                        <a:t>複数の地方公共団体が共同で</a:t>
                      </a:r>
                      <a:r>
                        <a:rPr sz="900" spc="-20" dirty="0">
                          <a:latin typeface="Meiryo UI"/>
                          <a:cs typeface="Meiryo UI"/>
                        </a:rPr>
                        <a:t>発注手続きを実施し、民間企業</a:t>
                      </a:r>
                      <a:r>
                        <a:rPr sz="900" spc="-25" dirty="0">
                          <a:latin typeface="Meiryo UI"/>
                          <a:cs typeface="Meiryo UI"/>
                        </a:rPr>
                        <a:t>とそれぞれ契約を締結する方法</a:t>
                      </a:r>
                      <a:endParaRPr sz="9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910"/>
                        </a:spcBef>
                      </a:pPr>
                      <a:endParaRPr sz="1000">
                        <a:latin typeface="Times New Roman"/>
                        <a:cs typeface="Times New Roman"/>
                      </a:endParaRPr>
                    </a:p>
                    <a:p>
                      <a:pPr algn="ctr">
                        <a:lnSpc>
                          <a:spcPct val="100000"/>
                        </a:lnSpc>
                      </a:pPr>
                      <a:r>
                        <a:rPr sz="1000" spc="-25" dirty="0">
                          <a:latin typeface="Meiryo UI"/>
                          <a:cs typeface="Meiryo UI"/>
                        </a:rPr>
                        <a:t>な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190"/>
                        </a:spcBef>
                      </a:pPr>
                      <a:endParaRPr sz="1000">
                        <a:latin typeface="Times New Roman"/>
                        <a:cs typeface="Times New Roman"/>
                      </a:endParaRPr>
                    </a:p>
                    <a:p>
                      <a:pPr marL="36195" marR="120650">
                        <a:lnSpc>
                          <a:spcPct val="100000"/>
                        </a:lnSpc>
                      </a:pPr>
                      <a:r>
                        <a:rPr sz="1000" spc="-20" dirty="0">
                          <a:latin typeface="Meiryo UI"/>
                          <a:cs typeface="Meiryo UI"/>
                        </a:rPr>
                        <a:t>それぞれに</a:t>
                      </a:r>
                      <a:r>
                        <a:rPr sz="1000" spc="-25" dirty="0">
                          <a:latin typeface="Meiryo UI"/>
                          <a:cs typeface="Meiryo UI"/>
                        </a:rPr>
                        <a:t>残る</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550"/>
                        </a:spcBef>
                      </a:pPr>
                      <a:endParaRPr sz="1000">
                        <a:latin typeface="Times New Roman"/>
                        <a:cs typeface="Times New Roman"/>
                      </a:endParaRPr>
                    </a:p>
                    <a:p>
                      <a:pPr marL="217804" indent="-181610">
                        <a:lnSpc>
                          <a:spcPct val="100000"/>
                        </a:lnSpc>
                        <a:buFont typeface="Arial"/>
                        <a:buChar char="•"/>
                        <a:tabLst>
                          <a:tab pos="217804" algn="l"/>
                        </a:tabLst>
                      </a:pPr>
                      <a:r>
                        <a:rPr sz="1000" spc="-10" dirty="0">
                          <a:latin typeface="Meiryo UI"/>
                          <a:cs typeface="Meiryo UI"/>
                        </a:rPr>
                        <a:t>実施にあたり議決が不要</a:t>
                      </a:r>
                      <a:endParaRPr sz="100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法人設立が不要</a:t>
                      </a:r>
                      <a:endParaRPr sz="1000">
                        <a:latin typeface="Meiryo UI"/>
                        <a:cs typeface="Meiryo UI"/>
                      </a:endParaRPr>
                    </a:p>
                    <a:p>
                      <a:pPr marL="217804" marR="147955" indent="-181610">
                        <a:lnSpc>
                          <a:spcPct val="100000"/>
                        </a:lnSpc>
                        <a:spcBef>
                          <a:spcPts val="600"/>
                        </a:spcBef>
                        <a:buFont typeface="Arial"/>
                        <a:buChar char="•"/>
                        <a:tabLst>
                          <a:tab pos="217804" algn="l"/>
                        </a:tabLst>
                      </a:pPr>
                      <a:r>
                        <a:rPr sz="1000" spc="-15" dirty="0">
                          <a:latin typeface="Meiryo UI"/>
                          <a:cs typeface="Meiryo UI"/>
                        </a:rPr>
                        <a:t>受注者としては発注者が複数いることになるため、協議等が煩雑</a:t>
                      </a:r>
                      <a:endParaRPr sz="1000">
                        <a:latin typeface="Meiryo UI"/>
                        <a:cs typeface="Meiryo UI"/>
                      </a:endParaRPr>
                    </a:p>
                    <a:p>
                      <a:pPr marL="217804" marR="74295" indent="-181610">
                        <a:lnSpc>
                          <a:spcPct val="100000"/>
                        </a:lnSpc>
                        <a:spcBef>
                          <a:spcPts val="600"/>
                        </a:spcBef>
                        <a:buFont typeface="Arial"/>
                        <a:buChar char="•"/>
                        <a:tabLst>
                          <a:tab pos="217804" algn="l"/>
                        </a:tabLst>
                      </a:pPr>
                      <a:r>
                        <a:rPr sz="1000" spc="-10" dirty="0">
                          <a:latin typeface="Meiryo UI"/>
                          <a:cs typeface="Meiryo UI"/>
                        </a:rPr>
                        <a:t>地方自治法に定められた共同処理制度</a:t>
                      </a:r>
                      <a:r>
                        <a:rPr sz="1000" spc="-15" dirty="0">
                          <a:latin typeface="Meiryo UI"/>
                          <a:cs typeface="Meiryo UI"/>
                        </a:rPr>
                        <a:t>ではない</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225"/>
                        </a:spcBef>
                      </a:pPr>
                      <a:endParaRPr sz="1000">
                        <a:latin typeface="Times New Roman"/>
                        <a:cs typeface="Times New Roman"/>
                      </a:endParaRPr>
                    </a:p>
                    <a:p>
                      <a:pPr marL="187960" marR="31115" indent="-152400">
                        <a:lnSpc>
                          <a:spcPct val="100000"/>
                        </a:lnSpc>
                        <a:buSzPct val="91666"/>
                        <a:buChar char="○"/>
                        <a:tabLst>
                          <a:tab pos="212725" algn="l"/>
                        </a:tabLst>
                      </a:pPr>
                      <a:r>
                        <a:rPr sz="1000" spc="-20" dirty="0">
                          <a:latin typeface="Meiryo UI"/>
                          <a:cs typeface="Meiryo UI"/>
                        </a:rPr>
                        <a:t>従来の各自治体における手続きに最も近く、簡易に	</a:t>
                      </a:r>
                      <a:r>
                        <a:rPr sz="1000" spc="-10" dirty="0">
                          <a:latin typeface="Meiryo UI"/>
                          <a:cs typeface="Meiryo UI"/>
                        </a:rPr>
                        <a:t>取り組みやすい</a:t>
                      </a:r>
                      <a:endParaRPr sz="1000">
                        <a:latin typeface="Meiryo UI"/>
                        <a:cs typeface="Meiryo UI"/>
                      </a:endParaRPr>
                    </a:p>
                    <a:p>
                      <a:pPr marL="187960" marR="103505" indent="-152400" algn="just">
                        <a:lnSpc>
                          <a:spcPct val="100000"/>
                        </a:lnSpc>
                        <a:spcBef>
                          <a:spcPts val="300"/>
                        </a:spcBef>
                        <a:buSzPct val="91666"/>
                        <a:buChar char="●"/>
                        <a:tabLst>
                          <a:tab pos="212725" algn="l"/>
                        </a:tabLst>
                      </a:pPr>
                      <a:r>
                        <a:rPr sz="1000" spc="-20" dirty="0">
                          <a:latin typeface="Meiryo UI"/>
                          <a:cs typeface="Meiryo UI"/>
                        </a:rPr>
                        <a:t>受注者としては発注者が複数いることになり、事業	者の創意工夫が図りづらいと考えられ、群マネの効	</a:t>
                      </a:r>
                      <a:r>
                        <a:rPr sz="1000" spc="-15" dirty="0">
                          <a:latin typeface="Meiryo UI"/>
                          <a:cs typeface="Meiryo UI"/>
                        </a:rPr>
                        <a:t>果が薄くなる</a:t>
                      </a:r>
                      <a:endParaRPr sz="1000">
                        <a:latin typeface="Meiryo UI"/>
                        <a:cs typeface="Meiryo UI"/>
                      </a:endParaRPr>
                    </a:p>
                    <a:p>
                      <a:pPr marL="187960" marR="124460" indent="-152400">
                        <a:lnSpc>
                          <a:spcPct val="100000"/>
                        </a:lnSpc>
                        <a:spcBef>
                          <a:spcPts val="300"/>
                        </a:spcBef>
                        <a:buSzPct val="91666"/>
                        <a:buChar char="●"/>
                        <a:tabLst>
                          <a:tab pos="212725" algn="l"/>
                        </a:tabLst>
                      </a:pPr>
                      <a:r>
                        <a:rPr sz="1000" spc="-15" dirty="0">
                          <a:latin typeface="Meiryo UI"/>
                          <a:cs typeface="Meiryo UI"/>
                        </a:rPr>
                        <a:t>構成団体において、技術力育成方策を別途検討	</a:t>
                      </a:r>
                      <a:r>
                        <a:rPr sz="1000" spc="-20" dirty="0">
                          <a:latin typeface="Meiryo UI"/>
                          <a:cs typeface="Meiryo UI"/>
                        </a:rPr>
                        <a:t>することが必要</a:t>
                      </a:r>
                      <a:endParaRPr sz="1000">
                        <a:latin typeface="Meiryo UI"/>
                        <a:cs typeface="Meiryo UI"/>
                      </a:endParaRPr>
                    </a:p>
                    <a:p>
                      <a:pPr marL="212725" marR="63500" indent="-177165">
                        <a:lnSpc>
                          <a:spcPct val="100000"/>
                        </a:lnSpc>
                        <a:spcBef>
                          <a:spcPts val="300"/>
                        </a:spcBef>
                      </a:pPr>
                      <a:r>
                        <a:rPr sz="1000" spc="-20" dirty="0">
                          <a:latin typeface="Meiryo UI"/>
                          <a:cs typeface="Meiryo UI"/>
                        </a:rPr>
                        <a:t>※契約を１つにするなど、事業者側のデメリットを解消</a:t>
                      </a:r>
                      <a:r>
                        <a:rPr sz="1000" spc="-10" dirty="0">
                          <a:latin typeface="Meiryo UI"/>
                          <a:cs typeface="Meiryo UI"/>
                        </a:rPr>
                        <a:t>する方策の検討が必要</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r h="1943914">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600"/>
                        </a:spcBef>
                      </a:pPr>
                      <a:endParaRPr sz="1000">
                        <a:latin typeface="Times New Roman"/>
                        <a:cs typeface="Times New Roman"/>
                      </a:endParaRPr>
                    </a:p>
                    <a:p>
                      <a:pPr marL="184150" marR="33655" indent="-139065">
                        <a:lnSpc>
                          <a:spcPct val="100000"/>
                        </a:lnSpc>
                      </a:pPr>
                      <a:r>
                        <a:rPr sz="1000" spc="-15" dirty="0">
                          <a:latin typeface="Meiryo UI"/>
                          <a:cs typeface="Meiryo UI"/>
                        </a:rPr>
                        <a:t>私法上の</a:t>
                      </a:r>
                      <a:r>
                        <a:rPr sz="1000" spc="-25" dirty="0">
                          <a:latin typeface="Meiryo UI"/>
                          <a:cs typeface="Meiryo UI"/>
                        </a:rPr>
                        <a:t>委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pPr>
                      <a:endParaRPr sz="700">
                        <a:latin typeface="Times New Roman"/>
                        <a:cs typeface="Times New Roman"/>
                      </a:endParaRPr>
                    </a:p>
                    <a:p>
                      <a:pPr>
                        <a:lnSpc>
                          <a:spcPct val="100000"/>
                        </a:lnSpc>
                      </a:pPr>
                      <a:endParaRPr sz="700">
                        <a:latin typeface="Times New Roman"/>
                        <a:cs typeface="Times New Roman"/>
                      </a:endParaRPr>
                    </a:p>
                    <a:p>
                      <a:pPr>
                        <a:lnSpc>
                          <a:spcPct val="100000"/>
                        </a:lnSpc>
                      </a:pPr>
                      <a:endParaRPr sz="700">
                        <a:latin typeface="Times New Roman"/>
                        <a:cs typeface="Times New Roman"/>
                      </a:endParaRPr>
                    </a:p>
                    <a:p>
                      <a:pPr>
                        <a:lnSpc>
                          <a:spcPct val="100000"/>
                        </a:lnSpc>
                      </a:pPr>
                      <a:endParaRPr sz="700">
                        <a:latin typeface="Times New Roman"/>
                        <a:cs typeface="Times New Roman"/>
                      </a:endParaRPr>
                    </a:p>
                    <a:p>
                      <a:pPr>
                        <a:lnSpc>
                          <a:spcPct val="100000"/>
                        </a:lnSpc>
                      </a:pPr>
                      <a:endParaRPr sz="700">
                        <a:latin typeface="Times New Roman"/>
                        <a:cs typeface="Times New Roman"/>
                      </a:endParaRPr>
                    </a:p>
                    <a:p>
                      <a:pPr>
                        <a:lnSpc>
                          <a:spcPct val="100000"/>
                        </a:lnSpc>
                        <a:spcBef>
                          <a:spcPts val="530"/>
                        </a:spcBef>
                      </a:pPr>
                      <a:endParaRPr sz="700">
                        <a:latin typeface="Times New Roman"/>
                        <a:cs typeface="Times New Roman"/>
                      </a:endParaRPr>
                    </a:p>
                    <a:p>
                      <a:pPr algn="ctr">
                        <a:lnSpc>
                          <a:spcPct val="100000"/>
                        </a:lnSpc>
                      </a:pPr>
                      <a:r>
                        <a:rPr sz="700" spc="-15" dirty="0">
                          <a:latin typeface="HGSｺﾞｼｯｸM"/>
                          <a:cs typeface="HGSｺﾞｼｯｸM"/>
                        </a:rPr>
                        <a:t>私法上の</a:t>
                      </a:r>
                      <a:endParaRPr sz="700">
                        <a:latin typeface="HGSｺﾞｼｯｸM"/>
                        <a:cs typeface="HGSｺﾞｼｯｸM"/>
                      </a:endParaRPr>
                    </a:p>
                    <a:p>
                      <a:pPr algn="ctr">
                        <a:lnSpc>
                          <a:spcPct val="100000"/>
                        </a:lnSpc>
                        <a:spcBef>
                          <a:spcPts val="300"/>
                        </a:spcBef>
                        <a:tabLst>
                          <a:tab pos="676275" algn="l"/>
                          <a:tab pos="1147445" algn="l"/>
                        </a:tabLst>
                      </a:pPr>
                      <a:r>
                        <a:rPr sz="700" dirty="0">
                          <a:latin typeface="HGSｺﾞｼｯｸM"/>
                          <a:cs typeface="HGSｺﾞｼｯｸM"/>
                        </a:rPr>
                        <a:t>事務処</a:t>
                      </a:r>
                      <a:r>
                        <a:rPr sz="700" spc="-50" dirty="0">
                          <a:latin typeface="HGSｺﾞｼｯｸM"/>
                          <a:cs typeface="HGSｺﾞｼｯｸM"/>
                        </a:rPr>
                        <a:t>理</a:t>
                      </a:r>
                      <a:r>
                        <a:rPr sz="700" dirty="0">
                          <a:latin typeface="HGSｺﾞｼｯｸM"/>
                          <a:cs typeface="HGSｺﾞｼｯｸM"/>
                        </a:rPr>
                        <a:t>	</a:t>
                      </a:r>
                      <a:r>
                        <a:rPr sz="1000" baseline="20833" dirty="0">
                          <a:latin typeface="HGSｺﾞｼｯｸM"/>
                          <a:cs typeface="HGSｺﾞｼｯｸM"/>
                        </a:rPr>
                        <a:t>委</a:t>
                      </a:r>
                      <a:r>
                        <a:rPr sz="1000" spc="-75" baseline="20833" dirty="0">
                          <a:latin typeface="HGSｺﾞｼｯｸM"/>
                          <a:cs typeface="HGSｺﾞｼｯｸM"/>
                        </a:rPr>
                        <a:t>託</a:t>
                      </a:r>
                      <a:r>
                        <a:rPr sz="1000" baseline="20833" dirty="0">
                          <a:latin typeface="HGSｺﾞｼｯｸM"/>
                          <a:cs typeface="HGSｺﾞｼｯｸM"/>
                        </a:rPr>
                        <a:t>	</a:t>
                      </a:r>
                      <a:r>
                        <a:rPr sz="1000" baseline="3472" dirty="0">
                          <a:latin typeface="HGSｺﾞｼｯｸM"/>
                          <a:cs typeface="HGSｺﾞｼｯｸM"/>
                        </a:rPr>
                        <a:t>法律効</a:t>
                      </a:r>
                      <a:r>
                        <a:rPr sz="1000" spc="-75" baseline="3472" dirty="0">
                          <a:latin typeface="HGSｺﾞｼｯｸM"/>
                          <a:cs typeface="HGSｺﾞｼｯｸM"/>
                        </a:rPr>
                        <a:t>果</a:t>
                      </a:r>
                      <a:endParaRPr sz="1000" baseline="3472">
                        <a:latin typeface="HGSｺﾞｼｯｸM"/>
                        <a:cs typeface="HGSｺﾞｼｯｸM"/>
                      </a:endParaRPr>
                    </a:p>
                    <a:p>
                      <a:pPr>
                        <a:lnSpc>
                          <a:spcPct val="100000"/>
                        </a:lnSpc>
                      </a:pPr>
                      <a:endParaRPr sz="700">
                        <a:latin typeface="Times New Roman"/>
                        <a:cs typeface="Times New Roman"/>
                      </a:endParaRPr>
                    </a:p>
                    <a:p>
                      <a:pPr>
                        <a:lnSpc>
                          <a:spcPct val="100000"/>
                        </a:lnSpc>
                        <a:spcBef>
                          <a:spcPts val="110"/>
                        </a:spcBef>
                      </a:pPr>
                      <a:endParaRPr sz="700">
                        <a:latin typeface="Times New Roman"/>
                        <a:cs typeface="Times New Roman"/>
                      </a:endParaRPr>
                    </a:p>
                    <a:p>
                      <a:pPr marL="100330" marR="116839">
                        <a:lnSpc>
                          <a:spcPct val="99700"/>
                        </a:lnSpc>
                        <a:spcBef>
                          <a:spcPts val="5"/>
                        </a:spcBef>
                      </a:pPr>
                      <a:r>
                        <a:rPr sz="900" spc="-25" dirty="0">
                          <a:latin typeface="Meiryo UI"/>
                          <a:cs typeface="Meiryo UI"/>
                        </a:rPr>
                        <a:t>一般的な委託契約により、地方</a:t>
                      </a:r>
                      <a:r>
                        <a:rPr sz="900" spc="-15" dirty="0">
                          <a:latin typeface="Meiryo UI"/>
                          <a:cs typeface="Meiryo UI"/>
                        </a:rPr>
                        <a:t>公共団体の事務の一部のを当</a:t>
                      </a:r>
                      <a:r>
                        <a:rPr sz="900" spc="-25" dirty="0">
                          <a:latin typeface="Meiryo UI"/>
                          <a:cs typeface="Meiryo UI"/>
                        </a:rPr>
                        <a:t>該地方公共団体の名において他の地方公共団体に委ねる方法</a:t>
                      </a:r>
                      <a:endParaRPr sz="9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1320"/>
                        </a:spcBef>
                      </a:pPr>
                      <a:endParaRPr sz="1000">
                        <a:latin typeface="Times New Roman"/>
                        <a:cs typeface="Times New Roman"/>
                      </a:endParaRPr>
                    </a:p>
                    <a:p>
                      <a:pPr algn="ctr">
                        <a:lnSpc>
                          <a:spcPct val="100000"/>
                        </a:lnSpc>
                      </a:pPr>
                      <a:r>
                        <a:rPr sz="1000" spc="-25" dirty="0">
                          <a:latin typeface="Meiryo UI"/>
                          <a:cs typeface="Meiryo UI"/>
                        </a:rPr>
                        <a:t>な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540"/>
                        </a:spcBef>
                      </a:pPr>
                      <a:endParaRPr sz="1000">
                        <a:latin typeface="Times New Roman"/>
                        <a:cs typeface="Times New Roman"/>
                      </a:endParaRPr>
                    </a:p>
                    <a:p>
                      <a:pPr marL="36195" marR="69850">
                        <a:lnSpc>
                          <a:spcPct val="100000"/>
                        </a:lnSpc>
                      </a:pPr>
                      <a:r>
                        <a:rPr sz="1000" spc="-20" dirty="0">
                          <a:latin typeface="Meiryo UI"/>
                          <a:cs typeface="Meiryo UI"/>
                        </a:rPr>
                        <a:t>それぞれに</a:t>
                      </a:r>
                      <a:r>
                        <a:rPr sz="1000" spc="-5" dirty="0">
                          <a:latin typeface="Meiryo UI"/>
                          <a:cs typeface="Meiryo UI"/>
                        </a:rPr>
                        <a:t>残る</a:t>
                      </a:r>
                      <a:r>
                        <a:rPr sz="1000" dirty="0">
                          <a:latin typeface="Meiryo UI"/>
                          <a:cs typeface="Meiryo UI"/>
                        </a:rPr>
                        <a:t>（</a:t>
                      </a:r>
                      <a:r>
                        <a:rPr sz="1000" spc="-50" dirty="0">
                          <a:latin typeface="Meiryo UI"/>
                          <a:cs typeface="Meiryo UI"/>
                        </a:rPr>
                        <a:t>委</a:t>
                      </a:r>
                      <a:r>
                        <a:rPr sz="1000" spc="-15" dirty="0">
                          <a:latin typeface="Meiryo UI"/>
                          <a:cs typeface="Meiryo UI"/>
                        </a:rPr>
                        <a:t>託契約で</a:t>
                      </a:r>
                      <a:r>
                        <a:rPr sz="1000" dirty="0">
                          <a:latin typeface="Meiryo UI"/>
                          <a:cs typeface="Meiryo UI"/>
                        </a:rPr>
                        <a:t>取り決め</a:t>
                      </a:r>
                      <a:r>
                        <a:rPr sz="1000" spc="-50" dirty="0">
                          <a:latin typeface="Meiryo UI"/>
                          <a:cs typeface="Meiryo UI"/>
                        </a:rPr>
                        <a:t>）</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1320"/>
                        </a:spcBef>
                      </a:pPr>
                      <a:endParaRPr sz="1000">
                        <a:latin typeface="Times New Roman"/>
                        <a:cs typeface="Times New Roman"/>
                      </a:endParaRPr>
                    </a:p>
                    <a:p>
                      <a:pPr marL="217804" indent="-181610">
                        <a:lnSpc>
                          <a:spcPct val="100000"/>
                        </a:lnSpc>
                        <a:buFont typeface="Arial"/>
                        <a:buChar char="•"/>
                        <a:tabLst>
                          <a:tab pos="217804" algn="l"/>
                        </a:tabLst>
                      </a:pPr>
                      <a:r>
                        <a:rPr sz="1000" spc="-10" dirty="0">
                          <a:latin typeface="Meiryo UI"/>
                          <a:cs typeface="Meiryo UI"/>
                        </a:rPr>
                        <a:t>実施にあたり議決が不要</a:t>
                      </a:r>
                      <a:endParaRPr sz="100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法人設立が不要</a:t>
                      </a:r>
                      <a:endParaRPr sz="1000">
                        <a:latin typeface="Meiryo UI"/>
                        <a:cs typeface="Meiryo UI"/>
                      </a:endParaRPr>
                    </a:p>
                    <a:p>
                      <a:pPr marL="217804" marR="74295" indent="-181610">
                        <a:lnSpc>
                          <a:spcPct val="100000"/>
                        </a:lnSpc>
                        <a:spcBef>
                          <a:spcPts val="600"/>
                        </a:spcBef>
                        <a:buFont typeface="Arial"/>
                        <a:buChar char="•"/>
                        <a:tabLst>
                          <a:tab pos="217804" algn="l"/>
                        </a:tabLst>
                      </a:pPr>
                      <a:r>
                        <a:rPr sz="1000" spc="-10" dirty="0">
                          <a:latin typeface="Meiryo UI"/>
                          <a:cs typeface="Meiryo UI"/>
                        </a:rPr>
                        <a:t>地方自治法に定められた共同処理制度</a:t>
                      </a:r>
                      <a:r>
                        <a:rPr sz="1000" spc="-15" dirty="0">
                          <a:latin typeface="Meiryo UI"/>
                          <a:cs typeface="Meiryo UI"/>
                        </a:rPr>
                        <a:t>ではない</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a:lnSpc>
                          <a:spcPct val="100000"/>
                        </a:lnSpc>
                        <a:spcBef>
                          <a:spcPts val="1355"/>
                        </a:spcBef>
                      </a:pPr>
                      <a:endParaRPr sz="1000">
                        <a:latin typeface="Times New Roman"/>
                        <a:cs typeface="Times New Roman"/>
                      </a:endParaRPr>
                    </a:p>
                    <a:p>
                      <a:pPr marL="187960" marR="46990" indent="-152400">
                        <a:lnSpc>
                          <a:spcPct val="100000"/>
                        </a:lnSpc>
                        <a:buSzPct val="91666"/>
                        <a:buChar char="○"/>
                        <a:tabLst>
                          <a:tab pos="212725" algn="l"/>
                        </a:tabLst>
                      </a:pPr>
                      <a:r>
                        <a:rPr sz="1000" spc="-15" dirty="0">
                          <a:latin typeface="Meiryo UI"/>
                          <a:cs typeface="Meiryo UI"/>
                        </a:rPr>
                        <a:t>技術力の補完を目的とするなど、受託側(</a:t>
                      </a:r>
                      <a:r>
                        <a:rPr sz="1000" dirty="0">
                          <a:latin typeface="Meiryo UI"/>
                          <a:cs typeface="Meiryo UI"/>
                        </a:rPr>
                        <a:t>A</a:t>
                      </a:r>
                      <a:r>
                        <a:rPr sz="1000" spc="-20" dirty="0">
                          <a:latin typeface="Meiryo UI"/>
                          <a:cs typeface="Meiryo UI"/>
                        </a:rPr>
                        <a:t>市)と委	</a:t>
                      </a:r>
                      <a:r>
                        <a:rPr sz="1000" spc="-5" dirty="0">
                          <a:latin typeface="Meiryo UI"/>
                          <a:cs typeface="Meiryo UI"/>
                        </a:rPr>
                        <a:t>託側(</a:t>
                      </a:r>
                      <a:r>
                        <a:rPr sz="1000" spc="-10" dirty="0">
                          <a:latin typeface="Meiryo UI"/>
                          <a:cs typeface="Meiryo UI"/>
                        </a:rPr>
                        <a:t>B市)の立場が明確な場合には、活用可能</a:t>
                      </a:r>
                      <a:endParaRPr sz="1000">
                        <a:latin typeface="Meiryo UI"/>
                        <a:cs typeface="Meiryo UI"/>
                      </a:endParaRPr>
                    </a:p>
                    <a:p>
                      <a:pPr marL="188595" indent="-152400">
                        <a:lnSpc>
                          <a:spcPct val="100000"/>
                        </a:lnSpc>
                        <a:spcBef>
                          <a:spcPts val="300"/>
                        </a:spcBef>
                        <a:buSzPct val="91666"/>
                        <a:buChar char="●"/>
                        <a:tabLst>
                          <a:tab pos="188595" algn="l"/>
                        </a:tabLst>
                      </a:pPr>
                      <a:r>
                        <a:rPr sz="1000" dirty="0">
                          <a:latin typeface="Meiryo UI"/>
                          <a:cs typeface="Meiryo UI"/>
                        </a:rPr>
                        <a:t>受託側(A</a:t>
                      </a:r>
                      <a:r>
                        <a:rPr sz="1000" spc="-15" dirty="0">
                          <a:latin typeface="Meiryo UI"/>
                          <a:cs typeface="Meiryo UI"/>
                        </a:rPr>
                        <a:t>市)のメリットが不明確</a:t>
                      </a:r>
                      <a:endParaRPr sz="1000">
                        <a:latin typeface="Meiryo UI"/>
                        <a:cs typeface="Meiryo UI"/>
                      </a:endParaRPr>
                    </a:p>
                    <a:p>
                      <a:pPr marL="212725" marR="105410" indent="-177165">
                        <a:lnSpc>
                          <a:spcPct val="100000"/>
                        </a:lnSpc>
                        <a:spcBef>
                          <a:spcPts val="300"/>
                        </a:spcBef>
                      </a:pPr>
                      <a:r>
                        <a:rPr sz="1000" dirty="0">
                          <a:latin typeface="Meiryo UI"/>
                          <a:cs typeface="Meiryo UI"/>
                        </a:rPr>
                        <a:t>※受託側(A</a:t>
                      </a:r>
                      <a:r>
                        <a:rPr sz="1000" spc="-15" dirty="0">
                          <a:latin typeface="Meiryo UI"/>
                          <a:cs typeface="Meiryo UI"/>
                        </a:rPr>
                        <a:t>市)のデメリットを解消する方策の検討が</a:t>
                      </a:r>
                      <a:r>
                        <a:rPr sz="1000" spc="-25" dirty="0">
                          <a:latin typeface="Meiryo UI"/>
                          <a:cs typeface="Meiryo UI"/>
                        </a:rPr>
                        <a:t>必要</a:t>
                      </a:r>
                      <a:endParaRPr sz="1000">
                        <a:latin typeface="Meiryo UI"/>
                        <a:cs typeface="Meiryo UI"/>
                      </a:endParaRPr>
                    </a:p>
                    <a:p>
                      <a:pPr marL="212725" marR="107314" indent="-177165" algn="just">
                        <a:lnSpc>
                          <a:spcPct val="100000"/>
                        </a:lnSpc>
                        <a:spcBef>
                          <a:spcPts val="300"/>
                        </a:spcBef>
                      </a:pPr>
                      <a:r>
                        <a:rPr sz="1000" spc="-15" dirty="0">
                          <a:latin typeface="Meiryo UI"/>
                          <a:cs typeface="Meiryo UI"/>
                        </a:rPr>
                        <a:t>※事務処理を委託しつつも管理権限等が委託側(</a:t>
                      </a:r>
                      <a:r>
                        <a:rPr sz="1000" spc="-25" dirty="0">
                          <a:latin typeface="Meiryo UI"/>
                          <a:cs typeface="Meiryo UI"/>
                        </a:rPr>
                        <a:t>B</a:t>
                      </a:r>
                      <a:r>
                        <a:rPr sz="1000" spc="-20" dirty="0">
                          <a:latin typeface="Meiryo UI"/>
                          <a:cs typeface="Meiryo UI"/>
                        </a:rPr>
                        <a:t>市)に残るため、一定の技術力が必要であることに</a:t>
                      </a:r>
                      <a:r>
                        <a:rPr sz="1000" spc="-10" dirty="0">
                          <a:latin typeface="Meiryo UI"/>
                          <a:cs typeface="Meiryo UI"/>
                        </a:rPr>
                        <a:t>留意が必要</a:t>
                      </a:r>
                      <a:endParaRPr sz="1000">
                        <a:latin typeface="Meiryo UI"/>
                        <a:cs typeface="Meiryo UI"/>
                      </a:endParaRPr>
                    </a:p>
                  </a:txBody>
                  <a:tcPr marL="0" marR="0" marT="147151"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3"/>
                  </a:ext>
                </a:extLst>
              </a:tr>
            </a:tbl>
          </a:graphicData>
        </a:graphic>
      </p:graphicFrame>
      <p:sp>
        <p:nvSpPr>
          <p:cNvPr id="16" name="object 16"/>
          <p:cNvSpPr txBox="1">
            <a:spLocks noGrp="1"/>
          </p:cNvSpPr>
          <p:nvPr>
            <p:ph type="title"/>
          </p:nvPr>
        </p:nvSpPr>
        <p:spPr>
          <a:xfrm>
            <a:off x="385307" y="526051"/>
            <a:ext cx="3540314" cy="236092"/>
          </a:xfrm>
          <a:prstGeom prst="rect">
            <a:avLst/>
          </a:prstGeom>
        </p:spPr>
        <p:txBody>
          <a:bodyPr vert="horz" wrap="square" lIns="0" tIns="10860" rIns="0" bIns="0" rtlCol="0">
            <a:spAutoFit/>
          </a:bodyPr>
          <a:lstStyle/>
          <a:p>
            <a:pPr marL="10860">
              <a:lnSpc>
                <a:spcPct val="100000"/>
              </a:lnSpc>
              <a:spcBef>
                <a:spcPts val="86"/>
              </a:spcBef>
              <a:tabLst>
                <a:tab pos="1726703" algn="l"/>
              </a:tabLst>
            </a:pPr>
            <a:r>
              <a:rPr dirty="0"/>
              <a:t>【</a:t>
            </a:r>
            <a:r>
              <a:rPr dirty="0">
                <a:solidFill>
                  <a:srgbClr val="E46B0A"/>
                </a:solidFill>
              </a:rPr>
              <a:t>自治体</a:t>
            </a:r>
            <a:r>
              <a:rPr spc="-9" dirty="0"/>
              <a:t>の</a:t>
            </a:r>
            <a:r>
              <a:rPr dirty="0"/>
              <a:t>束</a:t>
            </a:r>
            <a:r>
              <a:rPr spc="-43" dirty="0"/>
              <a:t>】</a:t>
            </a:r>
            <a:r>
              <a:rPr dirty="0"/>
              <a:t>	広域連携</a:t>
            </a:r>
            <a:r>
              <a:rPr spc="-9" dirty="0"/>
              <a:t>の</a:t>
            </a:r>
            <a:r>
              <a:rPr dirty="0"/>
              <a:t>手</a:t>
            </a:r>
            <a:r>
              <a:rPr spc="-43" dirty="0"/>
              <a:t>法</a:t>
            </a:r>
          </a:p>
        </p:txBody>
      </p:sp>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365590" y="495210"/>
            <a:ext cx="1440017" cy="288003"/>
          </a:xfrm>
          <a:prstGeom prst="rect">
            <a:avLst/>
          </a:prstGeom>
        </p:spPr>
      </p:pic>
      <p:grpSp>
        <p:nvGrpSpPr>
          <p:cNvPr id="3" name="object 3"/>
          <p:cNvGrpSpPr/>
          <p:nvPr/>
        </p:nvGrpSpPr>
        <p:grpSpPr>
          <a:xfrm>
            <a:off x="1038636" y="4717522"/>
            <a:ext cx="1468796" cy="354574"/>
            <a:chOff x="1214627" y="5288279"/>
            <a:chExt cx="1717675" cy="414655"/>
          </a:xfrm>
        </p:grpSpPr>
        <p:pic>
          <p:nvPicPr>
            <p:cNvPr id="4" name="object 4"/>
            <p:cNvPicPr/>
            <p:nvPr/>
          </p:nvPicPr>
          <p:blipFill>
            <a:blip r:embed="rId3" cstate="print"/>
            <a:stretch>
              <a:fillRect/>
            </a:stretch>
          </p:blipFill>
          <p:spPr>
            <a:xfrm>
              <a:off x="1214627" y="5288279"/>
              <a:ext cx="1717548" cy="307848"/>
            </a:xfrm>
            <a:prstGeom prst="rect">
              <a:avLst/>
            </a:prstGeom>
          </p:spPr>
        </p:pic>
        <p:sp>
          <p:nvSpPr>
            <p:cNvPr id="5" name="object 5"/>
            <p:cNvSpPr/>
            <p:nvPr/>
          </p:nvSpPr>
          <p:spPr>
            <a:xfrm>
              <a:off x="1808987" y="5472683"/>
              <a:ext cx="553720" cy="230504"/>
            </a:xfrm>
            <a:custGeom>
              <a:avLst/>
              <a:gdLst/>
              <a:ahLst/>
              <a:cxnLst/>
              <a:rect l="l" t="t" r="r" b="b"/>
              <a:pathLst>
                <a:path w="553719" h="230504">
                  <a:moveTo>
                    <a:pt x="553212" y="0"/>
                  </a:moveTo>
                  <a:lnTo>
                    <a:pt x="0" y="0"/>
                  </a:lnTo>
                  <a:lnTo>
                    <a:pt x="0" y="230124"/>
                  </a:lnTo>
                  <a:lnTo>
                    <a:pt x="553212" y="230124"/>
                  </a:lnTo>
                  <a:lnTo>
                    <a:pt x="553212" y="0"/>
                  </a:lnTo>
                  <a:close/>
                </a:path>
              </a:pathLst>
            </a:custGeom>
            <a:solidFill>
              <a:srgbClr val="FFFFFF"/>
            </a:solidFill>
          </p:spPr>
          <p:txBody>
            <a:bodyPr wrap="square" lIns="0" tIns="0" rIns="0" bIns="0" rtlCol="0"/>
            <a:lstStyle/>
            <a:p>
              <a:endParaRPr sz="1749"/>
            </a:p>
          </p:txBody>
        </p:sp>
      </p:grpSp>
      <p:grpSp>
        <p:nvGrpSpPr>
          <p:cNvPr id="6" name="object 6"/>
          <p:cNvGrpSpPr/>
          <p:nvPr/>
        </p:nvGrpSpPr>
        <p:grpSpPr>
          <a:xfrm>
            <a:off x="1131163" y="2336608"/>
            <a:ext cx="1038745" cy="739013"/>
            <a:chOff x="1322832" y="2503932"/>
            <a:chExt cx="1214755" cy="864235"/>
          </a:xfrm>
        </p:grpSpPr>
        <p:pic>
          <p:nvPicPr>
            <p:cNvPr id="7" name="object 7"/>
            <p:cNvPicPr/>
            <p:nvPr/>
          </p:nvPicPr>
          <p:blipFill>
            <a:blip r:embed="rId4" cstate="print"/>
            <a:stretch>
              <a:fillRect/>
            </a:stretch>
          </p:blipFill>
          <p:spPr>
            <a:xfrm>
              <a:off x="1322832" y="2503932"/>
              <a:ext cx="490728" cy="864108"/>
            </a:xfrm>
            <a:prstGeom prst="rect">
              <a:avLst/>
            </a:prstGeom>
          </p:spPr>
        </p:pic>
        <p:sp>
          <p:nvSpPr>
            <p:cNvPr id="8" name="object 8"/>
            <p:cNvSpPr/>
            <p:nvPr/>
          </p:nvSpPr>
          <p:spPr>
            <a:xfrm>
              <a:off x="1783080" y="2602991"/>
              <a:ext cx="754380" cy="612775"/>
            </a:xfrm>
            <a:custGeom>
              <a:avLst/>
              <a:gdLst/>
              <a:ahLst/>
              <a:cxnLst/>
              <a:rect l="l" t="t" r="r" b="b"/>
              <a:pathLst>
                <a:path w="754380" h="612775">
                  <a:moveTo>
                    <a:pt x="745236" y="588264"/>
                  </a:moveTo>
                  <a:lnTo>
                    <a:pt x="742276" y="586740"/>
                  </a:lnTo>
                  <a:lnTo>
                    <a:pt x="694944" y="562356"/>
                  </a:lnTo>
                  <a:lnTo>
                    <a:pt x="694944" y="586740"/>
                  </a:lnTo>
                  <a:lnTo>
                    <a:pt x="0" y="586740"/>
                  </a:lnTo>
                  <a:lnTo>
                    <a:pt x="0" y="589788"/>
                  </a:lnTo>
                  <a:lnTo>
                    <a:pt x="694944" y="589788"/>
                  </a:lnTo>
                  <a:lnTo>
                    <a:pt x="694944" y="612648"/>
                  </a:lnTo>
                  <a:lnTo>
                    <a:pt x="742086" y="589788"/>
                  </a:lnTo>
                  <a:lnTo>
                    <a:pt x="745236" y="588264"/>
                  </a:lnTo>
                  <a:close/>
                </a:path>
                <a:path w="754380" h="612775">
                  <a:moveTo>
                    <a:pt x="754380" y="313944"/>
                  </a:moveTo>
                  <a:lnTo>
                    <a:pt x="751420" y="312420"/>
                  </a:lnTo>
                  <a:lnTo>
                    <a:pt x="704088" y="288036"/>
                  </a:lnTo>
                  <a:lnTo>
                    <a:pt x="704088" y="312420"/>
                  </a:lnTo>
                  <a:lnTo>
                    <a:pt x="7620" y="312420"/>
                  </a:lnTo>
                  <a:lnTo>
                    <a:pt x="7620" y="315468"/>
                  </a:lnTo>
                  <a:lnTo>
                    <a:pt x="704088" y="315468"/>
                  </a:lnTo>
                  <a:lnTo>
                    <a:pt x="704088" y="339852"/>
                  </a:lnTo>
                  <a:lnTo>
                    <a:pt x="751420" y="315468"/>
                  </a:lnTo>
                  <a:lnTo>
                    <a:pt x="754380" y="313944"/>
                  </a:lnTo>
                  <a:close/>
                </a:path>
                <a:path w="754380" h="612775">
                  <a:moveTo>
                    <a:pt x="754380" y="25908"/>
                  </a:moveTo>
                  <a:lnTo>
                    <a:pt x="751420" y="24384"/>
                  </a:lnTo>
                  <a:lnTo>
                    <a:pt x="704088" y="0"/>
                  </a:lnTo>
                  <a:lnTo>
                    <a:pt x="704088" y="24384"/>
                  </a:lnTo>
                  <a:lnTo>
                    <a:pt x="7620" y="24384"/>
                  </a:lnTo>
                  <a:lnTo>
                    <a:pt x="7620" y="27432"/>
                  </a:lnTo>
                  <a:lnTo>
                    <a:pt x="704088" y="27432"/>
                  </a:lnTo>
                  <a:lnTo>
                    <a:pt x="704088" y="51816"/>
                  </a:lnTo>
                  <a:lnTo>
                    <a:pt x="751420" y="27432"/>
                  </a:lnTo>
                  <a:lnTo>
                    <a:pt x="754380" y="25908"/>
                  </a:lnTo>
                  <a:close/>
                </a:path>
              </a:pathLst>
            </a:custGeom>
            <a:solidFill>
              <a:srgbClr val="77933B"/>
            </a:solidFill>
          </p:spPr>
          <p:txBody>
            <a:bodyPr wrap="square" lIns="0" tIns="0" rIns="0" bIns="0" rtlCol="0"/>
            <a:lstStyle/>
            <a:p>
              <a:endParaRPr sz="1749"/>
            </a:p>
          </p:txBody>
        </p:sp>
        <p:sp>
          <p:nvSpPr>
            <p:cNvPr id="9" name="object 9"/>
            <p:cNvSpPr/>
            <p:nvPr/>
          </p:nvSpPr>
          <p:spPr>
            <a:xfrm>
              <a:off x="2022348" y="2537460"/>
              <a:ext cx="250190" cy="762000"/>
            </a:xfrm>
            <a:custGeom>
              <a:avLst/>
              <a:gdLst/>
              <a:ahLst/>
              <a:cxnLst/>
              <a:rect l="l" t="t" r="r" b="b"/>
              <a:pathLst>
                <a:path w="250189" h="762000">
                  <a:moveTo>
                    <a:pt x="249936" y="0"/>
                  </a:moveTo>
                  <a:lnTo>
                    <a:pt x="0" y="0"/>
                  </a:lnTo>
                  <a:lnTo>
                    <a:pt x="0" y="762000"/>
                  </a:lnTo>
                  <a:lnTo>
                    <a:pt x="249936" y="762000"/>
                  </a:lnTo>
                  <a:lnTo>
                    <a:pt x="249936" y="0"/>
                  </a:lnTo>
                  <a:close/>
                </a:path>
              </a:pathLst>
            </a:custGeom>
            <a:solidFill>
              <a:srgbClr val="B6DDE8"/>
            </a:solidFill>
          </p:spPr>
          <p:txBody>
            <a:bodyPr wrap="square" lIns="0" tIns="0" rIns="0" bIns="0" rtlCol="0"/>
            <a:lstStyle/>
            <a:p>
              <a:endParaRPr sz="1749"/>
            </a:p>
          </p:txBody>
        </p:sp>
      </p:grpSp>
      <p:grpSp>
        <p:nvGrpSpPr>
          <p:cNvPr id="10" name="object 10"/>
          <p:cNvGrpSpPr/>
          <p:nvPr/>
        </p:nvGrpSpPr>
        <p:grpSpPr>
          <a:xfrm>
            <a:off x="2167192" y="2337910"/>
            <a:ext cx="219369" cy="701546"/>
            <a:chOff x="2534411" y="2505455"/>
            <a:chExt cx="256540" cy="820419"/>
          </a:xfrm>
        </p:grpSpPr>
        <p:sp>
          <p:nvSpPr>
            <p:cNvPr id="11" name="object 11"/>
            <p:cNvSpPr/>
            <p:nvPr/>
          </p:nvSpPr>
          <p:spPr>
            <a:xfrm>
              <a:off x="2537459" y="2508503"/>
              <a:ext cx="250190" cy="814069"/>
            </a:xfrm>
            <a:custGeom>
              <a:avLst/>
              <a:gdLst/>
              <a:ahLst/>
              <a:cxnLst/>
              <a:rect l="l" t="t" r="r" b="b"/>
              <a:pathLst>
                <a:path w="250189" h="814070">
                  <a:moveTo>
                    <a:pt x="249936" y="0"/>
                  </a:moveTo>
                  <a:lnTo>
                    <a:pt x="0" y="0"/>
                  </a:lnTo>
                  <a:lnTo>
                    <a:pt x="0" y="813815"/>
                  </a:lnTo>
                  <a:lnTo>
                    <a:pt x="249936" y="813815"/>
                  </a:lnTo>
                  <a:lnTo>
                    <a:pt x="249936" y="0"/>
                  </a:lnTo>
                  <a:close/>
                </a:path>
              </a:pathLst>
            </a:custGeom>
            <a:solidFill>
              <a:srgbClr val="EBF0DD"/>
            </a:solidFill>
          </p:spPr>
          <p:txBody>
            <a:bodyPr wrap="square" lIns="0" tIns="0" rIns="0" bIns="0" rtlCol="0"/>
            <a:lstStyle/>
            <a:p>
              <a:endParaRPr sz="1749"/>
            </a:p>
          </p:txBody>
        </p:sp>
        <p:sp>
          <p:nvSpPr>
            <p:cNvPr id="12" name="object 12"/>
            <p:cNvSpPr/>
            <p:nvPr/>
          </p:nvSpPr>
          <p:spPr>
            <a:xfrm>
              <a:off x="2537459" y="2508503"/>
              <a:ext cx="250190" cy="814069"/>
            </a:xfrm>
            <a:custGeom>
              <a:avLst/>
              <a:gdLst/>
              <a:ahLst/>
              <a:cxnLst/>
              <a:rect l="l" t="t" r="r" b="b"/>
              <a:pathLst>
                <a:path w="250189" h="814070">
                  <a:moveTo>
                    <a:pt x="0" y="0"/>
                  </a:moveTo>
                  <a:lnTo>
                    <a:pt x="249935" y="0"/>
                  </a:lnTo>
                  <a:lnTo>
                    <a:pt x="249935" y="813815"/>
                  </a:lnTo>
                  <a:lnTo>
                    <a:pt x="0" y="813815"/>
                  </a:lnTo>
                  <a:lnTo>
                    <a:pt x="0" y="0"/>
                  </a:lnTo>
                  <a:close/>
                </a:path>
              </a:pathLst>
            </a:custGeom>
            <a:ln w="6096">
              <a:solidFill>
                <a:srgbClr val="77933B"/>
              </a:solidFill>
            </a:ln>
          </p:spPr>
          <p:txBody>
            <a:bodyPr wrap="square" lIns="0" tIns="0" rIns="0" bIns="0" rtlCol="0"/>
            <a:lstStyle/>
            <a:p>
              <a:endParaRPr sz="1749"/>
            </a:p>
          </p:txBody>
        </p:sp>
      </p:grpSp>
      <p:sp>
        <p:nvSpPr>
          <p:cNvPr id="13" name="object 13"/>
          <p:cNvSpPr txBox="1"/>
          <p:nvPr/>
        </p:nvSpPr>
        <p:spPr>
          <a:xfrm>
            <a:off x="2242919" y="2504283"/>
            <a:ext cx="101887" cy="365977"/>
          </a:xfrm>
          <a:prstGeom prst="rect">
            <a:avLst/>
          </a:prstGeom>
        </p:spPr>
        <p:txBody>
          <a:bodyPr vert="eaVert" wrap="square" lIns="0" tIns="0" rIns="0" bIns="0" rtlCol="0">
            <a:spAutoFit/>
          </a:bodyPr>
          <a:lstStyle/>
          <a:p>
            <a:pPr marL="10860">
              <a:lnSpc>
                <a:spcPct val="65000"/>
              </a:lnSpc>
            </a:pPr>
            <a:r>
              <a:rPr sz="898" dirty="0">
                <a:latin typeface="HGP教科書体"/>
                <a:cs typeface="HGP教科書体"/>
              </a:rPr>
              <a:t>事業者</a:t>
            </a:r>
            <a:endParaRPr sz="898">
              <a:latin typeface="HGP教科書体"/>
              <a:cs typeface="HGP教科書体"/>
            </a:endParaRPr>
          </a:p>
        </p:txBody>
      </p:sp>
      <p:sp>
        <p:nvSpPr>
          <p:cNvPr id="17" name="object 17"/>
          <p:cNvSpPr txBox="1">
            <a:spLocks noGrp="1"/>
          </p:cNvSpPr>
          <p:nvPr>
            <p:ph type="sldNum" sz="quarter" idx="7"/>
          </p:nvPr>
        </p:nvSpPr>
        <p:spPr>
          <a:xfrm>
            <a:off x="9962388" y="6895615"/>
            <a:ext cx="388873" cy="339598"/>
          </a:xfrm>
          <a:prstGeom prst="rect">
            <a:avLst/>
          </a:prstGeom>
        </p:spPr>
        <p:txBody>
          <a:bodyPr vert="horz" wrap="square" lIns="0" tIns="0" rIns="0" bIns="0" rtlCol="0">
            <a:spAutoFit/>
          </a:bodyPr>
          <a:lstStyle>
            <a:defPPr>
              <a:defRPr kern="0"/>
            </a:defPPr>
            <a:lvl1pPr>
              <a:defRPr sz="1600" b="0" i="0">
                <a:solidFill>
                  <a:schemeClr val="tx1"/>
                </a:solidFill>
                <a:latin typeface="Meiryo UI"/>
                <a:cs typeface="Meiryo UI"/>
              </a:defRPr>
            </a:lvl1pPr>
          </a:lstStyle>
          <a:p>
            <a:pPr marL="126364">
              <a:spcBef>
                <a:spcPts val="190"/>
              </a:spcBef>
            </a:pPr>
            <a:fld id="{81D60167-4931-47E6-BA6A-407CBD079E47}" type="slidenum">
              <a:rPr lang="en-US" altLang="ja-JP" spc="-50" smtClean="0"/>
              <a:pPr marL="126364">
                <a:spcBef>
                  <a:spcPts val="190"/>
                </a:spcBef>
              </a:pPr>
              <a:t>26</a:t>
            </a:fld>
            <a:endParaRPr spc="-21" dirty="0"/>
          </a:p>
        </p:txBody>
      </p:sp>
      <p:sp>
        <p:nvSpPr>
          <p:cNvPr id="14" name="object 14"/>
          <p:cNvSpPr txBox="1"/>
          <p:nvPr/>
        </p:nvSpPr>
        <p:spPr>
          <a:xfrm>
            <a:off x="1801140" y="2449549"/>
            <a:ext cx="101887" cy="480549"/>
          </a:xfrm>
          <a:prstGeom prst="rect">
            <a:avLst/>
          </a:prstGeom>
        </p:spPr>
        <p:txBody>
          <a:bodyPr vert="eaVert" wrap="square" lIns="0" tIns="0" rIns="0" bIns="0" rtlCol="0">
            <a:spAutoFit/>
          </a:bodyPr>
          <a:lstStyle/>
          <a:p>
            <a:pPr marL="10860">
              <a:lnSpc>
                <a:spcPct val="65000"/>
              </a:lnSpc>
            </a:pPr>
            <a:r>
              <a:rPr sz="898" dirty="0">
                <a:latin typeface="HGP教科書体"/>
                <a:cs typeface="HGP教科書体"/>
              </a:rPr>
              <a:t>共同発注</a:t>
            </a:r>
            <a:endParaRPr sz="898">
              <a:latin typeface="HGP教科書体"/>
              <a:cs typeface="HGP教科書体"/>
            </a:endParaRPr>
          </a:p>
        </p:txBody>
      </p:sp>
      <p:graphicFrame>
        <p:nvGraphicFramePr>
          <p:cNvPr id="15" name="object 15"/>
          <p:cNvGraphicFramePr>
            <a:graphicFrameLocks noGrp="1"/>
          </p:cNvGraphicFramePr>
          <p:nvPr/>
        </p:nvGraphicFramePr>
        <p:xfrm>
          <a:off x="406593" y="991721"/>
          <a:ext cx="8334938" cy="5219051"/>
        </p:xfrm>
        <a:graphic>
          <a:graphicData uri="http://schemas.openxmlformats.org/drawingml/2006/table">
            <a:tbl>
              <a:tblPr firstRow="1" bandRow="1">
                <a:tableStyleId>{2D5ABB26-0587-4C30-8999-92F81FD0307C}</a:tableStyleId>
              </a:tblPr>
              <a:tblGrid>
                <a:gridCol w="572314">
                  <a:extLst>
                    <a:ext uri="{9D8B030D-6E8A-4147-A177-3AD203B41FA5}">
                      <a16:colId xmlns:a16="http://schemas.microsoft.com/office/drawing/2014/main" val="20000"/>
                    </a:ext>
                  </a:extLst>
                </a:gridCol>
                <a:gridCol w="1601829">
                  <a:extLst>
                    <a:ext uri="{9D8B030D-6E8A-4147-A177-3AD203B41FA5}">
                      <a16:colId xmlns:a16="http://schemas.microsoft.com/office/drawing/2014/main" val="20001"/>
                    </a:ext>
                  </a:extLst>
                </a:gridCol>
                <a:gridCol w="307876">
                  <a:extLst>
                    <a:ext uri="{9D8B030D-6E8A-4147-A177-3AD203B41FA5}">
                      <a16:colId xmlns:a16="http://schemas.microsoft.com/office/drawing/2014/main" val="20002"/>
                    </a:ext>
                  </a:extLst>
                </a:gridCol>
                <a:gridCol w="678198">
                  <a:extLst>
                    <a:ext uri="{9D8B030D-6E8A-4147-A177-3AD203B41FA5}">
                      <a16:colId xmlns:a16="http://schemas.microsoft.com/office/drawing/2014/main" val="20003"/>
                    </a:ext>
                  </a:extLst>
                </a:gridCol>
                <a:gridCol w="631500">
                  <a:extLst>
                    <a:ext uri="{9D8B030D-6E8A-4147-A177-3AD203B41FA5}">
                      <a16:colId xmlns:a16="http://schemas.microsoft.com/office/drawing/2014/main" val="20004"/>
                    </a:ext>
                  </a:extLst>
                </a:gridCol>
                <a:gridCol w="1709341">
                  <a:extLst>
                    <a:ext uri="{9D8B030D-6E8A-4147-A177-3AD203B41FA5}">
                      <a16:colId xmlns:a16="http://schemas.microsoft.com/office/drawing/2014/main" val="20005"/>
                    </a:ext>
                  </a:extLst>
                </a:gridCol>
                <a:gridCol w="2833880">
                  <a:extLst>
                    <a:ext uri="{9D8B030D-6E8A-4147-A177-3AD203B41FA5}">
                      <a16:colId xmlns:a16="http://schemas.microsoft.com/office/drawing/2014/main" val="20006"/>
                    </a:ext>
                  </a:extLst>
                </a:gridCol>
              </a:tblGrid>
              <a:tr h="293216">
                <a:tc gridSpan="5">
                  <a:txBody>
                    <a:bodyPr/>
                    <a:lstStyle/>
                    <a:p>
                      <a:pPr marL="314960">
                        <a:lnSpc>
                          <a:spcPct val="100000"/>
                        </a:lnSpc>
                        <a:spcBef>
                          <a:spcPts val="70"/>
                        </a:spcBef>
                      </a:pPr>
                      <a:r>
                        <a:rPr sz="1500" b="1" spc="-10" dirty="0">
                          <a:solidFill>
                            <a:srgbClr val="FFFFFF"/>
                          </a:solidFill>
                          <a:latin typeface="Meiryo UI"/>
                          <a:cs typeface="Meiryo UI"/>
                        </a:rPr>
                        <a:t>地方自治法以外の主な共同処理の手法</a:t>
                      </a:r>
                      <a:endParaRPr sz="1500">
                        <a:latin typeface="Meiryo UI"/>
                        <a:cs typeface="Meiryo UI"/>
                      </a:endParaRPr>
                    </a:p>
                  </a:txBody>
                  <a:tcPr marL="0" marR="0" marT="7602" marB="0">
                    <a:lnB w="12700">
                      <a:solidFill>
                        <a:srgbClr val="000000"/>
                      </a:solidFill>
                      <a:prstDash val="solid"/>
                    </a:lnB>
                    <a:solidFill>
                      <a:srgbClr val="3F3F3F"/>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gridSpan="2">
                  <a:txBody>
                    <a:bodyPr/>
                    <a:lstStyle/>
                    <a:p>
                      <a:pPr>
                        <a:lnSpc>
                          <a:spcPct val="100000"/>
                        </a:lnSpc>
                      </a:pPr>
                      <a:endParaRPr sz="1000">
                        <a:latin typeface="Times New Roman"/>
                        <a:cs typeface="Times New Roman"/>
                      </a:endParaRPr>
                    </a:p>
                  </a:txBody>
                  <a:tcPr marL="0" marR="0" marT="0" marB="0">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0"/>
                  </a:ext>
                </a:extLst>
              </a:tr>
              <a:tr h="468603">
                <a:tc gridSpan="2">
                  <a:txBody>
                    <a:bodyPr/>
                    <a:lstStyle/>
                    <a:p>
                      <a:pPr>
                        <a:lnSpc>
                          <a:spcPct val="100000"/>
                        </a:lnSpc>
                        <a:spcBef>
                          <a:spcPts val="45"/>
                        </a:spcBef>
                      </a:pPr>
                      <a:endParaRPr sz="1000">
                        <a:latin typeface="Times New Roman"/>
                        <a:cs typeface="Times New Roman"/>
                      </a:endParaRPr>
                    </a:p>
                    <a:p>
                      <a:pPr marL="752475">
                        <a:lnSpc>
                          <a:spcPct val="100000"/>
                        </a:lnSpc>
                      </a:pPr>
                      <a:r>
                        <a:rPr sz="1000" spc="-10" dirty="0">
                          <a:latin typeface="Meiryo UI"/>
                          <a:cs typeface="Meiryo UI"/>
                        </a:rPr>
                        <a:t>共同処理の手法</a:t>
                      </a:r>
                      <a:endParaRPr sz="1000">
                        <a:latin typeface="Meiryo UI"/>
                        <a:cs typeface="Meiryo UI"/>
                      </a:endParaRPr>
                    </a:p>
                  </a:txBody>
                  <a:tcPr marL="0" marR="0" marT="488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hMerge="1">
                  <a:txBody>
                    <a:bodyPr/>
                    <a:lstStyle/>
                    <a:p>
                      <a:endParaRPr/>
                    </a:p>
                  </a:txBody>
                  <a:tcPr marL="0" marR="0" marT="0" marB="0"/>
                </a:tc>
                <a:tc>
                  <a:txBody>
                    <a:bodyPr/>
                    <a:lstStyle/>
                    <a:p>
                      <a:pPr marL="103505" marR="95885" algn="just">
                        <a:lnSpc>
                          <a:spcPts val="1440"/>
                        </a:lnSpc>
                      </a:pPr>
                      <a:r>
                        <a:rPr sz="1000" spc="-50" dirty="0">
                          <a:latin typeface="Meiryo UI"/>
                          <a:cs typeface="Meiryo UI"/>
                        </a:rPr>
                        <a:t>法人格</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spcBef>
                          <a:spcPts val="45"/>
                        </a:spcBef>
                      </a:pPr>
                      <a:endParaRPr sz="1000">
                        <a:latin typeface="Times New Roman"/>
                        <a:cs typeface="Times New Roman"/>
                      </a:endParaRPr>
                    </a:p>
                    <a:p>
                      <a:pPr marL="92710">
                        <a:lnSpc>
                          <a:spcPct val="100000"/>
                        </a:lnSpc>
                      </a:pPr>
                      <a:r>
                        <a:rPr sz="1000" spc="-15" dirty="0">
                          <a:latin typeface="Meiryo UI"/>
                          <a:cs typeface="Meiryo UI"/>
                        </a:rPr>
                        <a:t>管理権限</a:t>
                      </a:r>
                      <a:endParaRPr sz="1000">
                        <a:latin typeface="Meiryo UI"/>
                        <a:cs typeface="Meiryo UI"/>
                      </a:endParaRPr>
                    </a:p>
                  </a:txBody>
                  <a:tcPr marL="0" marR="0" marT="488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gridSpan="2">
                  <a:txBody>
                    <a:bodyPr/>
                    <a:lstStyle/>
                    <a:p>
                      <a:pPr>
                        <a:lnSpc>
                          <a:spcPct val="100000"/>
                        </a:lnSpc>
                        <a:spcBef>
                          <a:spcPts val="45"/>
                        </a:spcBef>
                      </a:pPr>
                      <a:endParaRPr sz="1000">
                        <a:latin typeface="Times New Roman"/>
                        <a:cs typeface="Times New Roman"/>
                      </a:endParaRPr>
                    </a:p>
                    <a:p>
                      <a:pPr marL="1270" algn="ctr">
                        <a:lnSpc>
                          <a:spcPct val="100000"/>
                        </a:lnSpc>
                      </a:pPr>
                      <a:r>
                        <a:rPr sz="1000" spc="-25" dirty="0">
                          <a:latin typeface="Meiryo UI"/>
                          <a:cs typeface="Meiryo UI"/>
                        </a:rPr>
                        <a:t>特徴</a:t>
                      </a:r>
                      <a:endParaRPr sz="1000">
                        <a:latin typeface="Meiryo UI"/>
                        <a:cs typeface="Meiryo UI"/>
                      </a:endParaRPr>
                    </a:p>
                  </a:txBody>
                  <a:tcPr marL="0" marR="0" marT="4887"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hMerge="1">
                  <a:txBody>
                    <a:bodyPr/>
                    <a:lstStyle/>
                    <a:p>
                      <a:endParaRPr/>
                    </a:p>
                  </a:txBody>
                  <a:tcPr marL="0" marR="0" marT="0" marB="0"/>
                </a:tc>
                <a:tc>
                  <a:txBody>
                    <a:bodyPr/>
                    <a:lstStyle/>
                    <a:p>
                      <a:pPr algn="ctr">
                        <a:lnSpc>
                          <a:spcPct val="100000"/>
                        </a:lnSpc>
                        <a:spcBef>
                          <a:spcPts val="705"/>
                        </a:spcBef>
                      </a:pPr>
                      <a:r>
                        <a:rPr sz="1000" spc="-10" dirty="0">
                          <a:latin typeface="Meiryo UI"/>
                          <a:cs typeface="Meiryo UI"/>
                        </a:rPr>
                        <a:t>群マネへの適用の留意点</a:t>
                      </a:r>
                      <a:endParaRPr sz="1000">
                        <a:latin typeface="Meiryo UI"/>
                        <a:cs typeface="Meiryo UI"/>
                      </a:endParaRPr>
                    </a:p>
                    <a:p>
                      <a:pPr marL="43815" algn="ctr">
                        <a:lnSpc>
                          <a:spcPct val="100000"/>
                        </a:lnSpc>
                        <a:spcBef>
                          <a:spcPts val="219"/>
                        </a:spcBef>
                        <a:tabLst>
                          <a:tab pos="1095375" algn="l"/>
                        </a:tabLst>
                      </a:pPr>
                      <a:r>
                        <a:rPr sz="1000" dirty="0">
                          <a:latin typeface="Meiryo UI"/>
                          <a:cs typeface="Meiryo UI"/>
                        </a:rPr>
                        <a:t>（</a:t>
                      </a:r>
                      <a:r>
                        <a:rPr sz="1000" spc="-10" dirty="0">
                          <a:latin typeface="Meiryo UI"/>
                          <a:cs typeface="Meiryo UI"/>
                        </a:rPr>
                        <a:t>メ</a:t>
                      </a:r>
                      <a:r>
                        <a:rPr sz="1000" dirty="0">
                          <a:latin typeface="Meiryo UI"/>
                          <a:cs typeface="Meiryo UI"/>
                        </a:rPr>
                        <a:t>リ</a:t>
                      </a:r>
                      <a:r>
                        <a:rPr sz="1000" spc="-10" dirty="0">
                          <a:latin typeface="Meiryo UI"/>
                          <a:cs typeface="Meiryo UI"/>
                        </a:rPr>
                        <a:t>ット</a:t>
                      </a:r>
                      <a:r>
                        <a:rPr sz="1000" spc="-35" dirty="0">
                          <a:latin typeface="Meiryo UI"/>
                          <a:cs typeface="Meiryo UI"/>
                        </a:rPr>
                        <a:t>：○</a:t>
                      </a:r>
                      <a:r>
                        <a:rPr sz="1000" dirty="0">
                          <a:latin typeface="Meiryo UI"/>
                          <a:cs typeface="Meiryo UI"/>
                        </a:rPr>
                        <a:t>	デ</a:t>
                      </a:r>
                      <a:r>
                        <a:rPr sz="1000" spc="-10" dirty="0">
                          <a:latin typeface="Meiryo UI"/>
                          <a:cs typeface="Meiryo UI"/>
                        </a:rPr>
                        <a:t>メ</a:t>
                      </a:r>
                      <a:r>
                        <a:rPr sz="1000" dirty="0">
                          <a:latin typeface="Meiryo UI"/>
                          <a:cs typeface="Meiryo UI"/>
                        </a:rPr>
                        <a:t>リ</a:t>
                      </a:r>
                      <a:r>
                        <a:rPr sz="1000" spc="-10" dirty="0">
                          <a:latin typeface="Meiryo UI"/>
                          <a:cs typeface="Meiryo UI"/>
                        </a:rPr>
                        <a:t>ット</a:t>
                      </a:r>
                      <a:r>
                        <a:rPr sz="1000" spc="-25" dirty="0">
                          <a:latin typeface="Meiryo UI"/>
                          <a:cs typeface="Meiryo UI"/>
                        </a:rPr>
                        <a:t>：●）</a:t>
                      </a:r>
                      <a:endParaRPr sz="1000">
                        <a:latin typeface="Meiryo UI"/>
                        <a:cs typeface="Meiryo UI"/>
                      </a:endParaRPr>
                    </a:p>
                  </a:txBody>
                  <a:tcPr marL="0" marR="0" marT="76562"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extLst>
                  <a:ext uri="{0D108BD9-81ED-4DB2-BD59-A6C34878D82A}">
                    <a16:rowId xmlns:a16="http://schemas.microsoft.com/office/drawing/2014/main" val="10001"/>
                  </a:ext>
                </a:extLst>
              </a:tr>
              <a:tr h="2454871">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910"/>
                        </a:spcBef>
                      </a:pPr>
                      <a:endParaRPr sz="1000">
                        <a:latin typeface="Times New Roman"/>
                        <a:cs typeface="Times New Roman"/>
                      </a:endParaRPr>
                    </a:p>
                    <a:p>
                      <a:pPr marL="29845">
                        <a:lnSpc>
                          <a:spcPct val="100000"/>
                        </a:lnSpc>
                      </a:pPr>
                      <a:r>
                        <a:rPr sz="1000" spc="-15" dirty="0">
                          <a:latin typeface="Meiryo UI"/>
                          <a:cs typeface="Meiryo UI"/>
                        </a:rPr>
                        <a:t>共同発注</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325"/>
                        </a:spcBef>
                      </a:pPr>
                      <a:endParaRPr sz="900">
                        <a:latin typeface="Times New Roman"/>
                        <a:cs typeface="Times New Roman"/>
                      </a:endParaRPr>
                    </a:p>
                    <a:p>
                      <a:pPr marL="160020" marR="73025">
                        <a:lnSpc>
                          <a:spcPct val="99500"/>
                        </a:lnSpc>
                      </a:pPr>
                      <a:r>
                        <a:rPr sz="900" spc="-15" dirty="0">
                          <a:latin typeface="Meiryo UI"/>
                          <a:cs typeface="Meiryo UI"/>
                        </a:rPr>
                        <a:t>複数の地方公共団体が共同で</a:t>
                      </a:r>
                      <a:r>
                        <a:rPr sz="900" spc="-20" dirty="0">
                          <a:latin typeface="Meiryo UI"/>
                          <a:cs typeface="Meiryo UI"/>
                        </a:rPr>
                        <a:t>発注手続きを実施し、民間企業</a:t>
                      </a:r>
                      <a:r>
                        <a:rPr sz="900" spc="-25" dirty="0">
                          <a:latin typeface="Meiryo UI"/>
                          <a:cs typeface="Meiryo UI"/>
                        </a:rPr>
                        <a:t>とそれぞれ契約を締結する方法</a:t>
                      </a:r>
                      <a:endParaRPr sz="9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910"/>
                        </a:spcBef>
                      </a:pPr>
                      <a:endParaRPr sz="1000">
                        <a:latin typeface="Times New Roman"/>
                        <a:cs typeface="Times New Roman"/>
                      </a:endParaRPr>
                    </a:p>
                    <a:p>
                      <a:pPr algn="ctr">
                        <a:lnSpc>
                          <a:spcPct val="100000"/>
                        </a:lnSpc>
                      </a:pPr>
                      <a:r>
                        <a:rPr sz="1000" spc="-25" dirty="0">
                          <a:latin typeface="Meiryo UI"/>
                          <a:cs typeface="Meiryo UI"/>
                        </a:rPr>
                        <a:t>な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190"/>
                        </a:spcBef>
                      </a:pPr>
                      <a:endParaRPr sz="1000">
                        <a:latin typeface="Times New Roman"/>
                        <a:cs typeface="Times New Roman"/>
                      </a:endParaRPr>
                    </a:p>
                    <a:p>
                      <a:pPr marL="36195" marR="120650">
                        <a:lnSpc>
                          <a:spcPct val="100000"/>
                        </a:lnSpc>
                      </a:pPr>
                      <a:r>
                        <a:rPr sz="1000" spc="-20" dirty="0">
                          <a:latin typeface="Meiryo UI"/>
                          <a:cs typeface="Meiryo UI"/>
                        </a:rPr>
                        <a:t>それぞれに</a:t>
                      </a:r>
                      <a:r>
                        <a:rPr sz="1000" spc="-25" dirty="0">
                          <a:latin typeface="Meiryo UI"/>
                          <a:cs typeface="Meiryo UI"/>
                        </a:rPr>
                        <a:t>残る</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550"/>
                        </a:spcBef>
                      </a:pPr>
                      <a:endParaRPr sz="1000">
                        <a:latin typeface="Times New Roman"/>
                        <a:cs typeface="Times New Roman"/>
                      </a:endParaRPr>
                    </a:p>
                    <a:p>
                      <a:pPr marL="217804" indent="-181610">
                        <a:lnSpc>
                          <a:spcPct val="100000"/>
                        </a:lnSpc>
                        <a:buFont typeface="Arial"/>
                        <a:buChar char="•"/>
                        <a:tabLst>
                          <a:tab pos="217804" algn="l"/>
                        </a:tabLst>
                      </a:pPr>
                      <a:r>
                        <a:rPr sz="1000" spc="-10" dirty="0">
                          <a:latin typeface="Meiryo UI"/>
                          <a:cs typeface="Meiryo UI"/>
                        </a:rPr>
                        <a:t>実施にあたり議決が不要</a:t>
                      </a:r>
                      <a:endParaRPr sz="100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法人設立が不要</a:t>
                      </a:r>
                      <a:endParaRPr sz="1000">
                        <a:latin typeface="Meiryo UI"/>
                        <a:cs typeface="Meiryo UI"/>
                      </a:endParaRPr>
                    </a:p>
                    <a:p>
                      <a:pPr marL="217804" marR="147955" indent="-181610">
                        <a:lnSpc>
                          <a:spcPct val="100000"/>
                        </a:lnSpc>
                        <a:spcBef>
                          <a:spcPts val="600"/>
                        </a:spcBef>
                        <a:buFont typeface="Arial"/>
                        <a:buChar char="•"/>
                        <a:tabLst>
                          <a:tab pos="217804" algn="l"/>
                        </a:tabLst>
                      </a:pPr>
                      <a:r>
                        <a:rPr sz="1000" spc="-15" dirty="0">
                          <a:latin typeface="Meiryo UI"/>
                          <a:cs typeface="Meiryo UI"/>
                        </a:rPr>
                        <a:t>受注者としては発注者が複数いることになるため、協議等が煩雑</a:t>
                      </a:r>
                      <a:endParaRPr sz="1000">
                        <a:latin typeface="Meiryo UI"/>
                        <a:cs typeface="Meiryo UI"/>
                      </a:endParaRPr>
                    </a:p>
                    <a:p>
                      <a:pPr marL="217804" marR="74295" indent="-181610">
                        <a:lnSpc>
                          <a:spcPct val="100000"/>
                        </a:lnSpc>
                        <a:spcBef>
                          <a:spcPts val="600"/>
                        </a:spcBef>
                        <a:buFont typeface="Arial"/>
                        <a:buChar char="•"/>
                        <a:tabLst>
                          <a:tab pos="217804" algn="l"/>
                        </a:tabLst>
                      </a:pPr>
                      <a:r>
                        <a:rPr sz="1000" spc="-10" dirty="0">
                          <a:latin typeface="Meiryo UI"/>
                          <a:cs typeface="Meiryo UI"/>
                        </a:rPr>
                        <a:t>地方自治法に定められた共同処理制度</a:t>
                      </a:r>
                      <a:r>
                        <a:rPr sz="1000" spc="-15" dirty="0">
                          <a:latin typeface="Meiryo UI"/>
                          <a:cs typeface="Meiryo UI"/>
                        </a:rPr>
                        <a:t>ではない</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225"/>
                        </a:spcBef>
                      </a:pPr>
                      <a:endParaRPr sz="1000">
                        <a:latin typeface="Times New Roman"/>
                        <a:cs typeface="Times New Roman"/>
                      </a:endParaRPr>
                    </a:p>
                    <a:p>
                      <a:pPr marL="187960" marR="31115" indent="-152400">
                        <a:lnSpc>
                          <a:spcPct val="100000"/>
                        </a:lnSpc>
                        <a:buSzPct val="91666"/>
                        <a:buChar char="○"/>
                        <a:tabLst>
                          <a:tab pos="212725" algn="l"/>
                        </a:tabLst>
                      </a:pPr>
                      <a:r>
                        <a:rPr sz="1000" spc="-20" dirty="0">
                          <a:latin typeface="Meiryo UI"/>
                          <a:cs typeface="Meiryo UI"/>
                        </a:rPr>
                        <a:t>従来の各自治体における手続きに最も近く、簡易に	</a:t>
                      </a:r>
                      <a:r>
                        <a:rPr sz="1000" spc="-10" dirty="0">
                          <a:latin typeface="Meiryo UI"/>
                          <a:cs typeface="Meiryo UI"/>
                        </a:rPr>
                        <a:t>取り組みやすい</a:t>
                      </a:r>
                      <a:endParaRPr sz="1000">
                        <a:latin typeface="Meiryo UI"/>
                        <a:cs typeface="Meiryo UI"/>
                      </a:endParaRPr>
                    </a:p>
                    <a:p>
                      <a:pPr marL="187960" marR="103505" indent="-152400" algn="just">
                        <a:lnSpc>
                          <a:spcPct val="100000"/>
                        </a:lnSpc>
                        <a:spcBef>
                          <a:spcPts val="300"/>
                        </a:spcBef>
                        <a:buSzPct val="91666"/>
                        <a:buChar char="●"/>
                        <a:tabLst>
                          <a:tab pos="212725" algn="l"/>
                        </a:tabLst>
                      </a:pPr>
                      <a:r>
                        <a:rPr sz="1000" spc="-20" dirty="0">
                          <a:latin typeface="Meiryo UI"/>
                          <a:cs typeface="Meiryo UI"/>
                        </a:rPr>
                        <a:t>受注者としては発注者が複数いることになり、事業	者の創意工夫が図りづらいと考えられ、群マネの効	</a:t>
                      </a:r>
                      <a:r>
                        <a:rPr sz="1000" spc="-15" dirty="0">
                          <a:latin typeface="Meiryo UI"/>
                          <a:cs typeface="Meiryo UI"/>
                        </a:rPr>
                        <a:t>果が薄くなる</a:t>
                      </a:r>
                      <a:endParaRPr sz="1000">
                        <a:latin typeface="Meiryo UI"/>
                        <a:cs typeface="Meiryo UI"/>
                      </a:endParaRPr>
                    </a:p>
                    <a:p>
                      <a:pPr marL="187960" marR="124460" indent="-152400">
                        <a:lnSpc>
                          <a:spcPct val="100000"/>
                        </a:lnSpc>
                        <a:spcBef>
                          <a:spcPts val="300"/>
                        </a:spcBef>
                        <a:buSzPct val="91666"/>
                        <a:buChar char="●"/>
                        <a:tabLst>
                          <a:tab pos="212725" algn="l"/>
                        </a:tabLst>
                      </a:pPr>
                      <a:r>
                        <a:rPr sz="1000" spc="-15" dirty="0">
                          <a:latin typeface="Meiryo UI"/>
                          <a:cs typeface="Meiryo UI"/>
                        </a:rPr>
                        <a:t>構成団体において、技術力育成方策を別途検討	</a:t>
                      </a:r>
                      <a:r>
                        <a:rPr sz="1000" spc="-20" dirty="0">
                          <a:latin typeface="Meiryo UI"/>
                          <a:cs typeface="Meiryo UI"/>
                        </a:rPr>
                        <a:t>することが必要</a:t>
                      </a:r>
                      <a:endParaRPr sz="1000">
                        <a:latin typeface="Meiryo UI"/>
                        <a:cs typeface="Meiryo UI"/>
                      </a:endParaRPr>
                    </a:p>
                    <a:p>
                      <a:pPr marL="212725" marR="63500" indent="-177165">
                        <a:lnSpc>
                          <a:spcPct val="100000"/>
                        </a:lnSpc>
                        <a:spcBef>
                          <a:spcPts val="300"/>
                        </a:spcBef>
                      </a:pPr>
                      <a:r>
                        <a:rPr sz="1000" spc="-20" dirty="0">
                          <a:latin typeface="Meiryo UI"/>
                          <a:cs typeface="Meiryo UI"/>
                        </a:rPr>
                        <a:t>※契約を１つにするなど、事業者側のデメリットを解消</a:t>
                      </a:r>
                      <a:r>
                        <a:rPr sz="1000" spc="-10" dirty="0">
                          <a:latin typeface="Meiryo UI"/>
                          <a:cs typeface="Meiryo UI"/>
                        </a:rPr>
                        <a:t>する方策の検討が必要</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r h="1943914">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600"/>
                        </a:spcBef>
                      </a:pPr>
                      <a:endParaRPr sz="1000">
                        <a:latin typeface="Times New Roman"/>
                        <a:cs typeface="Times New Roman"/>
                      </a:endParaRPr>
                    </a:p>
                    <a:p>
                      <a:pPr marL="184150" marR="33655" indent="-139065">
                        <a:lnSpc>
                          <a:spcPct val="100000"/>
                        </a:lnSpc>
                      </a:pPr>
                      <a:r>
                        <a:rPr sz="1000" spc="-15" dirty="0">
                          <a:latin typeface="Meiryo UI"/>
                          <a:cs typeface="Meiryo UI"/>
                        </a:rPr>
                        <a:t>私法上の</a:t>
                      </a:r>
                      <a:r>
                        <a:rPr sz="1000" spc="-25" dirty="0">
                          <a:latin typeface="Meiryo UI"/>
                          <a:cs typeface="Meiryo UI"/>
                        </a:rPr>
                        <a:t>委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D8D8D8"/>
                    </a:solidFill>
                  </a:tcPr>
                </a:tc>
                <a:tc>
                  <a:txBody>
                    <a:bodyPr/>
                    <a:lstStyle/>
                    <a:p>
                      <a:pPr>
                        <a:lnSpc>
                          <a:spcPct val="100000"/>
                        </a:lnSpc>
                      </a:pPr>
                      <a:endParaRPr sz="700">
                        <a:latin typeface="Times New Roman"/>
                        <a:cs typeface="Times New Roman"/>
                      </a:endParaRPr>
                    </a:p>
                    <a:p>
                      <a:pPr>
                        <a:lnSpc>
                          <a:spcPct val="100000"/>
                        </a:lnSpc>
                      </a:pPr>
                      <a:endParaRPr sz="700">
                        <a:latin typeface="Times New Roman"/>
                        <a:cs typeface="Times New Roman"/>
                      </a:endParaRPr>
                    </a:p>
                    <a:p>
                      <a:pPr>
                        <a:lnSpc>
                          <a:spcPct val="100000"/>
                        </a:lnSpc>
                      </a:pPr>
                      <a:endParaRPr sz="700">
                        <a:latin typeface="Times New Roman"/>
                        <a:cs typeface="Times New Roman"/>
                      </a:endParaRPr>
                    </a:p>
                    <a:p>
                      <a:pPr>
                        <a:lnSpc>
                          <a:spcPct val="100000"/>
                        </a:lnSpc>
                      </a:pPr>
                      <a:endParaRPr sz="700">
                        <a:latin typeface="Times New Roman"/>
                        <a:cs typeface="Times New Roman"/>
                      </a:endParaRPr>
                    </a:p>
                    <a:p>
                      <a:pPr>
                        <a:lnSpc>
                          <a:spcPct val="100000"/>
                        </a:lnSpc>
                      </a:pPr>
                      <a:endParaRPr sz="700">
                        <a:latin typeface="Times New Roman"/>
                        <a:cs typeface="Times New Roman"/>
                      </a:endParaRPr>
                    </a:p>
                    <a:p>
                      <a:pPr>
                        <a:lnSpc>
                          <a:spcPct val="100000"/>
                        </a:lnSpc>
                        <a:spcBef>
                          <a:spcPts val="530"/>
                        </a:spcBef>
                      </a:pPr>
                      <a:endParaRPr sz="700">
                        <a:latin typeface="Times New Roman"/>
                        <a:cs typeface="Times New Roman"/>
                      </a:endParaRPr>
                    </a:p>
                    <a:p>
                      <a:pPr algn="ctr">
                        <a:lnSpc>
                          <a:spcPct val="100000"/>
                        </a:lnSpc>
                      </a:pPr>
                      <a:r>
                        <a:rPr sz="700" spc="-15" dirty="0">
                          <a:latin typeface="HGSｺﾞｼｯｸM"/>
                          <a:cs typeface="HGSｺﾞｼｯｸM"/>
                        </a:rPr>
                        <a:t>私法上の</a:t>
                      </a:r>
                      <a:endParaRPr sz="700">
                        <a:latin typeface="HGSｺﾞｼｯｸM"/>
                        <a:cs typeface="HGSｺﾞｼｯｸM"/>
                      </a:endParaRPr>
                    </a:p>
                    <a:p>
                      <a:pPr algn="ctr">
                        <a:lnSpc>
                          <a:spcPct val="100000"/>
                        </a:lnSpc>
                        <a:spcBef>
                          <a:spcPts val="300"/>
                        </a:spcBef>
                        <a:tabLst>
                          <a:tab pos="676275" algn="l"/>
                          <a:tab pos="1147445" algn="l"/>
                        </a:tabLst>
                      </a:pPr>
                      <a:r>
                        <a:rPr sz="700" dirty="0">
                          <a:latin typeface="HGSｺﾞｼｯｸM"/>
                          <a:cs typeface="HGSｺﾞｼｯｸM"/>
                        </a:rPr>
                        <a:t>事務処</a:t>
                      </a:r>
                      <a:r>
                        <a:rPr sz="700" spc="-50" dirty="0">
                          <a:latin typeface="HGSｺﾞｼｯｸM"/>
                          <a:cs typeface="HGSｺﾞｼｯｸM"/>
                        </a:rPr>
                        <a:t>理</a:t>
                      </a:r>
                      <a:r>
                        <a:rPr sz="700" dirty="0">
                          <a:latin typeface="HGSｺﾞｼｯｸM"/>
                          <a:cs typeface="HGSｺﾞｼｯｸM"/>
                        </a:rPr>
                        <a:t>	</a:t>
                      </a:r>
                      <a:r>
                        <a:rPr sz="1000" baseline="20833" dirty="0">
                          <a:latin typeface="HGSｺﾞｼｯｸM"/>
                          <a:cs typeface="HGSｺﾞｼｯｸM"/>
                        </a:rPr>
                        <a:t>委</a:t>
                      </a:r>
                      <a:r>
                        <a:rPr sz="1000" spc="-75" baseline="20833" dirty="0">
                          <a:latin typeface="HGSｺﾞｼｯｸM"/>
                          <a:cs typeface="HGSｺﾞｼｯｸM"/>
                        </a:rPr>
                        <a:t>託</a:t>
                      </a:r>
                      <a:r>
                        <a:rPr sz="1000" baseline="20833" dirty="0">
                          <a:latin typeface="HGSｺﾞｼｯｸM"/>
                          <a:cs typeface="HGSｺﾞｼｯｸM"/>
                        </a:rPr>
                        <a:t>	</a:t>
                      </a:r>
                      <a:r>
                        <a:rPr sz="1000" baseline="3472" dirty="0">
                          <a:latin typeface="HGSｺﾞｼｯｸM"/>
                          <a:cs typeface="HGSｺﾞｼｯｸM"/>
                        </a:rPr>
                        <a:t>法律効</a:t>
                      </a:r>
                      <a:r>
                        <a:rPr sz="1000" spc="-75" baseline="3472" dirty="0">
                          <a:latin typeface="HGSｺﾞｼｯｸM"/>
                          <a:cs typeface="HGSｺﾞｼｯｸM"/>
                        </a:rPr>
                        <a:t>果</a:t>
                      </a:r>
                      <a:endParaRPr sz="1000" baseline="3472">
                        <a:latin typeface="HGSｺﾞｼｯｸM"/>
                        <a:cs typeface="HGSｺﾞｼｯｸM"/>
                      </a:endParaRPr>
                    </a:p>
                    <a:p>
                      <a:pPr>
                        <a:lnSpc>
                          <a:spcPct val="100000"/>
                        </a:lnSpc>
                      </a:pPr>
                      <a:endParaRPr sz="700">
                        <a:latin typeface="Times New Roman"/>
                        <a:cs typeface="Times New Roman"/>
                      </a:endParaRPr>
                    </a:p>
                    <a:p>
                      <a:pPr>
                        <a:lnSpc>
                          <a:spcPct val="100000"/>
                        </a:lnSpc>
                        <a:spcBef>
                          <a:spcPts val="110"/>
                        </a:spcBef>
                      </a:pPr>
                      <a:endParaRPr sz="700">
                        <a:latin typeface="Times New Roman"/>
                        <a:cs typeface="Times New Roman"/>
                      </a:endParaRPr>
                    </a:p>
                    <a:p>
                      <a:pPr marL="100330" marR="116839">
                        <a:lnSpc>
                          <a:spcPct val="99700"/>
                        </a:lnSpc>
                        <a:spcBef>
                          <a:spcPts val="5"/>
                        </a:spcBef>
                      </a:pPr>
                      <a:r>
                        <a:rPr sz="900" spc="-25" dirty="0">
                          <a:latin typeface="Meiryo UI"/>
                          <a:cs typeface="Meiryo UI"/>
                        </a:rPr>
                        <a:t>一般的な委託契約により、地方</a:t>
                      </a:r>
                      <a:r>
                        <a:rPr sz="900" spc="-15" dirty="0">
                          <a:latin typeface="Meiryo UI"/>
                          <a:cs typeface="Meiryo UI"/>
                        </a:rPr>
                        <a:t>公共団体の事務の一部のを当</a:t>
                      </a:r>
                      <a:r>
                        <a:rPr sz="900" spc="-25" dirty="0">
                          <a:latin typeface="Meiryo UI"/>
                          <a:cs typeface="Meiryo UI"/>
                        </a:rPr>
                        <a:t>該地方公共団体の名において他の地方公共団体に委ねる方法</a:t>
                      </a:r>
                      <a:endParaRPr sz="9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1320"/>
                        </a:spcBef>
                      </a:pPr>
                      <a:endParaRPr sz="1000">
                        <a:latin typeface="Times New Roman"/>
                        <a:cs typeface="Times New Roman"/>
                      </a:endParaRPr>
                    </a:p>
                    <a:p>
                      <a:pPr algn="ctr">
                        <a:lnSpc>
                          <a:spcPct val="100000"/>
                        </a:lnSpc>
                      </a:pPr>
                      <a:r>
                        <a:rPr sz="1000" spc="-25" dirty="0">
                          <a:latin typeface="Meiryo UI"/>
                          <a:cs typeface="Meiryo UI"/>
                        </a:rPr>
                        <a:t>なし</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540"/>
                        </a:spcBef>
                      </a:pPr>
                      <a:endParaRPr sz="1000">
                        <a:latin typeface="Times New Roman"/>
                        <a:cs typeface="Times New Roman"/>
                      </a:endParaRPr>
                    </a:p>
                    <a:p>
                      <a:pPr marL="36195" marR="69850">
                        <a:lnSpc>
                          <a:spcPct val="100000"/>
                        </a:lnSpc>
                      </a:pPr>
                      <a:r>
                        <a:rPr sz="1000" spc="-20" dirty="0">
                          <a:latin typeface="Meiryo UI"/>
                          <a:cs typeface="Meiryo UI"/>
                        </a:rPr>
                        <a:t>それぞれに</a:t>
                      </a:r>
                      <a:r>
                        <a:rPr sz="1000" spc="-5" dirty="0">
                          <a:latin typeface="Meiryo UI"/>
                          <a:cs typeface="Meiryo UI"/>
                        </a:rPr>
                        <a:t>残る</a:t>
                      </a:r>
                      <a:r>
                        <a:rPr sz="1000" dirty="0">
                          <a:latin typeface="Meiryo UI"/>
                          <a:cs typeface="Meiryo UI"/>
                        </a:rPr>
                        <a:t>（</a:t>
                      </a:r>
                      <a:r>
                        <a:rPr sz="1000" spc="-50" dirty="0">
                          <a:latin typeface="Meiryo UI"/>
                          <a:cs typeface="Meiryo UI"/>
                        </a:rPr>
                        <a:t>委</a:t>
                      </a:r>
                      <a:r>
                        <a:rPr sz="1000" spc="-15" dirty="0">
                          <a:latin typeface="Meiryo UI"/>
                          <a:cs typeface="Meiryo UI"/>
                        </a:rPr>
                        <a:t>託契約で</a:t>
                      </a:r>
                      <a:r>
                        <a:rPr sz="1000" dirty="0">
                          <a:latin typeface="Meiryo UI"/>
                          <a:cs typeface="Meiryo UI"/>
                        </a:rPr>
                        <a:t>取り決め</a:t>
                      </a:r>
                      <a:r>
                        <a:rPr sz="1000" spc="-50" dirty="0">
                          <a:latin typeface="Meiryo UI"/>
                          <a:cs typeface="Meiryo UI"/>
                        </a:rPr>
                        <a:t>）</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1320"/>
                        </a:spcBef>
                      </a:pPr>
                      <a:endParaRPr sz="1000">
                        <a:latin typeface="Times New Roman"/>
                        <a:cs typeface="Times New Roman"/>
                      </a:endParaRPr>
                    </a:p>
                    <a:p>
                      <a:pPr marL="217804" indent="-181610">
                        <a:lnSpc>
                          <a:spcPct val="100000"/>
                        </a:lnSpc>
                        <a:buFont typeface="Arial"/>
                        <a:buChar char="•"/>
                        <a:tabLst>
                          <a:tab pos="217804" algn="l"/>
                        </a:tabLst>
                      </a:pPr>
                      <a:r>
                        <a:rPr sz="1000" spc="-10" dirty="0">
                          <a:latin typeface="Meiryo UI"/>
                          <a:cs typeface="Meiryo UI"/>
                        </a:rPr>
                        <a:t>実施にあたり議決が不要</a:t>
                      </a:r>
                      <a:endParaRPr sz="1000">
                        <a:latin typeface="Meiryo UI"/>
                        <a:cs typeface="Meiryo UI"/>
                      </a:endParaRPr>
                    </a:p>
                    <a:p>
                      <a:pPr marL="217804" indent="-181610">
                        <a:lnSpc>
                          <a:spcPct val="100000"/>
                        </a:lnSpc>
                        <a:spcBef>
                          <a:spcPts val="600"/>
                        </a:spcBef>
                        <a:buFont typeface="Arial"/>
                        <a:buChar char="•"/>
                        <a:tabLst>
                          <a:tab pos="217804" algn="l"/>
                        </a:tabLst>
                      </a:pPr>
                      <a:r>
                        <a:rPr sz="1000" spc="-10" dirty="0">
                          <a:latin typeface="Meiryo UI"/>
                          <a:cs typeface="Meiryo UI"/>
                        </a:rPr>
                        <a:t>法人設立が不要</a:t>
                      </a:r>
                      <a:endParaRPr sz="1000">
                        <a:latin typeface="Meiryo UI"/>
                        <a:cs typeface="Meiryo UI"/>
                      </a:endParaRPr>
                    </a:p>
                    <a:p>
                      <a:pPr marL="217804" marR="74295" indent="-181610">
                        <a:lnSpc>
                          <a:spcPct val="100000"/>
                        </a:lnSpc>
                        <a:spcBef>
                          <a:spcPts val="600"/>
                        </a:spcBef>
                        <a:buFont typeface="Arial"/>
                        <a:buChar char="•"/>
                        <a:tabLst>
                          <a:tab pos="217804" algn="l"/>
                        </a:tabLst>
                      </a:pPr>
                      <a:r>
                        <a:rPr sz="1000" spc="-10" dirty="0">
                          <a:latin typeface="Meiryo UI"/>
                          <a:cs typeface="Meiryo UI"/>
                        </a:rPr>
                        <a:t>地方自治法に定められた共同処理制度</a:t>
                      </a:r>
                      <a:r>
                        <a:rPr sz="1000" spc="-15" dirty="0">
                          <a:latin typeface="Meiryo UI"/>
                          <a:cs typeface="Meiryo UI"/>
                        </a:rPr>
                        <a:t>ではない</a:t>
                      </a:r>
                      <a:endParaRPr sz="1000">
                        <a:latin typeface="Meiryo UI"/>
                        <a:cs typeface="Meiryo UI"/>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a:lnSpc>
                          <a:spcPct val="100000"/>
                        </a:lnSpc>
                        <a:spcBef>
                          <a:spcPts val="1355"/>
                        </a:spcBef>
                      </a:pPr>
                      <a:endParaRPr sz="1000">
                        <a:latin typeface="Times New Roman"/>
                        <a:cs typeface="Times New Roman"/>
                      </a:endParaRPr>
                    </a:p>
                    <a:p>
                      <a:pPr marL="187960" marR="46990" indent="-152400">
                        <a:lnSpc>
                          <a:spcPct val="100000"/>
                        </a:lnSpc>
                        <a:buSzPct val="91666"/>
                        <a:buChar char="○"/>
                        <a:tabLst>
                          <a:tab pos="212725" algn="l"/>
                        </a:tabLst>
                      </a:pPr>
                      <a:r>
                        <a:rPr sz="1000" spc="-15" dirty="0">
                          <a:latin typeface="Meiryo UI"/>
                          <a:cs typeface="Meiryo UI"/>
                        </a:rPr>
                        <a:t>技術力の補完を目的とするなど、受託側(</a:t>
                      </a:r>
                      <a:r>
                        <a:rPr sz="1000" dirty="0">
                          <a:latin typeface="Meiryo UI"/>
                          <a:cs typeface="Meiryo UI"/>
                        </a:rPr>
                        <a:t>A</a:t>
                      </a:r>
                      <a:r>
                        <a:rPr sz="1000" spc="-20" dirty="0">
                          <a:latin typeface="Meiryo UI"/>
                          <a:cs typeface="Meiryo UI"/>
                        </a:rPr>
                        <a:t>市)と委	</a:t>
                      </a:r>
                      <a:r>
                        <a:rPr sz="1000" spc="-5" dirty="0">
                          <a:latin typeface="Meiryo UI"/>
                          <a:cs typeface="Meiryo UI"/>
                        </a:rPr>
                        <a:t>託側(</a:t>
                      </a:r>
                      <a:r>
                        <a:rPr sz="1000" spc="-10" dirty="0">
                          <a:latin typeface="Meiryo UI"/>
                          <a:cs typeface="Meiryo UI"/>
                        </a:rPr>
                        <a:t>B市)の立場が明確な場合には、活用可能</a:t>
                      </a:r>
                      <a:endParaRPr sz="1000">
                        <a:latin typeface="Meiryo UI"/>
                        <a:cs typeface="Meiryo UI"/>
                      </a:endParaRPr>
                    </a:p>
                    <a:p>
                      <a:pPr marL="188595" indent="-152400">
                        <a:lnSpc>
                          <a:spcPct val="100000"/>
                        </a:lnSpc>
                        <a:spcBef>
                          <a:spcPts val="300"/>
                        </a:spcBef>
                        <a:buSzPct val="91666"/>
                        <a:buChar char="●"/>
                        <a:tabLst>
                          <a:tab pos="188595" algn="l"/>
                        </a:tabLst>
                      </a:pPr>
                      <a:r>
                        <a:rPr sz="1000" dirty="0">
                          <a:latin typeface="Meiryo UI"/>
                          <a:cs typeface="Meiryo UI"/>
                        </a:rPr>
                        <a:t>受託側(A</a:t>
                      </a:r>
                      <a:r>
                        <a:rPr sz="1000" spc="-15" dirty="0">
                          <a:latin typeface="Meiryo UI"/>
                          <a:cs typeface="Meiryo UI"/>
                        </a:rPr>
                        <a:t>市)のメリットが不明確</a:t>
                      </a:r>
                      <a:endParaRPr sz="1000">
                        <a:latin typeface="Meiryo UI"/>
                        <a:cs typeface="Meiryo UI"/>
                      </a:endParaRPr>
                    </a:p>
                    <a:p>
                      <a:pPr marL="212725" marR="105410" indent="-177165">
                        <a:lnSpc>
                          <a:spcPct val="100000"/>
                        </a:lnSpc>
                        <a:spcBef>
                          <a:spcPts val="300"/>
                        </a:spcBef>
                      </a:pPr>
                      <a:r>
                        <a:rPr sz="1000" dirty="0">
                          <a:latin typeface="Meiryo UI"/>
                          <a:cs typeface="Meiryo UI"/>
                        </a:rPr>
                        <a:t>※受託側(A</a:t>
                      </a:r>
                      <a:r>
                        <a:rPr sz="1000" spc="-15" dirty="0">
                          <a:latin typeface="Meiryo UI"/>
                          <a:cs typeface="Meiryo UI"/>
                        </a:rPr>
                        <a:t>市)のデメリットを解消する方策の検討が</a:t>
                      </a:r>
                      <a:r>
                        <a:rPr sz="1000" spc="-25" dirty="0">
                          <a:latin typeface="Meiryo UI"/>
                          <a:cs typeface="Meiryo UI"/>
                        </a:rPr>
                        <a:t>必要</a:t>
                      </a:r>
                      <a:endParaRPr sz="1000">
                        <a:latin typeface="Meiryo UI"/>
                        <a:cs typeface="Meiryo UI"/>
                      </a:endParaRPr>
                    </a:p>
                    <a:p>
                      <a:pPr marL="212725" marR="107314" indent="-177165" algn="just">
                        <a:lnSpc>
                          <a:spcPct val="100000"/>
                        </a:lnSpc>
                        <a:spcBef>
                          <a:spcPts val="300"/>
                        </a:spcBef>
                      </a:pPr>
                      <a:r>
                        <a:rPr sz="1000" spc="-15" dirty="0">
                          <a:latin typeface="Meiryo UI"/>
                          <a:cs typeface="Meiryo UI"/>
                        </a:rPr>
                        <a:t>※事務処理を委託しつつも管理権限等が委託側(</a:t>
                      </a:r>
                      <a:r>
                        <a:rPr sz="1000" spc="-25" dirty="0">
                          <a:latin typeface="Meiryo UI"/>
                          <a:cs typeface="Meiryo UI"/>
                        </a:rPr>
                        <a:t>B</a:t>
                      </a:r>
                      <a:r>
                        <a:rPr sz="1000" spc="-20" dirty="0">
                          <a:latin typeface="Meiryo UI"/>
                          <a:cs typeface="Meiryo UI"/>
                        </a:rPr>
                        <a:t>市)に残るため、一定の技術力が必要であることに</a:t>
                      </a:r>
                      <a:r>
                        <a:rPr sz="1000" spc="-10" dirty="0">
                          <a:latin typeface="Meiryo UI"/>
                          <a:cs typeface="Meiryo UI"/>
                        </a:rPr>
                        <a:t>留意が必要</a:t>
                      </a:r>
                      <a:endParaRPr sz="1000">
                        <a:latin typeface="Meiryo UI"/>
                        <a:cs typeface="Meiryo UI"/>
                      </a:endParaRPr>
                    </a:p>
                  </a:txBody>
                  <a:tcPr marL="0" marR="0" marT="147151"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3"/>
                  </a:ext>
                </a:extLst>
              </a:tr>
            </a:tbl>
          </a:graphicData>
        </a:graphic>
      </p:graphicFrame>
      <p:sp>
        <p:nvSpPr>
          <p:cNvPr id="16" name="object 16"/>
          <p:cNvSpPr txBox="1">
            <a:spLocks noGrp="1"/>
          </p:cNvSpPr>
          <p:nvPr>
            <p:ph type="title"/>
          </p:nvPr>
        </p:nvSpPr>
        <p:spPr>
          <a:xfrm>
            <a:off x="385307" y="526051"/>
            <a:ext cx="3540314" cy="236092"/>
          </a:xfrm>
          <a:prstGeom prst="rect">
            <a:avLst/>
          </a:prstGeom>
        </p:spPr>
        <p:txBody>
          <a:bodyPr vert="horz" wrap="square" lIns="0" tIns="10860" rIns="0" bIns="0" rtlCol="0">
            <a:spAutoFit/>
          </a:bodyPr>
          <a:lstStyle/>
          <a:p>
            <a:pPr marL="10860">
              <a:lnSpc>
                <a:spcPct val="100000"/>
              </a:lnSpc>
              <a:spcBef>
                <a:spcPts val="86"/>
              </a:spcBef>
              <a:tabLst>
                <a:tab pos="1726703" algn="l"/>
              </a:tabLst>
            </a:pPr>
            <a:r>
              <a:rPr dirty="0"/>
              <a:t>【</a:t>
            </a:r>
            <a:r>
              <a:rPr dirty="0">
                <a:solidFill>
                  <a:srgbClr val="E46B0A"/>
                </a:solidFill>
              </a:rPr>
              <a:t>自治体</a:t>
            </a:r>
            <a:r>
              <a:rPr spc="-9" dirty="0"/>
              <a:t>の</a:t>
            </a:r>
            <a:r>
              <a:rPr dirty="0"/>
              <a:t>束</a:t>
            </a:r>
            <a:r>
              <a:rPr spc="-43" dirty="0"/>
              <a:t>】</a:t>
            </a:r>
            <a:r>
              <a:rPr dirty="0"/>
              <a:t>	広域連携</a:t>
            </a:r>
            <a:r>
              <a:rPr spc="-9" dirty="0"/>
              <a:t>の</a:t>
            </a:r>
            <a:r>
              <a:rPr dirty="0"/>
              <a:t>手</a:t>
            </a:r>
            <a:r>
              <a:rPr spc="-43" dirty="0"/>
              <a:t>法</a:t>
            </a:r>
          </a:p>
        </p:txBody>
      </p:sp>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365590" y="495210"/>
            <a:ext cx="1440017" cy="288003"/>
          </a:xfrm>
          <a:prstGeom prst="rect">
            <a:avLst/>
          </a:prstGeom>
        </p:spPr>
      </p:pic>
      <p:sp>
        <p:nvSpPr>
          <p:cNvPr id="3" name="object 3"/>
          <p:cNvSpPr txBox="1">
            <a:spLocks noGrp="1"/>
          </p:cNvSpPr>
          <p:nvPr>
            <p:ph type="title"/>
          </p:nvPr>
        </p:nvSpPr>
        <p:spPr>
          <a:xfrm>
            <a:off x="403552" y="531263"/>
            <a:ext cx="2754603" cy="236092"/>
          </a:xfrm>
          <a:prstGeom prst="rect">
            <a:avLst/>
          </a:prstGeom>
        </p:spPr>
        <p:txBody>
          <a:bodyPr vert="horz" wrap="square" lIns="0" tIns="10860" rIns="0" bIns="0" rtlCol="0">
            <a:spAutoFit/>
          </a:bodyPr>
          <a:lstStyle/>
          <a:p>
            <a:pPr marL="10860">
              <a:lnSpc>
                <a:spcPct val="100000"/>
              </a:lnSpc>
              <a:spcBef>
                <a:spcPts val="86"/>
              </a:spcBef>
              <a:tabLst>
                <a:tab pos="1726703" algn="l"/>
              </a:tabLst>
            </a:pPr>
            <a:r>
              <a:rPr dirty="0"/>
              <a:t>【</a:t>
            </a:r>
            <a:r>
              <a:rPr dirty="0">
                <a:solidFill>
                  <a:srgbClr val="E46B0A"/>
                </a:solidFill>
              </a:rPr>
              <a:t>自治体</a:t>
            </a:r>
            <a:r>
              <a:rPr spc="-9" dirty="0"/>
              <a:t>の</a:t>
            </a:r>
            <a:r>
              <a:rPr dirty="0"/>
              <a:t>束</a:t>
            </a:r>
            <a:r>
              <a:rPr spc="-43" dirty="0"/>
              <a:t>】</a:t>
            </a:r>
            <a:r>
              <a:rPr dirty="0"/>
              <a:t>	主</a:t>
            </a:r>
            <a:r>
              <a:rPr spc="-30" dirty="0"/>
              <a:t>な</a:t>
            </a:r>
            <a:r>
              <a:rPr dirty="0"/>
              <a:t>課</a:t>
            </a:r>
            <a:r>
              <a:rPr spc="-43" dirty="0"/>
              <a:t>題</a:t>
            </a:r>
          </a:p>
        </p:txBody>
      </p:sp>
      <p:sp>
        <p:nvSpPr>
          <p:cNvPr id="4" name="object 4"/>
          <p:cNvSpPr txBox="1"/>
          <p:nvPr/>
        </p:nvSpPr>
        <p:spPr>
          <a:xfrm>
            <a:off x="1711730" y="1210657"/>
            <a:ext cx="7019812" cy="1032909"/>
          </a:xfrm>
          <a:prstGeom prst="rect">
            <a:avLst/>
          </a:prstGeom>
          <a:solidFill>
            <a:srgbClr val="FF0000"/>
          </a:solidFill>
        </p:spPr>
        <p:txBody>
          <a:bodyPr vert="horz" wrap="square" lIns="0" tIns="84707" rIns="0" bIns="0" rtlCol="0">
            <a:spAutoFit/>
          </a:bodyPr>
          <a:lstStyle/>
          <a:p>
            <a:pPr marL="57557" marR="49954">
              <a:spcBef>
                <a:spcPts val="667"/>
              </a:spcBef>
            </a:pPr>
            <a:r>
              <a:rPr sz="2052" b="1" spc="-30" dirty="0">
                <a:solidFill>
                  <a:srgbClr val="FFFFFF"/>
                </a:solidFill>
                <a:latin typeface="Meiryo UI"/>
                <a:cs typeface="Meiryo UI"/>
              </a:rPr>
              <a:t>広域連携について、既存の事例はあるものの、管理するインフラの特性や自治体の抱える課題に応じた考え方を示すことができてい</a:t>
            </a:r>
            <a:r>
              <a:rPr sz="2052" b="1" spc="-38" dirty="0">
                <a:solidFill>
                  <a:srgbClr val="FFFFFF"/>
                </a:solidFill>
                <a:latin typeface="Meiryo UI"/>
                <a:cs typeface="Meiryo UI"/>
              </a:rPr>
              <a:t>ない</a:t>
            </a:r>
            <a:endParaRPr sz="2052">
              <a:latin typeface="Meiryo UI"/>
              <a:cs typeface="Meiryo UI"/>
            </a:endParaRPr>
          </a:p>
        </p:txBody>
      </p:sp>
      <p:sp>
        <p:nvSpPr>
          <p:cNvPr id="5" name="object 5"/>
          <p:cNvSpPr txBox="1"/>
          <p:nvPr/>
        </p:nvSpPr>
        <p:spPr>
          <a:xfrm>
            <a:off x="384439" y="1210657"/>
            <a:ext cx="1316215" cy="730277"/>
          </a:xfrm>
          <a:prstGeom prst="rect">
            <a:avLst/>
          </a:prstGeom>
          <a:ln w="25908">
            <a:solidFill>
              <a:srgbClr val="000000"/>
            </a:solidFill>
          </a:ln>
        </p:spPr>
        <p:txBody>
          <a:bodyPr vert="horz" wrap="square" lIns="0" tIns="97739" rIns="0" bIns="0" rtlCol="0">
            <a:spAutoFit/>
          </a:bodyPr>
          <a:lstStyle/>
          <a:p>
            <a:pPr>
              <a:spcBef>
                <a:spcPts val="770"/>
              </a:spcBef>
            </a:pPr>
            <a:endParaRPr sz="2052">
              <a:latin typeface="Times New Roman"/>
              <a:cs typeface="Times New Roman"/>
            </a:endParaRPr>
          </a:p>
          <a:p>
            <a:pPr marL="149865"/>
            <a:r>
              <a:rPr sz="2052" b="1" spc="-21" dirty="0">
                <a:latin typeface="Meiryo UI"/>
                <a:cs typeface="Meiryo UI"/>
              </a:rPr>
              <a:t>主な課題</a:t>
            </a:r>
            <a:endParaRPr sz="2052">
              <a:latin typeface="Meiryo UI"/>
              <a:cs typeface="Meiryo UI"/>
            </a:endParaRPr>
          </a:p>
        </p:txBody>
      </p:sp>
      <p:sp>
        <p:nvSpPr>
          <p:cNvPr id="6" name="object 6"/>
          <p:cNvSpPr/>
          <p:nvPr/>
        </p:nvSpPr>
        <p:spPr>
          <a:xfrm>
            <a:off x="718054" y="2618095"/>
            <a:ext cx="195477" cy="195477"/>
          </a:xfrm>
          <a:custGeom>
            <a:avLst/>
            <a:gdLst/>
            <a:ahLst/>
            <a:cxnLst/>
            <a:rect l="l" t="t" r="r" b="b"/>
            <a:pathLst>
              <a:path w="228600" h="228600">
                <a:moveTo>
                  <a:pt x="114204" y="0"/>
                </a:moveTo>
                <a:lnTo>
                  <a:pt x="0" y="114401"/>
                </a:lnTo>
                <a:lnTo>
                  <a:pt x="114204" y="228600"/>
                </a:lnTo>
                <a:lnTo>
                  <a:pt x="228600" y="114401"/>
                </a:lnTo>
                <a:lnTo>
                  <a:pt x="114204" y="0"/>
                </a:lnTo>
                <a:close/>
              </a:path>
            </a:pathLst>
          </a:custGeom>
          <a:solidFill>
            <a:srgbClr val="000000"/>
          </a:solidFill>
        </p:spPr>
        <p:txBody>
          <a:bodyPr wrap="square" lIns="0" tIns="0" rIns="0" bIns="0" rtlCol="0"/>
          <a:lstStyle/>
          <a:p>
            <a:endParaRPr sz="1749"/>
          </a:p>
        </p:txBody>
      </p:sp>
      <p:sp>
        <p:nvSpPr>
          <p:cNvPr id="7" name="object 7"/>
          <p:cNvSpPr txBox="1"/>
          <p:nvPr/>
        </p:nvSpPr>
        <p:spPr>
          <a:xfrm>
            <a:off x="919613" y="2408629"/>
            <a:ext cx="7601357" cy="3904211"/>
          </a:xfrm>
          <a:prstGeom prst="rect">
            <a:avLst/>
          </a:prstGeom>
        </p:spPr>
        <p:txBody>
          <a:bodyPr vert="horz" wrap="square" lIns="0" tIns="10860" rIns="0" bIns="0" rtlCol="0">
            <a:spAutoFit/>
          </a:bodyPr>
          <a:lstStyle/>
          <a:p>
            <a:pPr marL="22262" marR="168326" indent="158553">
              <a:lnSpc>
                <a:spcPct val="150000"/>
              </a:lnSpc>
              <a:spcBef>
                <a:spcPts val="86"/>
              </a:spcBef>
            </a:pPr>
            <a:r>
              <a:rPr sz="1881" spc="-30" dirty="0">
                <a:latin typeface="Meiryo UI"/>
                <a:cs typeface="Meiryo UI"/>
              </a:rPr>
              <a:t>広域連携については、地方自治法等において事務の共同処理の手法が位置づけられており、法人格の有無や管理権限の引き継ぎなど特徴が異なっている</a:t>
            </a:r>
            <a:endParaRPr sz="1881" dirty="0">
              <a:latin typeface="Meiryo UI"/>
              <a:cs typeface="Meiryo UI"/>
            </a:endParaRPr>
          </a:p>
          <a:p>
            <a:pPr marL="10860" marR="4344" indent="150951">
              <a:lnSpc>
                <a:spcPct val="150000"/>
              </a:lnSpc>
              <a:spcBef>
                <a:spcPts val="1026"/>
              </a:spcBef>
            </a:pPr>
            <a:r>
              <a:rPr sz="1881" spc="-21" dirty="0">
                <a:latin typeface="Meiryo UI"/>
                <a:cs typeface="Meiryo UI"/>
              </a:rPr>
              <a:t>群マネによって期待される効果</a:t>
            </a:r>
            <a:r>
              <a:rPr sz="1881" spc="-13" dirty="0">
                <a:latin typeface="Meiryo UI"/>
                <a:cs typeface="Meiryo UI"/>
              </a:rPr>
              <a:t>（</a:t>
            </a:r>
            <a:r>
              <a:rPr sz="1881" spc="-21" dirty="0">
                <a:latin typeface="Meiryo UI"/>
                <a:cs typeface="Meiryo UI"/>
              </a:rPr>
              <a:t>技術的な知見の補完や効率化</a:t>
            </a:r>
            <a:r>
              <a:rPr sz="1881" spc="-13" dirty="0">
                <a:latin typeface="Meiryo UI"/>
                <a:cs typeface="Meiryo UI"/>
              </a:rPr>
              <a:t>）</a:t>
            </a:r>
            <a:r>
              <a:rPr sz="1881" spc="-21" dirty="0">
                <a:latin typeface="Meiryo UI"/>
                <a:cs typeface="Meiryo UI"/>
              </a:rPr>
              <a:t>が最大限発揮できるよう、インフラの特性や自治体の抱える課題に応じた連携の考え方をわかりやすく示すべきではないか</a:t>
            </a:r>
            <a:endParaRPr sz="1881" dirty="0">
              <a:latin typeface="Meiryo UI"/>
              <a:cs typeface="Meiryo UI"/>
            </a:endParaRPr>
          </a:p>
          <a:p>
            <a:pPr>
              <a:spcBef>
                <a:spcPts val="278"/>
              </a:spcBef>
            </a:pPr>
            <a:endParaRPr sz="1881" dirty="0">
              <a:latin typeface="Meiryo UI"/>
              <a:cs typeface="Meiryo UI"/>
            </a:endParaRPr>
          </a:p>
          <a:p>
            <a:pPr marL="22262" marR="154209" indent="158553">
              <a:lnSpc>
                <a:spcPct val="150000"/>
              </a:lnSpc>
            </a:pPr>
            <a:r>
              <a:rPr sz="1881" spc="-30" dirty="0">
                <a:latin typeface="Meiryo UI"/>
                <a:cs typeface="Meiryo UI"/>
              </a:rPr>
              <a:t>また、市区町村の技術的な体制の構築も考慮すると、連携にあたってはより技術力を有する都道府県の役割が重要ではないか</a:t>
            </a:r>
            <a:endParaRPr sz="1881" dirty="0">
              <a:latin typeface="Meiryo UI"/>
              <a:cs typeface="Meiryo UI"/>
            </a:endParaRPr>
          </a:p>
        </p:txBody>
      </p:sp>
      <p:sp>
        <p:nvSpPr>
          <p:cNvPr id="8" name="object 8"/>
          <p:cNvSpPr/>
          <p:nvPr/>
        </p:nvSpPr>
        <p:spPr>
          <a:xfrm>
            <a:off x="718054" y="5328714"/>
            <a:ext cx="195477" cy="195477"/>
          </a:xfrm>
          <a:custGeom>
            <a:avLst/>
            <a:gdLst/>
            <a:ahLst/>
            <a:cxnLst/>
            <a:rect l="l" t="t" r="r" b="b"/>
            <a:pathLst>
              <a:path w="228600" h="228600">
                <a:moveTo>
                  <a:pt x="114204" y="0"/>
                </a:moveTo>
                <a:lnTo>
                  <a:pt x="0" y="114401"/>
                </a:lnTo>
                <a:lnTo>
                  <a:pt x="114204" y="228600"/>
                </a:lnTo>
                <a:lnTo>
                  <a:pt x="228600" y="114401"/>
                </a:lnTo>
                <a:lnTo>
                  <a:pt x="114204" y="0"/>
                </a:lnTo>
                <a:close/>
              </a:path>
            </a:pathLst>
          </a:custGeom>
          <a:solidFill>
            <a:srgbClr val="000000"/>
          </a:solidFill>
        </p:spPr>
        <p:txBody>
          <a:bodyPr wrap="square" lIns="0" tIns="0" rIns="0" bIns="0" rtlCol="0"/>
          <a:lstStyle/>
          <a:p>
            <a:endParaRPr sz="1749"/>
          </a:p>
        </p:txBody>
      </p:sp>
      <p:sp>
        <p:nvSpPr>
          <p:cNvPr id="9" name="object 9"/>
          <p:cNvSpPr txBox="1">
            <a:spLocks noGrp="1"/>
          </p:cNvSpPr>
          <p:nvPr>
            <p:ph type="sldNum" sz="quarter" idx="7"/>
          </p:nvPr>
        </p:nvSpPr>
        <p:spPr>
          <a:xfrm>
            <a:off x="9962388" y="6895615"/>
            <a:ext cx="388873" cy="339598"/>
          </a:xfrm>
          <a:prstGeom prst="rect">
            <a:avLst/>
          </a:prstGeom>
        </p:spPr>
        <p:txBody>
          <a:bodyPr vert="horz" wrap="square" lIns="0" tIns="0" rIns="0" bIns="0" rtlCol="0">
            <a:spAutoFit/>
          </a:bodyPr>
          <a:lstStyle>
            <a:defPPr>
              <a:defRPr kern="0"/>
            </a:defPPr>
            <a:lvl1pPr>
              <a:defRPr sz="1600" b="0" i="0">
                <a:solidFill>
                  <a:schemeClr val="tx1"/>
                </a:solidFill>
                <a:latin typeface="Meiryo UI"/>
                <a:cs typeface="Meiryo UI"/>
              </a:defRPr>
            </a:lvl1pPr>
          </a:lstStyle>
          <a:p>
            <a:pPr marL="126364">
              <a:spcBef>
                <a:spcPts val="190"/>
              </a:spcBef>
            </a:pPr>
            <a:fld id="{81D60167-4931-47E6-BA6A-407CBD079E47}" type="slidenum">
              <a:rPr lang="en-US" altLang="ja-JP" spc="-50" smtClean="0"/>
              <a:pPr marL="126364">
                <a:spcBef>
                  <a:spcPts val="190"/>
                </a:spcBef>
              </a:pPr>
              <a:t>27</a:t>
            </a:fld>
            <a:endParaRPr spc="-21" dirty="0"/>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sldNum" sz="quarter" idx="7"/>
          </p:nvPr>
        </p:nvSpPr>
        <p:spPr>
          <a:xfrm>
            <a:off x="0" y="195478"/>
            <a:ext cx="0" cy="490536"/>
          </a:xfrm>
          <a:prstGeom prst="rect">
            <a:avLst/>
          </a:prstGeom>
        </p:spPr>
        <p:txBody>
          <a:bodyPr vert="horz" wrap="square" lIns="0" tIns="68851" rIns="0" bIns="0" rtlCol="0">
            <a:spAutoFit/>
          </a:bodyPr>
          <a:lstStyle/>
          <a:p>
            <a:pPr marL="72760">
              <a:spcBef>
                <a:spcPts val="162"/>
              </a:spcBef>
            </a:pPr>
            <a:r>
              <a:rPr spc="-21" dirty="0"/>
              <a:t>20</a:t>
            </a:r>
          </a:p>
        </p:txBody>
      </p:sp>
      <p:sp>
        <p:nvSpPr>
          <p:cNvPr id="2" name="object 2"/>
          <p:cNvSpPr txBox="1">
            <a:spLocks noGrp="1"/>
          </p:cNvSpPr>
          <p:nvPr>
            <p:ph type="title"/>
          </p:nvPr>
        </p:nvSpPr>
        <p:spPr>
          <a:xfrm>
            <a:off x="675918" y="2771436"/>
            <a:ext cx="8291101" cy="721610"/>
          </a:xfrm>
          <a:prstGeom prst="rect">
            <a:avLst/>
          </a:prstGeom>
        </p:spPr>
        <p:txBody>
          <a:bodyPr vert="horz" wrap="square" lIns="0" tIns="10860" rIns="0" bIns="0" rtlCol="0">
            <a:spAutoFit/>
          </a:bodyPr>
          <a:lstStyle/>
          <a:p>
            <a:pPr marL="10860">
              <a:lnSpc>
                <a:spcPct val="100000"/>
              </a:lnSpc>
              <a:spcBef>
                <a:spcPts val="86"/>
              </a:spcBef>
            </a:pPr>
            <a:r>
              <a:rPr sz="4618" spc="-30" dirty="0">
                <a:solidFill>
                  <a:srgbClr val="4BACC6"/>
                </a:solidFill>
              </a:rPr>
              <a:t>計画検討会における論点</a:t>
            </a:r>
            <a:r>
              <a:rPr sz="4618" spc="-51" dirty="0">
                <a:solidFill>
                  <a:srgbClr val="4BACC6"/>
                </a:solidFill>
              </a:rPr>
              <a:t>（案</a:t>
            </a:r>
            <a:r>
              <a:rPr sz="4618" spc="-43" dirty="0">
                <a:solidFill>
                  <a:srgbClr val="4BACC6"/>
                </a:solidFill>
              </a:rPr>
              <a:t>）</a:t>
            </a:r>
            <a:endParaRPr sz="4618" dirty="0"/>
          </a:p>
        </p:txBody>
      </p:sp>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454205" y="495210"/>
            <a:ext cx="1339672" cy="277577"/>
          </a:xfrm>
          <a:prstGeom prst="rect">
            <a:avLst/>
          </a:prstGeom>
        </p:spPr>
      </p:pic>
      <p:sp>
        <p:nvSpPr>
          <p:cNvPr id="3" name="object 3"/>
          <p:cNvSpPr txBox="1">
            <a:spLocks noGrp="1"/>
          </p:cNvSpPr>
          <p:nvPr>
            <p:ph type="title"/>
          </p:nvPr>
        </p:nvSpPr>
        <p:spPr>
          <a:xfrm flipH="1">
            <a:off x="0" y="195477"/>
            <a:ext cx="6002594" cy="236092"/>
          </a:xfrm>
          <a:prstGeom prst="rect">
            <a:avLst/>
          </a:prstGeom>
        </p:spPr>
        <p:txBody>
          <a:bodyPr vert="horz" wrap="square" lIns="0" tIns="10860" rIns="0" bIns="0" rtlCol="0">
            <a:spAutoFit/>
          </a:bodyPr>
          <a:lstStyle/>
          <a:p>
            <a:pPr>
              <a:lnSpc>
                <a:spcPct val="100000"/>
              </a:lnSpc>
              <a:spcBef>
                <a:spcPts val="86"/>
              </a:spcBef>
            </a:pPr>
            <a:r>
              <a:rPr spc="-9" dirty="0"/>
              <a:t>計画検討会における論点</a:t>
            </a:r>
            <a:r>
              <a:rPr dirty="0"/>
              <a:t>（案</a:t>
            </a:r>
            <a:r>
              <a:rPr spc="-43" dirty="0"/>
              <a:t>）</a:t>
            </a:r>
          </a:p>
        </p:txBody>
      </p:sp>
      <p:sp>
        <p:nvSpPr>
          <p:cNvPr id="4" name="object 4"/>
          <p:cNvSpPr/>
          <p:nvPr/>
        </p:nvSpPr>
        <p:spPr>
          <a:xfrm>
            <a:off x="938292" y="4926032"/>
            <a:ext cx="95567" cy="1034944"/>
          </a:xfrm>
          <a:custGeom>
            <a:avLst/>
            <a:gdLst/>
            <a:ahLst/>
            <a:cxnLst/>
            <a:rect l="l" t="t" r="r" b="b"/>
            <a:pathLst>
              <a:path w="111759" h="1210309">
                <a:moveTo>
                  <a:pt x="111251" y="1210061"/>
                </a:moveTo>
                <a:lnTo>
                  <a:pt x="67508" y="1201250"/>
                </a:lnTo>
                <a:lnTo>
                  <a:pt x="32194" y="1177295"/>
                </a:lnTo>
                <a:lnTo>
                  <a:pt x="8596" y="1141909"/>
                </a:lnTo>
                <a:lnTo>
                  <a:pt x="0" y="1098809"/>
                </a:lnTo>
                <a:lnTo>
                  <a:pt x="0" y="111251"/>
                </a:lnTo>
                <a:lnTo>
                  <a:pt x="8596" y="67508"/>
                </a:lnTo>
                <a:lnTo>
                  <a:pt x="32194" y="32194"/>
                </a:lnTo>
                <a:lnTo>
                  <a:pt x="67508" y="8596"/>
                </a:lnTo>
                <a:lnTo>
                  <a:pt x="111251" y="0"/>
                </a:lnTo>
              </a:path>
            </a:pathLst>
          </a:custGeom>
          <a:ln w="9143">
            <a:solidFill>
              <a:srgbClr val="000000"/>
            </a:solidFill>
          </a:ln>
        </p:spPr>
        <p:txBody>
          <a:bodyPr wrap="square" lIns="0" tIns="0" rIns="0" bIns="0" rtlCol="0"/>
          <a:lstStyle/>
          <a:p>
            <a:endParaRPr sz="1749"/>
          </a:p>
        </p:txBody>
      </p:sp>
      <p:sp>
        <p:nvSpPr>
          <p:cNvPr id="5" name="object 5"/>
          <p:cNvSpPr/>
          <p:nvPr/>
        </p:nvSpPr>
        <p:spPr>
          <a:xfrm>
            <a:off x="7985904" y="4926032"/>
            <a:ext cx="95567" cy="1034944"/>
          </a:xfrm>
          <a:custGeom>
            <a:avLst/>
            <a:gdLst/>
            <a:ahLst/>
            <a:cxnLst/>
            <a:rect l="l" t="t" r="r" b="b"/>
            <a:pathLst>
              <a:path w="111759" h="1210309">
                <a:moveTo>
                  <a:pt x="0" y="0"/>
                </a:moveTo>
                <a:lnTo>
                  <a:pt x="43100" y="8596"/>
                </a:lnTo>
                <a:lnTo>
                  <a:pt x="78485" y="32194"/>
                </a:lnTo>
                <a:lnTo>
                  <a:pt x="102441" y="67508"/>
                </a:lnTo>
                <a:lnTo>
                  <a:pt x="111251" y="111251"/>
                </a:lnTo>
                <a:lnTo>
                  <a:pt x="111251" y="1098809"/>
                </a:lnTo>
                <a:lnTo>
                  <a:pt x="102441" y="1141909"/>
                </a:lnTo>
                <a:lnTo>
                  <a:pt x="78485" y="1177295"/>
                </a:lnTo>
                <a:lnTo>
                  <a:pt x="43100" y="1201250"/>
                </a:lnTo>
                <a:lnTo>
                  <a:pt x="0" y="1210061"/>
                </a:lnTo>
              </a:path>
            </a:pathLst>
          </a:custGeom>
          <a:ln w="9143">
            <a:solidFill>
              <a:srgbClr val="000000"/>
            </a:solidFill>
          </a:ln>
        </p:spPr>
        <p:txBody>
          <a:bodyPr wrap="square" lIns="0" tIns="0" rIns="0" bIns="0" rtlCol="0"/>
          <a:lstStyle/>
          <a:p>
            <a:endParaRPr sz="1749"/>
          </a:p>
        </p:txBody>
      </p:sp>
      <p:sp>
        <p:nvSpPr>
          <p:cNvPr id="6" name="object 6"/>
          <p:cNvSpPr txBox="1"/>
          <p:nvPr/>
        </p:nvSpPr>
        <p:spPr>
          <a:xfrm>
            <a:off x="905278" y="1214131"/>
            <a:ext cx="7675204" cy="4698596"/>
          </a:xfrm>
          <a:prstGeom prst="rect">
            <a:avLst/>
          </a:prstGeom>
        </p:spPr>
        <p:txBody>
          <a:bodyPr vert="horz" wrap="square" lIns="0" tIns="10860" rIns="0" bIns="0" rtlCol="0">
            <a:spAutoFit/>
          </a:bodyPr>
          <a:lstStyle/>
          <a:p>
            <a:pPr marL="10860" marR="109141" indent="173213">
              <a:spcBef>
                <a:spcPts val="86"/>
              </a:spcBef>
            </a:pPr>
            <a:r>
              <a:rPr sz="2052" b="1" spc="-26" dirty="0">
                <a:latin typeface="Meiryo UI"/>
                <a:cs typeface="Meiryo UI"/>
              </a:rPr>
              <a:t>行政の技術的体制の確保に向けて、自治体・事業者間の役割分担は</a:t>
            </a:r>
            <a:r>
              <a:rPr sz="2052" b="1" spc="-21" dirty="0">
                <a:latin typeface="Meiryo UI"/>
                <a:cs typeface="Meiryo UI"/>
              </a:rPr>
              <a:t>如何にあるべきか</a:t>
            </a:r>
            <a:endParaRPr sz="2052">
              <a:latin typeface="Meiryo UI"/>
              <a:cs typeface="Meiryo UI"/>
            </a:endParaRPr>
          </a:p>
          <a:p>
            <a:pPr>
              <a:spcBef>
                <a:spcPts val="97"/>
              </a:spcBef>
            </a:pPr>
            <a:endParaRPr sz="2052">
              <a:latin typeface="Meiryo UI"/>
              <a:cs typeface="Meiryo UI"/>
            </a:endParaRPr>
          </a:p>
          <a:p>
            <a:pPr marL="10860" marR="4344" indent="173213"/>
            <a:r>
              <a:rPr sz="2052" b="1" spc="-26" dirty="0">
                <a:latin typeface="Meiryo UI"/>
                <a:cs typeface="Meiryo UI"/>
              </a:rPr>
              <a:t>自治体技術者の育成や自治体間連携による技術的な補完などにより、行政として必要な技術的体制は如何に構築していくか</a:t>
            </a:r>
            <a:endParaRPr sz="2052">
              <a:latin typeface="Meiryo UI"/>
              <a:cs typeface="Meiryo UI"/>
            </a:endParaRPr>
          </a:p>
          <a:p>
            <a:pPr>
              <a:spcBef>
                <a:spcPts val="103"/>
              </a:spcBef>
            </a:pPr>
            <a:endParaRPr sz="2052">
              <a:latin typeface="Meiryo UI"/>
              <a:cs typeface="Meiryo UI"/>
            </a:endParaRPr>
          </a:p>
          <a:p>
            <a:pPr marL="10860" marR="193304" indent="173213"/>
            <a:r>
              <a:rPr sz="2052" b="1" spc="-30" dirty="0">
                <a:latin typeface="Meiryo UI"/>
                <a:cs typeface="Meiryo UI"/>
              </a:rPr>
              <a:t>上記の点も踏まえ、管理するインフラの特性や自治体の抱える課題に</a:t>
            </a:r>
            <a:r>
              <a:rPr sz="2052" b="1" spc="-26" dirty="0">
                <a:latin typeface="Meiryo UI"/>
                <a:cs typeface="Meiryo UI"/>
              </a:rPr>
              <a:t>応じた自治体間の連携手法は如何にあるべきか</a:t>
            </a:r>
            <a:endParaRPr sz="2052">
              <a:latin typeface="Meiryo UI"/>
              <a:cs typeface="Meiryo UI"/>
            </a:endParaRPr>
          </a:p>
          <a:p>
            <a:pPr>
              <a:spcBef>
                <a:spcPts val="97"/>
              </a:spcBef>
            </a:pPr>
            <a:endParaRPr sz="2052">
              <a:latin typeface="Meiryo UI"/>
              <a:cs typeface="Meiryo UI"/>
            </a:endParaRPr>
          </a:p>
          <a:p>
            <a:pPr marL="184073"/>
            <a:r>
              <a:rPr sz="2052" b="1" spc="-34" dirty="0">
                <a:latin typeface="Meiryo UI"/>
                <a:cs typeface="Meiryo UI"/>
              </a:rPr>
              <a:t>また、これらを進める上で、国や都道府県等の役割は如何にあるべきか</a:t>
            </a:r>
            <a:endParaRPr sz="2052">
              <a:latin typeface="Meiryo UI"/>
              <a:cs typeface="Meiryo UI"/>
            </a:endParaRPr>
          </a:p>
          <a:p>
            <a:pPr marL="147150">
              <a:spcBef>
                <a:spcPts val="1967"/>
              </a:spcBef>
            </a:pPr>
            <a:r>
              <a:rPr sz="1368" spc="-26" dirty="0">
                <a:latin typeface="Meiryo UI"/>
                <a:cs typeface="Meiryo UI"/>
              </a:rPr>
              <a:t>さらに、中長期的な論点として以下があると考えられる</a:t>
            </a:r>
            <a:endParaRPr sz="1368">
              <a:latin typeface="Meiryo UI"/>
              <a:cs typeface="Meiryo UI"/>
            </a:endParaRPr>
          </a:p>
          <a:p>
            <a:pPr marL="436563" indent="-289413">
              <a:spcBef>
                <a:spcPts val="257"/>
              </a:spcBef>
              <a:buChar char="○"/>
              <a:tabLst>
                <a:tab pos="436563" algn="l"/>
              </a:tabLst>
            </a:pPr>
            <a:r>
              <a:rPr sz="1368" spc="-30" dirty="0">
                <a:latin typeface="Meiryo UI"/>
                <a:cs typeface="Meiryo UI"/>
              </a:rPr>
              <a:t>現存のインフラの重要性の評価や措置の優先順位付けを如何に行うか</a:t>
            </a:r>
            <a:endParaRPr sz="1368">
              <a:latin typeface="Meiryo UI"/>
              <a:cs typeface="Meiryo UI"/>
            </a:endParaRPr>
          </a:p>
          <a:p>
            <a:pPr marL="436563" marR="709143" indent="-289413">
              <a:spcBef>
                <a:spcPts val="257"/>
              </a:spcBef>
              <a:buChar char="○"/>
              <a:tabLst>
                <a:tab pos="448509" algn="l"/>
              </a:tabLst>
            </a:pPr>
            <a:r>
              <a:rPr sz="1368" spc="-26" dirty="0">
                <a:latin typeface="Meiryo UI"/>
                <a:cs typeface="Meiryo UI"/>
              </a:rPr>
              <a:t>自治体、事業者、地域住民が群マネに参画する上での役割や、より効果的な参画を促すためのイ	ンセンティブ等は如何にあるべきか</a:t>
            </a:r>
            <a:endParaRPr sz="1368">
              <a:latin typeface="Meiryo UI"/>
              <a:cs typeface="Meiryo UI"/>
            </a:endParaRPr>
          </a:p>
        </p:txBody>
      </p:sp>
      <p:sp>
        <p:nvSpPr>
          <p:cNvPr id="7" name="object 7"/>
          <p:cNvSpPr/>
          <p:nvPr/>
        </p:nvSpPr>
        <p:spPr>
          <a:xfrm>
            <a:off x="645076" y="1283635"/>
            <a:ext cx="213939" cy="213939"/>
          </a:xfrm>
          <a:custGeom>
            <a:avLst/>
            <a:gdLst/>
            <a:ahLst/>
            <a:cxnLst/>
            <a:rect l="l" t="t" r="r" b="b"/>
            <a:pathLst>
              <a:path w="250190" h="250190">
                <a:moveTo>
                  <a:pt x="124872" y="0"/>
                </a:moveTo>
                <a:lnTo>
                  <a:pt x="0" y="125069"/>
                </a:lnTo>
                <a:lnTo>
                  <a:pt x="124872" y="249936"/>
                </a:lnTo>
                <a:lnTo>
                  <a:pt x="249936" y="125069"/>
                </a:lnTo>
                <a:lnTo>
                  <a:pt x="124872" y="0"/>
                </a:lnTo>
                <a:close/>
              </a:path>
            </a:pathLst>
          </a:custGeom>
          <a:solidFill>
            <a:srgbClr val="000000"/>
          </a:solidFill>
        </p:spPr>
        <p:txBody>
          <a:bodyPr wrap="square" lIns="0" tIns="0" rIns="0" bIns="0" rtlCol="0"/>
          <a:lstStyle/>
          <a:p>
            <a:endParaRPr sz="1749"/>
          </a:p>
        </p:txBody>
      </p:sp>
      <p:sp>
        <p:nvSpPr>
          <p:cNvPr id="8" name="object 8"/>
          <p:cNvSpPr/>
          <p:nvPr/>
        </p:nvSpPr>
        <p:spPr>
          <a:xfrm>
            <a:off x="645076" y="2352245"/>
            <a:ext cx="213939" cy="213939"/>
          </a:xfrm>
          <a:custGeom>
            <a:avLst/>
            <a:gdLst/>
            <a:ahLst/>
            <a:cxnLst/>
            <a:rect l="l" t="t" r="r" b="b"/>
            <a:pathLst>
              <a:path w="250190" h="250189">
                <a:moveTo>
                  <a:pt x="124872" y="0"/>
                </a:moveTo>
                <a:lnTo>
                  <a:pt x="0" y="125069"/>
                </a:lnTo>
                <a:lnTo>
                  <a:pt x="124872" y="249936"/>
                </a:lnTo>
                <a:lnTo>
                  <a:pt x="249936" y="125069"/>
                </a:lnTo>
                <a:lnTo>
                  <a:pt x="124872" y="0"/>
                </a:lnTo>
                <a:close/>
              </a:path>
            </a:pathLst>
          </a:custGeom>
          <a:solidFill>
            <a:srgbClr val="000000"/>
          </a:solidFill>
        </p:spPr>
        <p:txBody>
          <a:bodyPr wrap="square" lIns="0" tIns="0" rIns="0" bIns="0" rtlCol="0"/>
          <a:lstStyle/>
          <a:p>
            <a:endParaRPr sz="1749"/>
          </a:p>
        </p:txBody>
      </p:sp>
      <p:sp>
        <p:nvSpPr>
          <p:cNvPr id="9" name="object 9"/>
          <p:cNvSpPr/>
          <p:nvPr/>
        </p:nvSpPr>
        <p:spPr>
          <a:xfrm>
            <a:off x="645076" y="3420855"/>
            <a:ext cx="213939" cy="213939"/>
          </a:xfrm>
          <a:custGeom>
            <a:avLst/>
            <a:gdLst/>
            <a:ahLst/>
            <a:cxnLst/>
            <a:rect l="l" t="t" r="r" b="b"/>
            <a:pathLst>
              <a:path w="250190" h="250189">
                <a:moveTo>
                  <a:pt x="124872" y="0"/>
                </a:moveTo>
                <a:lnTo>
                  <a:pt x="0" y="125069"/>
                </a:lnTo>
                <a:lnTo>
                  <a:pt x="124872" y="249936"/>
                </a:lnTo>
                <a:lnTo>
                  <a:pt x="249936" y="125069"/>
                </a:lnTo>
                <a:lnTo>
                  <a:pt x="124872" y="0"/>
                </a:lnTo>
                <a:close/>
              </a:path>
            </a:pathLst>
          </a:custGeom>
          <a:solidFill>
            <a:srgbClr val="000000"/>
          </a:solidFill>
        </p:spPr>
        <p:txBody>
          <a:bodyPr wrap="square" lIns="0" tIns="0" rIns="0" bIns="0" rtlCol="0"/>
          <a:lstStyle/>
          <a:p>
            <a:endParaRPr sz="1749"/>
          </a:p>
        </p:txBody>
      </p:sp>
      <p:sp>
        <p:nvSpPr>
          <p:cNvPr id="10" name="object 10"/>
          <p:cNvSpPr/>
          <p:nvPr/>
        </p:nvSpPr>
        <p:spPr>
          <a:xfrm>
            <a:off x="645076" y="4489464"/>
            <a:ext cx="213939" cy="213939"/>
          </a:xfrm>
          <a:custGeom>
            <a:avLst/>
            <a:gdLst/>
            <a:ahLst/>
            <a:cxnLst/>
            <a:rect l="l" t="t" r="r" b="b"/>
            <a:pathLst>
              <a:path w="250190" h="250189">
                <a:moveTo>
                  <a:pt x="124872" y="0"/>
                </a:moveTo>
                <a:lnTo>
                  <a:pt x="0" y="125069"/>
                </a:lnTo>
                <a:lnTo>
                  <a:pt x="124872" y="249935"/>
                </a:lnTo>
                <a:lnTo>
                  <a:pt x="249936" y="125069"/>
                </a:lnTo>
                <a:lnTo>
                  <a:pt x="124872" y="0"/>
                </a:lnTo>
                <a:close/>
              </a:path>
            </a:pathLst>
          </a:custGeom>
          <a:solidFill>
            <a:srgbClr val="000000"/>
          </a:solidFill>
        </p:spPr>
        <p:txBody>
          <a:bodyPr wrap="square" lIns="0" tIns="0" rIns="0" bIns="0" rtlCol="0"/>
          <a:lstStyle/>
          <a:p>
            <a:endParaRPr sz="1749"/>
          </a:p>
        </p:txBody>
      </p:sp>
      <p:sp>
        <p:nvSpPr>
          <p:cNvPr id="11" name="object 11"/>
          <p:cNvSpPr txBox="1">
            <a:spLocks noGrp="1"/>
          </p:cNvSpPr>
          <p:nvPr>
            <p:ph type="sldNum" sz="quarter" idx="7"/>
          </p:nvPr>
        </p:nvSpPr>
        <p:spPr>
          <a:xfrm>
            <a:off x="9962388" y="6895615"/>
            <a:ext cx="388873" cy="339598"/>
          </a:xfrm>
          <a:prstGeom prst="rect">
            <a:avLst/>
          </a:prstGeom>
        </p:spPr>
        <p:txBody>
          <a:bodyPr vert="horz" wrap="square" lIns="0" tIns="0" rIns="0" bIns="0" rtlCol="0">
            <a:spAutoFit/>
          </a:bodyPr>
          <a:lstStyle>
            <a:defPPr>
              <a:defRPr kern="0"/>
            </a:defPPr>
            <a:lvl1pPr>
              <a:defRPr sz="1600" b="0" i="0">
                <a:solidFill>
                  <a:schemeClr val="tx1"/>
                </a:solidFill>
                <a:latin typeface="Meiryo UI"/>
                <a:cs typeface="Meiryo UI"/>
              </a:defRPr>
            </a:lvl1pPr>
          </a:lstStyle>
          <a:p>
            <a:pPr marL="126364">
              <a:spcBef>
                <a:spcPts val="190"/>
              </a:spcBef>
            </a:pPr>
            <a:fld id="{81D60167-4931-47E6-BA6A-407CBD079E47}" type="slidenum">
              <a:rPr lang="en-US" altLang="ja-JP" spc="-50" smtClean="0"/>
              <a:pPr marL="126364">
                <a:spcBef>
                  <a:spcPts val="190"/>
                </a:spcBef>
              </a:pPr>
              <a:t>29</a:t>
            </a:fld>
            <a:endParaRPr spc="-21" dirty="0"/>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sldNum" sz="quarter" idx="7"/>
          </p:nvPr>
        </p:nvSpPr>
        <p:spPr>
          <a:xfrm>
            <a:off x="0" y="195477"/>
            <a:ext cx="0" cy="231342"/>
          </a:xfrm>
          <a:prstGeom prst="rect">
            <a:avLst/>
          </a:prstGeom>
        </p:spPr>
        <p:txBody>
          <a:bodyPr vert="horz" wrap="square" lIns="0" tIns="20634" rIns="0" bIns="0" rtlCol="0">
            <a:spAutoFit/>
          </a:bodyPr>
          <a:lstStyle/>
          <a:p>
            <a:pPr marL="157467">
              <a:spcBef>
                <a:spcPts val="162"/>
              </a:spcBef>
            </a:pPr>
            <a:r>
              <a:rPr spc="-43" dirty="0"/>
              <a:t>8</a:t>
            </a:r>
          </a:p>
        </p:txBody>
      </p:sp>
      <p:sp>
        <p:nvSpPr>
          <p:cNvPr id="2" name="object 2"/>
          <p:cNvSpPr txBox="1">
            <a:spLocks noGrp="1"/>
          </p:cNvSpPr>
          <p:nvPr>
            <p:ph type="title"/>
          </p:nvPr>
        </p:nvSpPr>
        <p:spPr>
          <a:xfrm>
            <a:off x="1778663" y="1742832"/>
            <a:ext cx="5227935" cy="721610"/>
          </a:xfrm>
          <a:prstGeom prst="rect">
            <a:avLst/>
          </a:prstGeom>
        </p:spPr>
        <p:txBody>
          <a:bodyPr vert="horz" wrap="square" lIns="0" tIns="10860" rIns="0" bIns="0" rtlCol="0">
            <a:spAutoFit/>
          </a:bodyPr>
          <a:lstStyle/>
          <a:p>
            <a:pPr marL="10860">
              <a:lnSpc>
                <a:spcPct val="100000"/>
              </a:lnSpc>
              <a:spcBef>
                <a:spcPts val="86"/>
              </a:spcBef>
            </a:pPr>
            <a:r>
              <a:rPr lang="ja-JP" altLang="en-US" sz="4618" spc="-30" dirty="0">
                <a:solidFill>
                  <a:srgbClr val="4BACC6"/>
                </a:solidFill>
              </a:rPr>
              <a:t>群マネ</a:t>
            </a:r>
            <a:endParaRPr sz="4618" dirty="0"/>
          </a:p>
        </p:txBody>
      </p:sp>
      <p:sp>
        <p:nvSpPr>
          <p:cNvPr id="5" name="テキスト ボックス 4">
            <a:extLst>
              <a:ext uri="{FF2B5EF4-FFF2-40B4-BE49-F238E27FC236}">
                <a16:creationId xmlns:a16="http://schemas.microsoft.com/office/drawing/2014/main" id="{17F12686-415E-6846-435F-555D94076B8C}"/>
              </a:ext>
            </a:extLst>
          </p:cNvPr>
          <p:cNvSpPr txBox="1"/>
          <p:nvPr/>
        </p:nvSpPr>
        <p:spPr>
          <a:xfrm>
            <a:off x="2283610" y="4231872"/>
            <a:ext cx="4572000" cy="1815882"/>
          </a:xfrm>
          <a:prstGeom prst="rect">
            <a:avLst/>
          </a:prstGeom>
          <a:noFill/>
        </p:spPr>
        <p:txBody>
          <a:bodyPr wrap="square">
            <a:spAutoFit/>
          </a:bodyPr>
          <a:lstStyle/>
          <a:p>
            <a:r>
              <a:rPr kumimoji="1" lang="ja-JP" altLang="en-US" sz="3200" dirty="0"/>
              <a:t>国土交通省の</a:t>
            </a:r>
            <a:r>
              <a:rPr kumimoji="1" lang="en-US" altLang="ja-JP" sz="3200" dirty="0"/>
              <a:t>HP</a:t>
            </a:r>
            <a:r>
              <a:rPr kumimoji="1" lang="ja-JP" altLang="en-US" sz="3200" dirty="0"/>
              <a:t>から</a:t>
            </a:r>
            <a:endParaRPr kumimoji="1" lang="en-US" altLang="ja-JP" sz="3200" dirty="0"/>
          </a:p>
          <a:p>
            <a:endParaRPr lang="en-US" altLang="ja-JP" sz="3200" dirty="0"/>
          </a:p>
          <a:p>
            <a:r>
              <a:rPr kumimoji="1" lang="ja-JP" altLang="en-US" sz="2400" dirty="0"/>
              <a:t>詳しくは国土交通省の</a:t>
            </a:r>
            <a:r>
              <a:rPr kumimoji="1" lang="en-US" altLang="ja-JP" sz="2400" dirty="0"/>
              <a:t>HP</a:t>
            </a:r>
            <a:r>
              <a:rPr kumimoji="1" lang="ja-JP" altLang="en-US" sz="2400" dirty="0"/>
              <a:t>をご覧ください　</a:t>
            </a:r>
          </a:p>
        </p:txBody>
      </p:sp>
    </p:spTree>
    <p:extLst>
      <p:ext uri="{BB962C8B-B14F-4D97-AF65-F5344CB8AC3E}">
        <p14:creationId xmlns:p14="http://schemas.microsoft.com/office/powerpoint/2010/main" val="4162736786"/>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334918" y="495210"/>
            <a:ext cx="8470689" cy="5567306"/>
            <a:chOff x="391668" y="350520"/>
            <a:chExt cx="9906000" cy="6510655"/>
          </a:xfrm>
        </p:grpSpPr>
        <p:pic>
          <p:nvPicPr>
            <p:cNvPr id="3" name="object 3"/>
            <p:cNvPicPr/>
            <p:nvPr/>
          </p:nvPicPr>
          <p:blipFill>
            <a:blip r:embed="rId2" cstate="print"/>
            <a:stretch>
              <a:fillRect/>
            </a:stretch>
          </p:blipFill>
          <p:spPr>
            <a:xfrm>
              <a:off x="8717279" y="350520"/>
              <a:ext cx="1566672" cy="324611"/>
            </a:xfrm>
            <a:prstGeom prst="rect">
              <a:avLst/>
            </a:prstGeom>
          </p:spPr>
        </p:pic>
        <p:sp>
          <p:nvSpPr>
            <p:cNvPr id="4" name="object 4"/>
            <p:cNvSpPr/>
            <p:nvPr/>
          </p:nvSpPr>
          <p:spPr>
            <a:xfrm>
              <a:off x="809244" y="928115"/>
              <a:ext cx="4175760" cy="274320"/>
            </a:xfrm>
            <a:custGeom>
              <a:avLst/>
              <a:gdLst/>
              <a:ahLst/>
              <a:cxnLst/>
              <a:rect l="l" t="t" r="r" b="b"/>
              <a:pathLst>
                <a:path w="4175760" h="274319">
                  <a:moveTo>
                    <a:pt x="4175759" y="0"/>
                  </a:moveTo>
                  <a:lnTo>
                    <a:pt x="0" y="0"/>
                  </a:lnTo>
                  <a:lnTo>
                    <a:pt x="0" y="274320"/>
                  </a:lnTo>
                  <a:lnTo>
                    <a:pt x="4175759" y="274320"/>
                  </a:lnTo>
                  <a:lnTo>
                    <a:pt x="4175759" y="0"/>
                  </a:lnTo>
                  <a:close/>
                </a:path>
              </a:pathLst>
            </a:custGeom>
            <a:solidFill>
              <a:srgbClr val="00AF4F"/>
            </a:solidFill>
          </p:spPr>
          <p:txBody>
            <a:bodyPr wrap="square" lIns="0" tIns="0" rIns="0" bIns="0" rtlCol="0"/>
            <a:lstStyle/>
            <a:p>
              <a:endParaRPr sz="1749"/>
            </a:p>
          </p:txBody>
        </p:sp>
        <p:sp>
          <p:nvSpPr>
            <p:cNvPr id="5" name="object 5"/>
            <p:cNvSpPr/>
            <p:nvPr/>
          </p:nvSpPr>
          <p:spPr>
            <a:xfrm>
              <a:off x="4985003" y="928115"/>
              <a:ext cx="4177665" cy="274320"/>
            </a:xfrm>
            <a:custGeom>
              <a:avLst/>
              <a:gdLst/>
              <a:ahLst/>
              <a:cxnLst/>
              <a:rect l="l" t="t" r="r" b="b"/>
              <a:pathLst>
                <a:path w="4177665" h="274319">
                  <a:moveTo>
                    <a:pt x="4177284" y="0"/>
                  </a:moveTo>
                  <a:lnTo>
                    <a:pt x="0" y="0"/>
                  </a:lnTo>
                  <a:lnTo>
                    <a:pt x="0" y="274320"/>
                  </a:lnTo>
                  <a:lnTo>
                    <a:pt x="4177284" y="274320"/>
                  </a:lnTo>
                  <a:lnTo>
                    <a:pt x="4177284" y="0"/>
                  </a:lnTo>
                  <a:close/>
                </a:path>
              </a:pathLst>
            </a:custGeom>
            <a:solidFill>
              <a:srgbClr val="0070BF"/>
            </a:solidFill>
          </p:spPr>
          <p:txBody>
            <a:bodyPr wrap="square" lIns="0" tIns="0" rIns="0" bIns="0" rtlCol="0"/>
            <a:lstStyle/>
            <a:p>
              <a:endParaRPr sz="1749"/>
            </a:p>
          </p:txBody>
        </p:sp>
        <p:sp>
          <p:nvSpPr>
            <p:cNvPr id="6" name="object 6"/>
            <p:cNvSpPr/>
            <p:nvPr/>
          </p:nvSpPr>
          <p:spPr>
            <a:xfrm>
              <a:off x="809244" y="925068"/>
              <a:ext cx="0" cy="5933440"/>
            </a:xfrm>
            <a:custGeom>
              <a:avLst/>
              <a:gdLst/>
              <a:ahLst/>
              <a:cxnLst/>
              <a:rect l="l" t="t" r="r" b="b"/>
              <a:pathLst>
                <a:path h="5933440">
                  <a:moveTo>
                    <a:pt x="0" y="0"/>
                  </a:moveTo>
                  <a:lnTo>
                    <a:pt x="0" y="5932937"/>
                  </a:lnTo>
                </a:path>
              </a:pathLst>
            </a:custGeom>
            <a:ln w="6096">
              <a:solidFill>
                <a:srgbClr val="000000"/>
              </a:solidFill>
            </a:ln>
          </p:spPr>
          <p:txBody>
            <a:bodyPr wrap="square" lIns="0" tIns="0" rIns="0" bIns="0" rtlCol="0"/>
            <a:lstStyle/>
            <a:p>
              <a:endParaRPr sz="1749"/>
            </a:p>
          </p:txBody>
        </p:sp>
        <p:sp>
          <p:nvSpPr>
            <p:cNvPr id="7" name="object 7"/>
            <p:cNvSpPr/>
            <p:nvPr/>
          </p:nvSpPr>
          <p:spPr>
            <a:xfrm>
              <a:off x="4985003" y="925068"/>
              <a:ext cx="0" cy="5933440"/>
            </a:xfrm>
            <a:custGeom>
              <a:avLst/>
              <a:gdLst/>
              <a:ahLst/>
              <a:cxnLst/>
              <a:rect l="l" t="t" r="r" b="b"/>
              <a:pathLst>
                <a:path h="5933440">
                  <a:moveTo>
                    <a:pt x="0" y="5701289"/>
                  </a:moveTo>
                  <a:lnTo>
                    <a:pt x="0" y="5932937"/>
                  </a:lnTo>
                </a:path>
                <a:path h="5933440">
                  <a:moveTo>
                    <a:pt x="0" y="0"/>
                  </a:moveTo>
                  <a:lnTo>
                    <a:pt x="0" y="5423921"/>
                  </a:lnTo>
                </a:path>
              </a:pathLst>
            </a:custGeom>
            <a:ln w="6096">
              <a:solidFill>
                <a:srgbClr val="000000"/>
              </a:solidFill>
            </a:ln>
          </p:spPr>
          <p:txBody>
            <a:bodyPr wrap="square" lIns="0" tIns="0" rIns="0" bIns="0" rtlCol="0"/>
            <a:lstStyle/>
            <a:p>
              <a:endParaRPr sz="1749"/>
            </a:p>
          </p:txBody>
        </p:sp>
        <p:sp>
          <p:nvSpPr>
            <p:cNvPr id="8" name="object 8"/>
            <p:cNvSpPr/>
            <p:nvPr/>
          </p:nvSpPr>
          <p:spPr>
            <a:xfrm>
              <a:off x="445007" y="925068"/>
              <a:ext cx="8720455" cy="5933440"/>
            </a:xfrm>
            <a:custGeom>
              <a:avLst/>
              <a:gdLst/>
              <a:ahLst/>
              <a:cxnLst/>
              <a:rect l="l" t="t" r="r" b="b"/>
              <a:pathLst>
                <a:path w="8720455" h="5933440">
                  <a:moveTo>
                    <a:pt x="0" y="277368"/>
                  </a:moveTo>
                  <a:lnTo>
                    <a:pt x="8720328" y="277368"/>
                  </a:lnTo>
                </a:path>
                <a:path w="8720455" h="5933440">
                  <a:moveTo>
                    <a:pt x="0" y="673608"/>
                  </a:moveTo>
                  <a:lnTo>
                    <a:pt x="8720328" y="673608"/>
                  </a:lnTo>
                </a:path>
                <a:path w="8720455" h="5933440">
                  <a:moveTo>
                    <a:pt x="0" y="4130040"/>
                  </a:moveTo>
                  <a:lnTo>
                    <a:pt x="8720328" y="4130040"/>
                  </a:lnTo>
                </a:path>
                <a:path w="8720455" h="5933440">
                  <a:moveTo>
                    <a:pt x="4571" y="0"/>
                  </a:moveTo>
                  <a:lnTo>
                    <a:pt x="4571" y="5932937"/>
                  </a:lnTo>
                </a:path>
                <a:path w="8720455" h="5933440">
                  <a:moveTo>
                    <a:pt x="8717280" y="0"/>
                  </a:moveTo>
                  <a:lnTo>
                    <a:pt x="8717280" y="5932937"/>
                  </a:lnTo>
                </a:path>
                <a:path w="8720455" h="5933440">
                  <a:moveTo>
                    <a:pt x="0" y="3048"/>
                  </a:moveTo>
                  <a:lnTo>
                    <a:pt x="8720328" y="3048"/>
                  </a:lnTo>
                </a:path>
                <a:path w="8720455" h="5933440">
                  <a:moveTo>
                    <a:pt x="0" y="5929889"/>
                  </a:moveTo>
                  <a:lnTo>
                    <a:pt x="8720328" y="5929889"/>
                  </a:lnTo>
                </a:path>
              </a:pathLst>
            </a:custGeom>
            <a:ln w="6096">
              <a:solidFill>
                <a:srgbClr val="000000"/>
              </a:solidFill>
            </a:ln>
          </p:spPr>
          <p:txBody>
            <a:bodyPr wrap="square" lIns="0" tIns="0" rIns="0" bIns="0" rtlCol="0"/>
            <a:lstStyle/>
            <a:p>
              <a:endParaRPr sz="1749"/>
            </a:p>
          </p:txBody>
        </p:sp>
      </p:grpSp>
      <p:sp>
        <p:nvSpPr>
          <p:cNvPr id="9" name="object 9"/>
          <p:cNvSpPr txBox="1"/>
          <p:nvPr/>
        </p:nvSpPr>
        <p:spPr>
          <a:xfrm>
            <a:off x="419190" y="1251924"/>
            <a:ext cx="238374" cy="273567"/>
          </a:xfrm>
          <a:prstGeom prst="rect">
            <a:avLst/>
          </a:prstGeom>
        </p:spPr>
        <p:txBody>
          <a:bodyPr vert="horz" wrap="square" lIns="0" tIns="10317" rIns="0" bIns="0" rtlCol="0">
            <a:spAutoFit/>
          </a:bodyPr>
          <a:lstStyle/>
          <a:p>
            <a:pPr marL="27692">
              <a:spcBef>
                <a:spcPts val="81"/>
              </a:spcBef>
            </a:pPr>
            <a:r>
              <a:rPr sz="855" b="1" spc="-21" dirty="0">
                <a:latin typeface="Meiryo UI"/>
                <a:cs typeface="Meiryo UI"/>
              </a:rPr>
              <a:t>Ｒ5</a:t>
            </a:r>
            <a:endParaRPr sz="855">
              <a:latin typeface="Meiryo UI"/>
              <a:cs typeface="Meiryo UI"/>
            </a:endParaRPr>
          </a:p>
          <a:p>
            <a:pPr marL="10860"/>
            <a:r>
              <a:rPr sz="855" b="1" spc="-26" dirty="0">
                <a:latin typeface="Meiryo UI"/>
                <a:cs typeface="Meiryo UI"/>
              </a:rPr>
              <a:t>年度</a:t>
            </a:r>
            <a:endParaRPr sz="855">
              <a:latin typeface="Meiryo UI"/>
              <a:cs typeface="Meiryo UI"/>
            </a:endParaRPr>
          </a:p>
        </p:txBody>
      </p:sp>
      <p:sp>
        <p:nvSpPr>
          <p:cNvPr id="10" name="object 10"/>
          <p:cNvSpPr txBox="1"/>
          <p:nvPr/>
        </p:nvSpPr>
        <p:spPr>
          <a:xfrm>
            <a:off x="419190" y="2899148"/>
            <a:ext cx="238374" cy="273567"/>
          </a:xfrm>
          <a:prstGeom prst="rect">
            <a:avLst/>
          </a:prstGeom>
        </p:spPr>
        <p:txBody>
          <a:bodyPr vert="horz" wrap="square" lIns="0" tIns="10317" rIns="0" bIns="0" rtlCol="0">
            <a:spAutoFit/>
          </a:bodyPr>
          <a:lstStyle/>
          <a:p>
            <a:pPr marL="10860" marR="4344">
              <a:spcBef>
                <a:spcPts val="81"/>
              </a:spcBef>
            </a:pPr>
            <a:r>
              <a:rPr sz="855" b="1" spc="-21" dirty="0">
                <a:latin typeface="Meiryo UI"/>
                <a:cs typeface="Meiryo UI"/>
              </a:rPr>
              <a:t>Ｒ６</a:t>
            </a:r>
            <a:r>
              <a:rPr sz="855" b="1" spc="-26" dirty="0">
                <a:latin typeface="Meiryo UI"/>
                <a:cs typeface="Meiryo UI"/>
              </a:rPr>
              <a:t>年度</a:t>
            </a:r>
            <a:endParaRPr sz="855">
              <a:latin typeface="Meiryo UI"/>
              <a:cs typeface="Meiryo UI"/>
            </a:endParaRPr>
          </a:p>
        </p:txBody>
      </p:sp>
      <p:sp>
        <p:nvSpPr>
          <p:cNvPr id="11" name="object 11"/>
          <p:cNvSpPr txBox="1"/>
          <p:nvPr/>
        </p:nvSpPr>
        <p:spPr>
          <a:xfrm>
            <a:off x="419190" y="5080675"/>
            <a:ext cx="238374" cy="405141"/>
          </a:xfrm>
          <a:prstGeom prst="rect">
            <a:avLst/>
          </a:prstGeom>
        </p:spPr>
        <p:txBody>
          <a:bodyPr vert="horz" wrap="square" lIns="0" tIns="10317" rIns="0" bIns="0" rtlCol="0">
            <a:spAutoFit/>
          </a:bodyPr>
          <a:lstStyle/>
          <a:p>
            <a:pPr marL="10860" marR="4344" algn="just">
              <a:spcBef>
                <a:spcPts val="81"/>
              </a:spcBef>
            </a:pPr>
            <a:r>
              <a:rPr sz="855" b="1" spc="-21" dirty="0">
                <a:latin typeface="Meiryo UI"/>
                <a:cs typeface="Meiryo UI"/>
              </a:rPr>
              <a:t>Ｒ７</a:t>
            </a:r>
            <a:r>
              <a:rPr sz="855" b="1" spc="-26" dirty="0">
                <a:latin typeface="Meiryo UI"/>
                <a:cs typeface="Meiryo UI"/>
              </a:rPr>
              <a:t>年度以降</a:t>
            </a:r>
            <a:endParaRPr sz="855">
              <a:latin typeface="Meiryo UI"/>
              <a:cs typeface="Meiryo UI"/>
            </a:endParaRPr>
          </a:p>
        </p:txBody>
      </p:sp>
      <p:sp>
        <p:nvSpPr>
          <p:cNvPr id="12" name="object 12"/>
          <p:cNvSpPr txBox="1">
            <a:spLocks noGrp="1"/>
          </p:cNvSpPr>
          <p:nvPr>
            <p:ph type="title"/>
          </p:nvPr>
        </p:nvSpPr>
        <p:spPr>
          <a:xfrm>
            <a:off x="391823" y="502594"/>
            <a:ext cx="6355189" cy="236092"/>
          </a:xfrm>
          <a:prstGeom prst="rect">
            <a:avLst/>
          </a:prstGeom>
        </p:spPr>
        <p:txBody>
          <a:bodyPr vert="horz" wrap="square" lIns="0" tIns="10860" rIns="0" bIns="0" rtlCol="0">
            <a:spAutoFit/>
          </a:bodyPr>
          <a:lstStyle/>
          <a:p>
            <a:pPr marL="10860">
              <a:lnSpc>
                <a:spcPct val="100000"/>
              </a:lnSpc>
              <a:spcBef>
                <a:spcPts val="86"/>
              </a:spcBef>
            </a:pPr>
            <a:r>
              <a:rPr spc="-26" dirty="0"/>
              <a:t>群マネ計画検討会・実施検討会 当面のスケジュール</a:t>
            </a:r>
            <a:r>
              <a:rPr dirty="0"/>
              <a:t>（案</a:t>
            </a:r>
            <a:r>
              <a:rPr spc="-43" dirty="0"/>
              <a:t>）</a:t>
            </a:r>
          </a:p>
        </p:txBody>
      </p:sp>
      <p:sp>
        <p:nvSpPr>
          <p:cNvPr id="13" name="object 13"/>
          <p:cNvSpPr txBox="1"/>
          <p:nvPr/>
        </p:nvSpPr>
        <p:spPr>
          <a:xfrm>
            <a:off x="1225859" y="6063279"/>
            <a:ext cx="4863153" cy="287872"/>
          </a:xfrm>
          <a:prstGeom prst="rect">
            <a:avLst/>
          </a:prstGeom>
        </p:spPr>
        <p:txBody>
          <a:bodyPr vert="horz" wrap="square" lIns="0" tIns="11403" rIns="0" bIns="0" rtlCol="0">
            <a:spAutoFit/>
          </a:bodyPr>
          <a:lstStyle/>
          <a:p>
            <a:pPr marL="10860">
              <a:spcBef>
                <a:spcPts val="90"/>
              </a:spcBef>
            </a:pPr>
            <a:r>
              <a:rPr sz="898" dirty="0">
                <a:latin typeface="Meiryo UI"/>
                <a:cs typeface="Meiryo UI"/>
              </a:rPr>
              <a:t>（注）</a:t>
            </a:r>
            <a:r>
              <a:rPr sz="898" spc="-17" dirty="0">
                <a:latin typeface="Meiryo UI"/>
                <a:cs typeface="Meiryo UI"/>
              </a:rPr>
              <a:t>あくまで現時点の想定であり、今後の検討の進捗状況等によって変更となる可能性がある</a:t>
            </a:r>
            <a:endParaRPr sz="898" dirty="0">
              <a:latin typeface="Meiryo UI"/>
              <a:cs typeface="Meiryo UI"/>
            </a:endParaRPr>
          </a:p>
          <a:p>
            <a:pPr marL="86335"/>
            <a:r>
              <a:rPr sz="898" spc="-17" dirty="0">
                <a:latin typeface="Meiryo UI"/>
                <a:cs typeface="Meiryo UI"/>
              </a:rPr>
              <a:t>※ 計画・実施検討会の同時開催とする可能性もある</a:t>
            </a:r>
            <a:endParaRPr sz="898" dirty="0">
              <a:latin typeface="Meiryo UI"/>
              <a:cs typeface="Meiryo UI"/>
            </a:endParaRPr>
          </a:p>
        </p:txBody>
      </p:sp>
      <p:grpSp>
        <p:nvGrpSpPr>
          <p:cNvPr id="14" name="object 14"/>
          <p:cNvGrpSpPr/>
          <p:nvPr/>
        </p:nvGrpSpPr>
        <p:grpSpPr>
          <a:xfrm>
            <a:off x="1005840" y="1343363"/>
            <a:ext cx="3154246" cy="180709"/>
            <a:chOff x="1176274" y="1342390"/>
            <a:chExt cx="3688715" cy="193040"/>
          </a:xfrm>
        </p:grpSpPr>
        <p:sp>
          <p:nvSpPr>
            <p:cNvPr id="15" name="object 15"/>
            <p:cNvSpPr/>
            <p:nvPr/>
          </p:nvSpPr>
          <p:spPr>
            <a:xfrm>
              <a:off x="1182624" y="1348740"/>
              <a:ext cx="3676015" cy="180340"/>
            </a:xfrm>
            <a:custGeom>
              <a:avLst/>
              <a:gdLst/>
              <a:ahLst/>
              <a:cxnLst/>
              <a:rect l="l" t="t" r="r" b="b"/>
              <a:pathLst>
                <a:path w="3676015" h="180340">
                  <a:moveTo>
                    <a:pt x="3653028" y="0"/>
                  </a:moveTo>
                  <a:lnTo>
                    <a:pt x="22859" y="0"/>
                  </a:lnTo>
                  <a:lnTo>
                    <a:pt x="13501" y="1619"/>
                  </a:lnTo>
                  <a:lnTo>
                    <a:pt x="6286" y="6095"/>
                  </a:lnTo>
                  <a:lnTo>
                    <a:pt x="1643" y="12858"/>
                  </a:lnTo>
                  <a:lnTo>
                    <a:pt x="0" y="21336"/>
                  </a:lnTo>
                  <a:lnTo>
                    <a:pt x="0" y="156972"/>
                  </a:lnTo>
                  <a:lnTo>
                    <a:pt x="1643" y="165687"/>
                  </a:lnTo>
                  <a:lnTo>
                    <a:pt x="6286" y="172974"/>
                  </a:lnTo>
                  <a:lnTo>
                    <a:pt x="13501" y="177974"/>
                  </a:lnTo>
                  <a:lnTo>
                    <a:pt x="22859" y="179832"/>
                  </a:lnTo>
                  <a:lnTo>
                    <a:pt x="3653028" y="179832"/>
                  </a:lnTo>
                  <a:lnTo>
                    <a:pt x="3661743" y="177974"/>
                  </a:lnTo>
                  <a:lnTo>
                    <a:pt x="3669029" y="172974"/>
                  </a:lnTo>
                  <a:lnTo>
                    <a:pt x="3674030" y="165687"/>
                  </a:lnTo>
                  <a:lnTo>
                    <a:pt x="3675888" y="156972"/>
                  </a:lnTo>
                  <a:lnTo>
                    <a:pt x="3675888" y="21336"/>
                  </a:lnTo>
                  <a:lnTo>
                    <a:pt x="3674030" y="12858"/>
                  </a:lnTo>
                  <a:lnTo>
                    <a:pt x="3669030" y="6096"/>
                  </a:lnTo>
                  <a:lnTo>
                    <a:pt x="3661743" y="1619"/>
                  </a:lnTo>
                  <a:lnTo>
                    <a:pt x="3653028" y="0"/>
                  </a:lnTo>
                  <a:close/>
                </a:path>
              </a:pathLst>
            </a:custGeom>
            <a:solidFill>
              <a:srgbClr val="EBF0DD"/>
            </a:solidFill>
          </p:spPr>
          <p:txBody>
            <a:bodyPr wrap="square" lIns="0" tIns="0" rIns="0" bIns="0" rtlCol="0"/>
            <a:lstStyle/>
            <a:p>
              <a:endParaRPr sz="1749"/>
            </a:p>
          </p:txBody>
        </p:sp>
        <p:sp>
          <p:nvSpPr>
            <p:cNvPr id="16" name="object 16"/>
            <p:cNvSpPr/>
            <p:nvPr/>
          </p:nvSpPr>
          <p:spPr>
            <a:xfrm>
              <a:off x="1182624" y="1348740"/>
              <a:ext cx="3676015" cy="180340"/>
            </a:xfrm>
            <a:custGeom>
              <a:avLst/>
              <a:gdLst/>
              <a:ahLst/>
              <a:cxnLst/>
              <a:rect l="l" t="t" r="r" b="b"/>
              <a:pathLst>
                <a:path w="3676015" h="180340">
                  <a:moveTo>
                    <a:pt x="0" y="21336"/>
                  </a:moveTo>
                  <a:lnTo>
                    <a:pt x="1643" y="12858"/>
                  </a:lnTo>
                  <a:lnTo>
                    <a:pt x="6286" y="6095"/>
                  </a:lnTo>
                  <a:lnTo>
                    <a:pt x="13501" y="1619"/>
                  </a:lnTo>
                  <a:lnTo>
                    <a:pt x="22859" y="0"/>
                  </a:lnTo>
                  <a:lnTo>
                    <a:pt x="3653028" y="0"/>
                  </a:lnTo>
                  <a:lnTo>
                    <a:pt x="3661743" y="1619"/>
                  </a:lnTo>
                  <a:lnTo>
                    <a:pt x="3669030" y="6096"/>
                  </a:lnTo>
                  <a:lnTo>
                    <a:pt x="3674030" y="12858"/>
                  </a:lnTo>
                  <a:lnTo>
                    <a:pt x="3675888" y="21336"/>
                  </a:lnTo>
                  <a:lnTo>
                    <a:pt x="3675888" y="156972"/>
                  </a:lnTo>
                  <a:lnTo>
                    <a:pt x="3674030" y="165687"/>
                  </a:lnTo>
                  <a:lnTo>
                    <a:pt x="3669029" y="172974"/>
                  </a:lnTo>
                  <a:lnTo>
                    <a:pt x="3661743" y="177974"/>
                  </a:lnTo>
                  <a:lnTo>
                    <a:pt x="3653028" y="179832"/>
                  </a:lnTo>
                  <a:lnTo>
                    <a:pt x="22859" y="179832"/>
                  </a:lnTo>
                  <a:lnTo>
                    <a:pt x="13501" y="177974"/>
                  </a:lnTo>
                  <a:lnTo>
                    <a:pt x="6286" y="172974"/>
                  </a:lnTo>
                  <a:lnTo>
                    <a:pt x="1643" y="165687"/>
                  </a:lnTo>
                  <a:lnTo>
                    <a:pt x="0" y="156972"/>
                  </a:lnTo>
                  <a:lnTo>
                    <a:pt x="0" y="21336"/>
                  </a:lnTo>
                  <a:close/>
                </a:path>
              </a:pathLst>
            </a:custGeom>
            <a:ln w="12192">
              <a:solidFill>
                <a:srgbClr val="000000"/>
              </a:solidFill>
            </a:ln>
          </p:spPr>
          <p:txBody>
            <a:bodyPr wrap="square" lIns="0" tIns="0" rIns="0" bIns="0" rtlCol="0"/>
            <a:lstStyle/>
            <a:p>
              <a:endParaRPr sz="1749"/>
            </a:p>
          </p:txBody>
        </p:sp>
      </p:grpSp>
      <p:sp>
        <p:nvSpPr>
          <p:cNvPr id="17" name="object 17"/>
          <p:cNvSpPr txBox="1"/>
          <p:nvPr/>
        </p:nvSpPr>
        <p:spPr>
          <a:xfrm>
            <a:off x="1852149" y="1032502"/>
            <a:ext cx="5066666" cy="480325"/>
          </a:xfrm>
          <a:prstGeom prst="rect">
            <a:avLst/>
          </a:prstGeom>
        </p:spPr>
        <p:txBody>
          <a:bodyPr vert="horz" wrap="square" lIns="0" tIns="10860" rIns="0" bIns="0" rtlCol="0">
            <a:spAutoFit/>
          </a:bodyPr>
          <a:lstStyle/>
          <a:p>
            <a:pPr marL="10860">
              <a:spcBef>
                <a:spcPts val="86"/>
              </a:spcBef>
              <a:tabLst>
                <a:tab pos="3581009" algn="l"/>
              </a:tabLst>
            </a:pPr>
            <a:r>
              <a:rPr sz="1026" b="1" dirty="0">
                <a:solidFill>
                  <a:srgbClr val="FFFFFF"/>
                </a:solidFill>
                <a:latin typeface="Meiryo UI"/>
                <a:cs typeface="Meiryo UI"/>
              </a:rPr>
              <a:t>群</a:t>
            </a:r>
            <a:r>
              <a:rPr sz="1026" b="1" spc="-9" dirty="0">
                <a:solidFill>
                  <a:srgbClr val="FFFFFF"/>
                </a:solidFill>
                <a:latin typeface="Meiryo UI"/>
                <a:cs typeface="Meiryo UI"/>
              </a:rPr>
              <a:t>マネ</a:t>
            </a:r>
            <a:r>
              <a:rPr sz="1026" b="1" dirty="0">
                <a:solidFill>
                  <a:srgbClr val="FFFFFF"/>
                </a:solidFill>
                <a:latin typeface="Meiryo UI"/>
                <a:cs typeface="Meiryo UI"/>
              </a:rPr>
              <a:t>計画検討</a:t>
            </a:r>
            <a:r>
              <a:rPr sz="1026" b="1" spc="-43" dirty="0">
                <a:solidFill>
                  <a:srgbClr val="FFFFFF"/>
                </a:solidFill>
                <a:latin typeface="Meiryo UI"/>
                <a:cs typeface="Meiryo UI"/>
              </a:rPr>
              <a:t>会</a:t>
            </a:r>
            <a:r>
              <a:rPr sz="1026" b="1" dirty="0">
                <a:solidFill>
                  <a:srgbClr val="FFFFFF"/>
                </a:solidFill>
                <a:latin typeface="Meiryo UI"/>
                <a:cs typeface="Meiryo UI"/>
              </a:rPr>
              <a:t>	群</a:t>
            </a:r>
            <a:r>
              <a:rPr sz="1026" b="1" spc="-9" dirty="0">
                <a:solidFill>
                  <a:srgbClr val="FFFFFF"/>
                </a:solidFill>
                <a:latin typeface="Meiryo UI"/>
                <a:cs typeface="Meiryo UI"/>
              </a:rPr>
              <a:t>マネ</a:t>
            </a:r>
            <a:r>
              <a:rPr sz="1026" b="1" dirty="0">
                <a:solidFill>
                  <a:srgbClr val="FFFFFF"/>
                </a:solidFill>
                <a:latin typeface="Meiryo UI"/>
                <a:cs typeface="Meiryo UI"/>
              </a:rPr>
              <a:t>実施検討</a:t>
            </a:r>
            <a:r>
              <a:rPr sz="1026" b="1" spc="-43" dirty="0">
                <a:solidFill>
                  <a:srgbClr val="FFFFFF"/>
                </a:solidFill>
                <a:latin typeface="Meiryo UI"/>
                <a:cs typeface="Meiryo UI"/>
              </a:rPr>
              <a:t>会</a:t>
            </a:r>
            <a:endParaRPr sz="1026" dirty="0">
              <a:latin typeface="Meiryo UI"/>
              <a:cs typeface="Meiryo UI"/>
            </a:endParaRPr>
          </a:p>
          <a:p>
            <a:pPr marL="52127">
              <a:spcBef>
                <a:spcPts val="1325"/>
              </a:spcBef>
            </a:pPr>
            <a:r>
              <a:rPr sz="941" dirty="0">
                <a:latin typeface="Meiryo UI"/>
                <a:cs typeface="Meiryo UI"/>
              </a:rPr>
              <a:t>［第</a:t>
            </a:r>
            <a:r>
              <a:rPr sz="941" spc="-17" dirty="0">
                <a:latin typeface="Meiryo UI"/>
                <a:cs typeface="Meiryo UI"/>
              </a:rPr>
              <a:t>3</a:t>
            </a:r>
            <a:r>
              <a:rPr sz="941" dirty="0">
                <a:latin typeface="Meiryo UI"/>
                <a:cs typeface="Meiryo UI"/>
              </a:rPr>
              <a:t>回］</a:t>
            </a:r>
            <a:r>
              <a:rPr sz="941" spc="-9" dirty="0">
                <a:latin typeface="Meiryo UI"/>
                <a:cs typeface="Meiryo UI"/>
              </a:rPr>
              <a:t>計画検討会</a:t>
            </a:r>
            <a:endParaRPr sz="941" dirty="0">
              <a:latin typeface="Meiryo UI"/>
              <a:cs typeface="Meiryo UI"/>
            </a:endParaRPr>
          </a:p>
        </p:txBody>
      </p:sp>
      <p:grpSp>
        <p:nvGrpSpPr>
          <p:cNvPr id="18" name="object 18"/>
          <p:cNvGrpSpPr/>
          <p:nvPr/>
        </p:nvGrpSpPr>
        <p:grpSpPr>
          <a:xfrm>
            <a:off x="4816347" y="1620941"/>
            <a:ext cx="2908270" cy="165070"/>
            <a:chOff x="5632450" y="1667001"/>
            <a:chExt cx="3401060" cy="193040"/>
          </a:xfrm>
        </p:grpSpPr>
        <p:sp>
          <p:nvSpPr>
            <p:cNvPr id="19" name="object 19"/>
            <p:cNvSpPr/>
            <p:nvPr/>
          </p:nvSpPr>
          <p:spPr>
            <a:xfrm>
              <a:off x="5638800" y="1673351"/>
              <a:ext cx="3388360" cy="180340"/>
            </a:xfrm>
            <a:custGeom>
              <a:avLst/>
              <a:gdLst/>
              <a:ahLst/>
              <a:cxnLst/>
              <a:rect l="l" t="t" r="r" b="b"/>
              <a:pathLst>
                <a:path w="3388359" h="180339">
                  <a:moveTo>
                    <a:pt x="3351276" y="0"/>
                  </a:moveTo>
                  <a:lnTo>
                    <a:pt x="35051" y="0"/>
                  </a:lnTo>
                  <a:lnTo>
                    <a:pt x="21216" y="2690"/>
                  </a:lnTo>
                  <a:lnTo>
                    <a:pt x="10096" y="10096"/>
                  </a:lnTo>
                  <a:lnTo>
                    <a:pt x="2690" y="21216"/>
                  </a:lnTo>
                  <a:lnTo>
                    <a:pt x="0" y="35052"/>
                  </a:lnTo>
                  <a:lnTo>
                    <a:pt x="0" y="143256"/>
                  </a:lnTo>
                  <a:lnTo>
                    <a:pt x="2690" y="157329"/>
                  </a:lnTo>
                  <a:lnTo>
                    <a:pt x="10096" y="168973"/>
                  </a:lnTo>
                  <a:lnTo>
                    <a:pt x="21216" y="176903"/>
                  </a:lnTo>
                  <a:lnTo>
                    <a:pt x="35051" y="179832"/>
                  </a:lnTo>
                  <a:lnTo>
                    <a:pt x="3351276" y="179832"/>
                  </a:lnTo>
                  <a:lnTo>
                    <a:pt x="3365349" y="176903"/>
                  </a:lnTo>
                  <a:lnTo>
                    <a:pt x="3376993" y="168973"/>
                  </a:lnTo>
                  <a:lnTo>
                    <a:pt x="3384923" y="157329"/>
                  </a:lnTo>
                  <a:lnTo>
                    <a:pt x="3387852" y="143256"/>
                  </a:lnTo>
                  <a:lnTo>
                    <a:pt x="3387852" y="35052"/>
                  </a:lnTo>
                  <a:lnTo>
                    <a:pt x="3384923" y="21216"/>
                  </a:lnTo>
                  <a:lnTo>
                    <a:pt x="3376993" y="10096"/>
                  </a:lnTo>
                  <a:lnTo>
                    <a:pt x="3365349" y="2690"/>
                  </a:lnTo>
                  <a:lnTo>
                    <a:pt x="3351276" y="0"/>
                  </a:lnTo>
                  <a:close/>
                </a:path>
              </a:pathLst>
            </a:custGeom>
            <a:solidFill>
              <a:srgbClr val="DBEDF4"/>
            </a:solidFill>
          </p:spPr>
          <p:txBody>
            <a:bodyPr wrap="square" lIns="0" tIns="0" rIns="0" bIns="0" rtlCol="0"/>
            <a:lstStyle/>
            <a:p>
              <a:endParaRPr sz="1749"/>
            </a:p>
          </p:txBody>
        </p:sp>
        <p:sp>
          <p:nvSpPr>
            <p:cNvPr id="20" name="object 20"/>
            <p:cNvSpPr/>
            <p:nvPr/>
          </p:nvSpPr>
          <p:spPr>
            <a:xfrm>
              <a:off x="5638800" y="1673351"/>
              <a:ext cx="3388360" cy="180340"/>
            </a:xfrm>
            <a:custGeom>
              <a:avLst/>
              <a:gdLst/>
              <a:ahLst/>
              <a:cxnLst/>
              <a:rect l="l" t="t" r="r" b="b"/>
              <a:pathLst>
                <a:path w="3388359" h="180339">
                  <a:moveTo>
                    <a:pt x="0" y="35052"/>
                  </a:moveTo>
                  <a:lnTo>
                    <a:pt x="2690" y="21216"/>
                  </a:lnTo>
                  <a:lnTo>
                    <a:pt x="10096" y="10096"/>
                  </a:lnTo>
                  <a:lnTo>
                    <a:pt x="21216" y="2690"/>
                  </a:lnTo>
                  <a:lnTo>
                    <a:pt x="35051" y="0"/>
                  </a:lnTo>
                  <a:lnTo>
                    <a:pt x="3351276" y="0"/>
                  </a:lnTo>
                  <a:lnTo>
                    <a:pt x="3365349" y="2690"/>
                  </a:lnTo>
                  <a:lnTo>
                    <a:pt x="3376993" y="10096"/>
                  </a:lnTo>
                  <a:lnTo>
                    <a:pt x="3384923" y="21216"/>
                  </a:lnTo>
                  <a:lnTo>
                    <a:pt x="3387852" y="35052"/>
                  </a:lnTo>
                  <a:lnTo>
                    <a:pt x="3387852" y="143256"/>
                  </a:lnTo>
                  <a:lnTo>
                    <a:pt x="3384923" y="157329"/>
                  </a:lnTo>
                  <a:lnTo>
                    <a:pt x="3376993" y="168973"/>
                  </a:lnTo>
                  <a:lnTo>
                    <a:pt x="3365349" y="176903"/>
                  </a:lnTo>
                  <a:lnTo>
                    <a:pt x="3351276" y="179832"/>
                  </a:lnTo>
                  <a:lnTo>
                    <a:pt x="35051" y="179832"/>
                  </a:lnTo>
                  <a:lnTo>
                    <a:pt x="21216" y="176903"/>
                  </a:lnTo>
                  <a:lnTo>
                    <a:pt x="10096" y="168973"/>
                  </a:lnTo>
                  <a:lnTo>
                    <a:pt x="2690" y="157329"/>
                  </a:lnTo>
                  <a:lnTo>
                    <a:pt x="0" y="143256"/>
                  </a:lnTo>
                  <a:lnTo>
                    <a:pt x="0" y="35052"/>
                  </a:lnTo>
                  <a:close/>
                </a:path>
              </a:pathLst>
            </a:custGeom>
            <a:ln w="12191">
              <a:solidFill>
                <a:srgbClr val="000000"/>
              </a:solidFill>
            </a:ln>
          </p:spPr>
          <p:txBody>
            <a:bodyPr wrap="square" lIns="0" tIns="0" rIns="0" bIns="0" rtlCol="0"/>
            <a:lstStyle/>
            <a:p>
              <a:endParaRPr sz="1749"/>
            </a:p>
          </p:txBody>
        </p:sp>
      </p:grpSp>
      <p:sp>
        <p:nvSpPr>
          <p:cNvPr id="21" name="object 21"/>
          <p:cNvSpPr txBox="1"/>
          <p:nvPr/>
        </p:nvSpPr>
        <p:spPr>
          <a:xfrm>
            <a:off x="5698383" y="1624635"/>
            <a:ext cx="1175037" cy="156298"/>
          </a:xfrm>
          <a:prstGeom prst="rect">
            <a:avLst/>
          </a:prstGeom>
        </p:spPr>
        <p:txBody>
          <a:bodyPr vert="horz" wrap="square" lIns="0" tIns="11403" rIns="0" bIns="0" rtlCol="0">
            <a:spAutoFit/>
          </a:bodyPr>
          <a:lstStyle/>
          <a:p>
            <a:pPr marL="10860">
              <a:spcBef>
                <a:spcPts val="90"/>
              </a:spcBef>
            </a:pPr>
            <a:r>
              <a:rPr sz="941" dirty="0">
                <a:latin typeface="Meiryo UI"/>
                <a:cs typeface="Meiryo UI"/>
              </a:rPr>
              <a:t>［第</a:t>
            </a:r>
            <a:r>
              <a:rPr sz="941" spc="-17" dirty="0">
                <a:latin typeface="Meiryo UI"/>
                <a:cs typeface="Meiryo UI"/>
              </a:rPr>
              <a:t>3</a:t>
            </a:r>
            <a:r>
              <a:rPr sz="941" dirty="0">
                <a:latin typeface="Meiryo UI"/>
                <a:cs typeface="Meiryo UI"/>
              </a:rPr>
              <a:t>回］</a:t>
            </a:r>
            <a:r>
              <a:rPr sz="941" spc="-9" dirty="0">
                <a:latin typeface="Meiryo UI"/>
                <a:cs typeface="Meiryo UI"/>
              </a:rPr>
              <a:t>実施検討会</a:t>
            </a:r>
            <a:endParaRPr sz="941">
              <a:latin typeface="Meiryo UI"/>
              <a:cs typeface="Meiryo UI"/>
            </a:endParaRPr>
          </a:p>
        </p:txBody>
      </p:sp>
      <p:grpSp>
        <p:nvGrpSpPr>
          <p:cNvPr id="22" name="object 22"/>
          <p:cNvGrpSpPr/>
          <p:nvPr/>
        </p:nvGrpSpPr>
        <p:grpSpPr>
          <a:xfrm>
            <a:off x="4816347" y="1816419"/>
            <a:ext cx="2908270" cy="165070"/>
            <a:chOff x="5632450" y="1895601"/>
            <a:chExt cx="3401060" cy="193040"/>
          </a:xfrm>
        </p:grpSpPr>
        <p:sp>
          <p:nvSpPr>
            <p:cNvPr id="23" name="object 23"/>
            <p:cNvSpPr/>
            <p:nvPr/>
          </p:nvSpPr>
          <p:spPr>
            <a:xfrm>
              <a:off x="5638800" y="1901951"/>
              <a:ext cx="3388360" cy="180340"/>
            </a:xfrm>
            <a:custGeom>
              <a:avLst/>
              <a:gdLst/>
              <a:ahLst/>
              <a:cxnLst/>
              <a:rect l="l" t="t" r="r" b="b"/>
              <a:pathLst>
                <a:path w="3388359" h="180339">
                  <a:moveTo>
                    <a:pt x="3346704" y="0"/>
                  </a:moveTo>
                  <a:lnTo>
                    <a:pt x="41148" y="0"/>
                  </a:lnTo>
                  <a:lnTo>
                    <a:pt x="25074" y="3214"/>
                  </a:lnTo>
                  <a:lnTo>
                    <a:pt x="12001" y="12001"/>
                  </a:lnTo>
                  <a:lnTo>
                    <a:pt x="3214" y="25074"/>
                  </a:lnTo>
                  <a:lnTo>
                    <a:pt x="0" y="41148"/>
                  </a:lnTo>
                  <a:lnTo>
                    <a:pt x="0" y="137160"/>
                  </a:lnTo>
                  <a:lnTo>
                    <a:pt x="3214" y="154114"/>
                  </a:lnTo>
                  <a:lnTo>
                    <a:pt x="12001" y="167640"/>
                  </a:lnTo>
                  <a:lnTo>
                    <a:pt x="25074" y="176593"/>
                  </a:lnTo>
                  <a:lnTo>
                    <a:pt x="41148" y="179832"/>
                  </a:lnTo>
                  <a:lnTo>
                    <a:pt x="3346704" y="179832"/>
                  </a:lnTo>
                  <a:lnTo>
                    <a:pt x="3362777" y="176593"/>
                  </a:lnTo>
                  <a:lnTo>
                    <a:pt x="3375850" y="167640"/>
                  </a:lnTo>
                  <a:lnTo>
                    <a:pt x="3384637" y="154114"/>
                  </a:lnTo>
                  <a:lnTo>
                    <a:pt x="3387852" y="137160"/>
                  </a:lnTo>
                  <a:lnTo>
                    <a:pt x="3387852" y="41148"/>
                  </a:lnTo>
                  <a:lnTo>
                    <a:pt x="3384637" y="25074"/>
                  </a:lnTo>
                  <a:lnTo>
                    <a:pt x="3375850" y="12001"/>
                  </a:lnTo>
                  <a:lnTo>
                    <a:pt x="3362777" y="3214"/>
                  </a:lnTo>
                  <a:lnTo>
                    <a:pt x="3346704" y="0"/>
                  </a:lnTo>
                  <a:close/>
                </a:path>
              </a:pathLst>
            </a:custGeom>
            <a:solidFill>
              <a:srgbClr val="DBEDF4"/>
            </a:solidFill>
          </p:spPr>
          <p:txBody>
            <a:bodyPr wrap="square" lIns="0" tIns="0" rIns="0" bIns="0" rtlCol="0"/>
            <a:lstStyle/>
            <a:p>
              <a:endParaRPr sz="1749"/>
            </a:p>
          </p:txBody>
        </p:sp>
        <p:sp>
          <p:nvSpPr>
            <p:cNvPr id="24" name="object 24"/>
            <p:cNvSpPr/>
            <p:nvPr/>
          </p:nvSpPr>
          <p:spPr>
            <a:xfrm>
              <a:off x="5638800" y="1901951"/>
              <a:ext cx="3388360" cy="180340"/>
            </a:xfrm>
            <a:custGeom>
              <a:avLst/>
              <a:gdLst/>
              <a:ahLst/>
              <a:cxnLst/>
              <a:rect l="l" t="t" r="r" b="b"/>
              <a:pathLst>
                <a:path w="3388359" h="180339">
                  <a:moveTo>
                    <a:pt x="0" y="41148"/>
                  </a:moveTo>
                  <a:lnTo>
                    <a:pt x="3214" y="25074"/>
                  </a:lnTo>
                  <a:lnTo>
                    <a:pt x="12001" y="12001"/>
                  </a:lnTo>
                  <a:lnTo>
                    <a:pt x="25074" y="3214"/>
                  </a:lnTo>
                  <a:lnTo>
                    <a:pt x="41148" y="0"/>
                  </a:lnTo>
                  <a:lnTo>
                    <a:pt x="3346704" y="0"/>
                  </a:lnTo>
                  <a:lnTo>
                    <a:pt x="3362777" y="3214"/>
                  </a:lnTo>
                  <a:lnTo>
                    <a:pt x="3375850" y="12001"/>
                  </a:lnTo>
                  <a:lnTo>
                    <a:pt x="3384637" y="25074"/>
                  </a:lnTo>
                  <a:lnTo>
                    <a:pt x="3387852" y="41148"/>
                  </a:lnTo>
                  <a:lnTo>
                    <a:pt x="3387852" y="137160"/>
                  </a:lnTo>
                  <a:lnTo>
                    <a:pt x="3384637" y="154114"/>
                  </a:lnTo>
                  <a:lnTo>
                    <a:pt x="3375850" y="167640"/>
                  </a:lnTo>
                  <a:lnTo>
                    <a:pt x="3362777" y="176593"/>
                  </a:lnTo>
                  <a:lnTo>
                    <a:pt x="3346704" y="179832"/>
                  </a:lnTo>
                  <a:lnTo>
                    <a:pt x="41148" y="179832"/>
                  </a:lnTo>
                  <a:lnTo>
                    <a:pt x="25074" y="176593"/>
                  </a:lnTo>
                  <a:lnTo>
                    <a:pt x="12001" y="167640"/>
                  </a:lnTo>
                  <a:lnTo>
                    <a:pt x="3214" y="154114"/>
                  </a:lnTo>
                  <a:lnTo>
                    <a:pt x="0" y="137160"/>
                  </a:lnTo>
                  <a:lnTo>
                    <a:pt x="0" y="41148"/>
                  </a:lnTo>
                  <a:close/>
                </a:path>
              </a:pathLst>
            </a:custGeom>
            <a:ln w="12191">
              <a:solidFill>
                <a:srgbClr val="000000"/>
              </a:solidFill>
            </a:ln>
          </p:spPr>
          <p:txBody>
            <a:bodyPr wrap="square" lIns="0" tIns="0" rIns="0" bIns="0" rtlCol="0"/>
            <a:lstStyle/>
            <a:p>
              <a:endParaRPr sz="1749"/>
            </a:p>
          </p:txBody>
        </p:sp>
      </p:grpSp>
      <p:sp>
        <p:nvSpPr>
          <p:cNvPr id="25" name="object 25"/>
          <p:cNvSpPr txBox="1"/>
          <p:nvPr/>
        </p:nvSpPr>
        <p:spPr>
          <a:xfrm>
            <a:off x="4828364" y="1820112"/>
            <a:ext cx="2883835" cy="156298"/>
          </a:xfrm>
          <a:prstGeom prst="rect">
            <a:avLst/>
          </a:prstGeom>
        </p:spPr>
        <p:txBody>
          <a:bodyPr vert="horz" wrap="square" lIns="0" tIns="11403" rIns="0" bIns="0" rtlCol="0">
            <a:spAutoFit/>
          </a:bodyPr>
          <a:lstStyle/>
          <a:p>
            <a:pPr marL="805252">
              <a:spcBef>
                <a:spcPts val="90"/>
              </a:spcBef>
            </a:pPr>
            <a:r>
              <a:rPr sz="941" spc="-9" dirty="0">
                <a:latin typeface="Meiryo UI"/>
                <a:cs typeface="Meiryo UI"/>
              </a:rPr>
              <a:t>現地調査(秋田県大館市)</a:t>
            </a:r>
            <a:endParaRPr sz="941">
              <a:latin typeface="Meiryo UI"/>
              <a:cs typeface="Meiryo UI"/>
            </a:endParaRPr>
          </a:p>
        </p:txBody>
      </p:sp>
      <p:grpSp>
        <p:nvGrpSpPr>
          <p:cNvPr id="26" name="object 26"/>
          <p:cNvGrpSpPr/>
          <p:nvPr/>
        </p:nvGrpSpPr>
        <p:grpSpPr>
          <a:xfrm>
            <a:off x="844244" y="2602238"/>
            <a:ext cx="6811303" cy="288872"/>
            <a:chOff x="987297" y="2814573"/>
            <a:chExt cx="7965440" cy="337820"/>
          </a:xfrm>
        </p:grpSpPr>
        <p:sp>
          <p:nvSpPr>
            <p:cNvPr id="27" name="object 27"/>
            <p:cNvSpPr/>
            <p:nvPr/>
          </p:nvSpPr>
          <p:spPr>
            <a:xfrm>
              <a:off x="993647" y="2820923"/>
              <a:ext cx="7952740" cy="325120"/>
            </a:xfrm>
            <a:custGeom>
              <a:avLst/>
              <a:gdLst/>
              <a:ahLst/>
              <a:cxnLst/>
              <a:rect l="l" t="t" r="r" b="b"/>
              <a:pathLst>
                <a:path w="7952740" h="325119">
                  <a:moveTo>
                    <a:pt x="7926324" y="0"/>
                  </a:moveTo>
                  <a:lnTo>
                    <a:pt x="25908" y="0"/>
                  </a:lnTo>
                  <a:lnTo>
                    <a:pt x="16073" y="2143"/>
                  </a:lnTo>
                  <a:lnTo>
                    <a:pt x="7810" y="8000"/>
                  </a:lnTo>
                  <a:lnTo>
                    <a:pt x="2119" y="16716"/>
                  </a:lnTo>
                  <a:lnTo>
                    <a:pt x="0" y="27432"/>
                  </a:lnTo>
                  <a:lnTo>
                    <a:pt x="0" y="298703"/>
                  </a:lnTo>
                  <a:lnTo>
                    <a:pt x="2119" y="308538"/>
                  </a:lnTo>
                  <a:lnTo>
                    <a:pt x="7810" y="316801"/>
                  </a:lnTo>
                  <a:lnTo>
                    <a:pt x="16073" y="322492"/>
                  </a:lnTo>
                  <a:lnTo>
                    <a:pt x="25908" y="324612"/>
                  </a:lnTo>
                  <a:lnTo>
                    <a:pt x="7926324" y="324612"/>
                  </a:lnTo>
                  <a:lnTo>
                    <a:pt x="7936158" y="322492"/>
                  </a:lnTo>
                  <a:lnTo>
                    <a:pt x="7944421" y="316801"/>
                  </a:lnTo>
                  <a:lnTo>
                    <a:pt x="7950112" y="308538"/>
                  </a:lnTo>
                  <a:lnTo>
                    <a:pt x="7952232" y="298703"/>
                  </a:lnTo>
                  <a:lnTo>
                    <a:pt x="7952232" y="27432"/>
                  </a:lnTo>
                  <a:lnTo>
                    <a:pt x="7950112" y="16716"/>
                  </a:lnTo>
                  <a:lnTo>
                    <a:pt x="7944421" y="8000"/>
                  </a:lnTo>
                  <a:lnTo>
                    <a:pt x="7936158" y="2143"/>
                  </a:lnTo>
                  <a:lnTo>
                    <a:pt x="7926324" y="0"/>
                  </a:lnTo>
                  <a:close/>
                </a:path>
              </a:pathLst>
            </a:custGeom>
            <a:solidFill>
              <a:srgbClr val="FDE9DA"/>
            </a:solidFill>
          </p:spPr>
          <p:txBody>
            <a:bodyPr wrap="square" lIns="0" tIns="0" rIns="0" bIns="0" rtlCol="0"/>
            <a:lstStyle/>
            <a:p>
              <a:endParaRPr sz="1749"/>
            </a:p>
          </p:txBody>
        </p:sp>
        <p:sp>
          <p:nvSpPr>
            <p:cNvPr id="28" name="object 28"/>
            <p:cNvSpPr/>
            <p:nvPr/>
          </p:nvSpPr>
          <p:spPr>
            <a:xfrm>
              <a:off x="993647" y="2820923"/>
              <a:ext cx="7952740" cy="325120"/>
            </a:xfrm>
            <a:custGeom>
              <a:avLst/>
              <a:gdLst/>
              <a:ahLst/>
              <a:cxnLst/>
              <a:rect l="l" t="t" r="r" b="b"/>
              <a:pathLst>
                <a:path w="7952740" h="325119">
                  <a:moveTo>
                    <a:pt x="0" y="27432"/>
                  </a:moveTo>
                  <a:lnTo>
                    <a:pt x="2119" y="16716"/>
                  </a:lnTo>
                  <a:lnTo>
                    <a:pt x="7810" y="8000"/>
                  </a:lnTo>
                  <a:lnTo>
                    <a:pt x="16073" y="2143"/>
                  </a:lnTo>
                  <a:lnTo>
                    <a:pt x="25908" y="0"/>
                  </a:lnTo>
                  <a:lnTo>
                    <a:pt x="7926324" y="0"/>
                  </a:lnTo>
                  <a:lnTo>
                    <a:pt x="7936158" y="2143"/>
                  </a:lnTo>
                  <a:lnTo>
                    <a:pt x="7944421" y="8000"/>
                  </a:lnTo>
                  <a:lnTo>
                    <a:pt x="7950112" y="16716"/>
                  </a:lnTo>
                  <a:lnTo>
                    <a:pt x="7952232" y="27432"/>
                  </a:lnTo>
                  <a:lnTo>
                    <a:pt x="7952232" y="298703"/>
                  </a:lnTo>
                  <a:lnTo>
                    <a:pt x="7950112" y="308538"/>
                  </a:lnTo>
                  <a:lnTo>
                    <a:pt x="7944421" y="316801"/>
                  </a:lnTo>
                  <a:lnTo>
                    <a:pt x="7936158" y="322492"/>
                  </a:lnTo>
                  <a:lnTo>
                    <a:pt x="7926324" y="324612"/>
                  </a:lnTo>
                  <a:lnTo>
                    <a:pt x="25908" y="324612"/>
                  </a:lnTo>
                  <a:lnTo>
                    <a:pt x="16073" y="322492"/>
                  </a:lnTo>
                  <a:lnTo>
                    <a:pt x="7810" y="316801"/>
                  </a:lnTo>
                  <a:lnTo>
                    <a:pt x="2119" y="308538"/>
                  </a:lnTo>
                  <a:lnTo>
                    <a:pt x="0" y="298703"/>
                  </a:lnTo>
                  <a:lnTo>
                    <a:pt x="0" y="27432"/>
                  </a:lnTo>
                  <a:close/>
                </a:path>
              </a:pathLst>
            </a:custGeom>
            <a:ln w="12192">
              <a:solidFill>
                <a:srgbClr val="000000"/>
              </a:solidFill>
            </a:ln>
          </p:spPr>
          <p:txBody>
            <a:bodyPr wrap="square" lIns="0" tIns="0" rIns="0" bIns="0" rtlCol="0"/>
            <a:lstStyle/>
            <a:p>
              <a:endParaRPr sz="1749"/>
            </a:p>
          </p:txBody>
        </p:sp>
      </p:grpSp>
      <p:sp>
        <p:nvSpPr>
          <p:cNvPr id="29" name="object 29"/>
          <p:cNvSpPr txBox="1"/>
          <p:nvPr/>
        </p:nvSpPr>
        <p:spPr>
          <a:xfrm>
            <a:off x="755411" y="2443033"/>
            <a:ext cx="574486" cy="168830"/>
          </a:xfrm>
          <a:prstGeom prst="rect">
            <a:avLst/>
          </a:prstGeom>
        </p:spPr>
        <p:txBody>
          <a:bodyPr vert="horz" wrap="square" lIns="0" tIns="10860" rIns="0" bIns="0" rtlCol="0">
            <a:spAutoFit/>
          </a:bodyPr>
          <a:lstStyle/>
          <a:p>
            <a:pPr marL="10860">
              <a:spcBef>
                <a:spcPts val="86"/>
              </a:spcBef>
            </a:pPr>
            <a:r>
              <a:rPr sz="1026" spc="-9" dirty="0">
                <a:latin typeface="Meiryo UI"/>
                <a:cs typeface="Meiryo UI"/>
              </a:rPr>
              <a:t>7～8</a:t>
            </a:r>
            <a:r>
              <a:rPr sz="1026" spc="-21" dirty="0">
                <a:latin typeface="Meiryo UI"/>
                <a:cs typeface="Meiryo UI"/>
              </a:rPr>
              <a:t>月頃</a:t>
            </a:r>
            <a:endParaRPr sz="1026">
              <a:latin typeface="Meiryo UI"/>
              <a:cs typeface="Meiryo UI"/>
            </a:endParaRPr>
          </a:p>
        </p:txBody>
      </p:sp>
      <p:sp>
        <p:nvSpPr>
          <p:cNvPr id="30" name="object 30"/>
          <p:cNvSpPr txBox="1"/>
          <p:nvPr/>
        </p:nvSpPr>
        <p:spPr>
          <a:xfrm>
            <a:off x="721529" y="1323600"/>
            <a:ext cx="242175" cy="168830"/>
          </a:xfrm>
          <a:prstGeom prst="rect">
            <a:avLst/>
          </a:prstGeom>
        </p:spPr>
        <p:txBody>
          <a:bodyPr vert="horz" wrap="square" lIns="0" tIns="10860" rIns="0" bIns="0" rtlCol="0">
            <a:spAutoFit/>
          </a:bodyPr>
          <a:lstStyle/>
          <a:p>
            <a:pPr marL="10860">
              <a:spcBef>
                <a:spcPts val="86"/>
              </a:spcBef>
            </a:pPr>
            <a:r>
              <a:rPr sz="1026" spc="-21" dirty="0">
                <a:latin typeface="Meiryo UI"/>
                <a:cs typeface="Meiryo UI"/>
              </a:rPr>
              <a:t>3/7</a:t>
            </a:r>
            <a:endParaRPr sz="1026">
              <a:latin typeface="Meiryo UI"/>
              <a:cs typeface="Meiryo UI"/>
            </a:endParaRPr>
          </a:p>
        </p:txBody>
      </p:sp>
      <p:sp>
        <p:nvSpPr>
          <p:cNvPr id="31" name="object 31"/>
          <p:cNvSpPr txBox="1"/>
          <p:nvPr/>
        </p:nvSpPr>
        <p:spPr>
          <a:xfrm>
            <a:off x="4305282" y="1543836"/>
            <a:ext cx="453399" cy="451126"/>
          </a:xfrm>
          <a:prstGeom prst="rect">
            <a:avLst/>
          </a:prstGeom>
        </p:spPr>
        <p:txBody>
          <a:bodyPr vert="horz" wrap="square" lIns="0" tIns="70589" rIns="0" bIns="0" rtlCol="0">
            <a:spAutoFit/>
          </a:bodyPr>
          <a:lstStyle/>
          <a:p>
            <a:pPr marR="19548" algn="ctr">
              <a:spcBef>
                <a:spcPts val="556"/>
              </a:spcBef>
            </a:pPr>
            <a:r>
              <a:rPr sz="1026" spc="-21" dirty="0">
                <a:latin typeface="Meiryo UI"/>
                <a:cs typeface="Meiryo UI"/>
              </a:rPr>
              <a:t>5/7</a:t>
            </a:r>
            <a:endParaRPr sz="1026">
              <a:latin typeface="Meiryo UI"/>
              <a:cs typeface="Meiryo UI"/>
            </a:endParaRPr>
          </a:p>
          <a:p>
            <a:pPr algn="ctr">
              <a:spcBef>
                <a:spcPts val="475"/>
              </a:spcBef>
            </a:pPr>
            <a:r>
              <a:rPr sz="1026" spc="-9" dirty="0">
                <a:latin typeface="Meiryo UI"/>
                <a:cs typeface="Meiryo UI"/>
              </a:rPr>
              <a:t>5/8～9</a:t>
            </a:r>
            <a:endParaRPr sz="1026">
              <a:latin typeface="Meiryo UI"/>
              <a:cs typeface="Meiryo UI"/>
            </a:endParaRPr>
          </a:p>
        </p:txBody>
      </p:sp>
      <p:grpSp>
        <p:nvGrpSpPr>
          <p:cNvPr id="32" name="object 32"/>
          <p:cNvGrpSpPr/>
          <p:nvPr/>
        </p:nvGrpSpPr>
        <p:grpSpPr>
          <a:xfrm>
            <a:off x="865910" y="5613410"/>
            <a:ext cx="6795013" cy="259551"/>
            <a:chOff x="1012634" y="6335971"/>
            <a:chExt cx="7946390" cy="303530"/>
          </a:xfrm>
        </p:grpSpPr>
        <p:sp>
          <p:nvSpPr>
            <p:cNvPr id="33" name="object 33"/>
            <p:cNvSpPr/>
            <p:nvPr/>
          </p:nvSpPr>
          <p:spPr>
            <a:xfrm>
              <a:off x="1025652" y="6348988"/>
              <a:ext cx="7920355" cy="277495"/>
            </a:xfrm>
            <a:custGeom>
              <a:avLst/>
              <a:gdLst/>
              <a:ahLst/>
              <a:cxnLst/>
              <a:rect l="l" t="t" r="r" b="b"/>
              <a:pathLst>
                <a:path w="7920355" h="277495">
                  <a:moveTo>
                    <a:pt x="7920228" y="0"/>
                  </a:moveTo>
                  <a:lnTo>
                    <a:pt x="0" y="0"/>
                  </a:lnTo>
                  <a:lnTo>
                    <a:pt x="0" y="277367"/>
                  </a:lnTo>
                  <a:lnTo>
                    <a:pt x="7920228" y="277367"/>
                  </a:lnTo>
                  <a:lnTo>
                    <a:pt x="7920228" y="0"/>
                  </a:lnTo>
                  <a:close/>
                </a:path>
              </a:pathLst>
            </a:custGeom>
            <a:solidFill>
              <a:srgbClr val="FBD4B5"/>
            </a:solidFill>
          </p:spPr>
          <p:txBody>
            <a:bodyPr wrap="square" lIns="0" tIns="0" rIns="0" bIns="0" rtlCol="0"/>
            <a:lstStyle/>
            <a:p>
              <a:endParaRPr sz="1749"/>
            </a:p>
          </p:txBody>
        </p:sp>
        <p:sp>
          <p:nvSpPr>
            <p:cNvPr id="34" name="object 34"/>
            <p:cNvSpPr/>
            <p:nvPr/>
          </p:nvSpPr>
          <p:spPr>
            <a:xfrm>
              <a:off x="1025652" y="6348988"/>
              <a:ext cx="7920355" cy="277495"/>
            </a:xfrm>
            <a:custGeom>
              <a:avLst/>
              <a:gdLst/>
              <a:ahLst/>
              <a:cxnLst/>
              <a:rect l="l" t="t" r="r" b="b"/>
              <a:pathLst>
                <a:path w="7920355" h="277495">
                  <a:moveTo>
                    <a:pt x="0" y="0"/>
                  </a:moveTo>
                  <a:lnTo>
                    <a:pt x="7920228" y="0"/>
                  </a:lnTo>
                  <a:lnTo>
                    <a:pt x="7920228" y="277367"/>
                  </a:lnTo>
                  <a:lnTo>
                    <a:pt x="0" y="277367"/>
                  </a:lnTo>
                  <a:lnTo>
                    <a:pt x="0" y="0"/>
                  </a:lnTo>
                  <a:close/>
                </a:path>
              </a:pathLst>
            </a:custGeom>
            <a:ln w="25908">
              <a:solidFill>
                <a:srgbClr val="FF0000"/>
              </a:solidFill>
            </a:ln>
          </p:spPr>
          <p:txBody>
            <a:bodyPr wrap="square" lIns="0" tIns="0" rIns="0" bIns="0" rtlCol="0"/>
            <a:lstStyle/>
            <a:p>
              <a:endParaRPr sz="1749"/>
            </a:p>
          </p:txBody>
        </p:sp>
      </p:grpSp>
      <p:sp>
        <p:nvSpPr>
          <p:cNvPr id="35" name="object 35"/>
          <p:cNvSpPr txBox="1"/>
          <p:nvPr/>
        </p:nvSpPr>
        <p:spPr>
          <a:xfrm>
            <a:off x="3688875" y="5614986"/>
            <a:ext cx="1786665" cy="247826"/>
          </a:xfrm>
          <a:prstGeom prst="rect">
            <a:avLst/>
          </a:prstGeom>
        </p:spPr>
        <p:txBody>
          <a:bodyPr vert="horz" wrap="square" lIns="0" tIns="10860" rIns="0" bIns="0" rtlCol="0">
            <a:spAutoFit/>
          </a:bodyPr>
          <a:lstStyle/>
          <a:p>
            <a:pPr marL="10860">
              <a:spcBef>
                <a:spcPts val="86"/>
              </a:spcBef>
            </a:pPr>
            <a:r>
              <a:rPr sz="1539" b="1" spc="-17" dirty="0">
                <a:latin typeface="Meiryo UI"/>
                <a:cs typeface="Meiryo UI"/>
              </a:rPr>
              <a:t>中間とりまとめ</a:t>
            </a:r>
            <a:endParaRPr sz="1539" dirty="0">
              <a:latin typeface="Meiryo UI"/>
              <a:cs typeface="Meiryo UI"/>
            </a:endParaRPr>
          </a:p>
        </p:txBody>
      </p:sp>
      <p:sp>
        <p:nvSpPr>
          <p:cNvPr id="36" name="object 36"/>
          <p:cNvSpPr txBox="1"/>
          <p:nvPr/>
        </p:nvSpPr>
        <p:spPr>
          <a:xfrm>
            <a:off x="838815" y="5439055"/>
            <a:ext cx="282356" cy="168830"/>
          </a:xfrm>
          <a:prstGeom prst="rect">
            <a:avLst/>
          </a:prstGeom>
        </p:spPr>
        <p:txBody>
          <a:bodyPr vert="horz" wrap="square" lIns="0" tIns="10860" rIns="0" bIns="0" rtlCol="0">
            <a:spAutoFit/>
          </a:bodyPr>
          <a:lstStyle/>
          <a:p>
            <a:pPr marL="10860">
              <a:spcBef>
                <a:spcPts val="86"/>
              </a:spcBef>
            </a:pPr>
            <a:r>
              <a:rPr sz="1026" spc="-21" dirty="0">
                <a:latin typeface="Meiryo UI"/>
                <a:cs typeface="Meiryo UI"/>
              </a:rPr>
              <a:t>夏頃</a:t>
            </a:r>
            <a:endParaRPr sz="1026">
              <a:latin typeface="Meiryo UI"/>
              <a:cs typeface="Meiryo UI"/>
            </a:endParaRPr>
          </a:p>
        </p:txBody>
      </p:sp>
      <p:sp>
        <p:nvSpPr>
          <p:cNvPr id="37" name="object 37"/>
          <p:cNvSpPr/>
          <p:nvPr/>
        </p:nvSpPr>
        <p:spPr>
          <a:xfrm>
            <a:off x="2735381" y="2747110"/>
            <a:ext cx="3615247" cy="123802"/>
          </a:xfrm>
          <a:custGeom>
            <a:avLst/>
            <a:gdLst/>
            <a:ahLst/>
            <a:cxnLst/>
            <a:rect l="l" t="t" r="r" b="b"/>
            <a:pathLst>
              <a:path w="4227830" h="144780">
                <a:moveTo>
                  <a:pt x="4227576" y="0"/>
                </a:moveTo>
                <a:lnTo>
                  <a:pt x="0" y="0"/>
                </a:lnTo>
                <a:lnTo>
                  <a:pt x="0" y="144779"/>
                </a:lnTo>
                <a:lnTo>
                  <a:pt x="4227576" y="144779"/>
                </a:lnTo>
                <a:lnTo>
                  <a:pt x="4227576" y="0"/>
                </a:lnTo>
                <a:close/>
              </a:path>
            </a:pathLst>
          </a:custGeom>
          <a:solidFill>
            <a:srgbClr val="E6B8B8"/>
          </a:solidFill>
        </p:spPr>
        <p:txBody>
          <a:bodyPr wrap="square" lIns="0" tIns="0" rIns="0" bIns="0" rtlCol="0"/>
          <a:lstStyle/>
          <a:p>
            <a:endParaRPr sz="1749"/>
          </a:p>
        </p:txBody>
      </p:sp>
      <p:sp>
        <p:nvSpPr>
          <p:cNvPr id="38" name="object 38"/>
          <p:cNvSpPr txBox="1"/>
          <p:nvPr/>
        </p:nvSpPr>
        <p:spPr>
          <a:xfrm>
            <a:off x="2439124" y="2595506"/>
            <a:ext cx="3964391" cy="281653"/>
          </a:xfrm>
          <a:prstGeom prst="rect">
            <a:avLst/>
          </a:prstGeom>
        </p:spPr>
        <p:txBody>
          <a:bodyPr vert="horz" wrap="square" lIns="0" tIns="11403" rIns="0" bIns="0" rtlCol="0">
            <a:spAutoFit/>
          </a:bodyPr>
          <a:lstStyle/>
          <a:p>
            <a:pPr marL="10860">
              <a:lnSpc>
                <a:spcPts val="1099"/>
              </a:lnSpc>
              <a:spcBef>
                <a:spcPts val="90"/>
              </a:spcBef>
              <a:tabLst>
                <a:tab pos="1476385" algn="l"/>
                <a:tab pos="1771228" algn="l"/>
              </a:tabLst>
            </a:pPr>
            <a:r>
              <a:rPr sz="941" dirty="0">
                <a:latin typeface="Meiryo UI"/>
                <a:cs typeface="Meiryo UI"/>
              </a:rPr>
              <a:t>［第</a:t>
            </a:r>
            <a:r>
              <a:rPr sz="941" spc="-17" dirty="0">
                <a:latin typeface="Meiryo UI"/>
                <a:cs typeface="Meiryo UI"/>
              </a:rPr>
              <a:t>5</a:t>
            </a:r>
            <a:r>
              <a:rPr sz="941" dirty="0">
                <a:latin typeface="Meiryo UI"/>
                <a:cs typeface="Meiryo UI"/>
              </a:rPr>
              <a:t>回］計画検討</a:t>
            </a:r>
            <a:r>
              <a:rPr sz="941" spc="-43" dirty="0">
                <a:latin typeface="Meiryo UI"/>
                <a:cs typeface="Meiryo UI"/>
              </a:rPr>
              <a:t>会</a:t>
            </a:r>
            <a:r>
              <a:rPr sz="941" dirty="0">
                <a:latin typeface="Meiryo UI"/>
                <a:cs typeface="Meiryo UI"/>
              </a:rPr>
              <a:t>	</a:t>
            </a:r>
            <a:r>
              <a:rPr sz="941" spc="-43" dirty="0">
                <a:latin typeface="Meiryo UI"/>
                <a:cs typeface="Meiryo UI"/>
              </a:rPr>
              <a:t>・</a:t>
            </a:r>
            <a:r>
              <a:rPr sz="941" dirty="0">
                <a:latin typeface="Meiryo UI"/>
                <a:cs typeface="Meiryo UI"/>
              </a:rPr>
              <a:t>	［第</a:t>
            </a:r>
            <a:r>
              <a:rPr sz="941" spc="-17" dirty="0">
                <a:latin typeface="Meiryo UI"/>
                <a:cs typeface="Meiryo UI"/>
              </a:rPr>
              <a:t>4</a:t>
            </a:r>
            <a:r>
              <a:rPr sz="941" dirty="0">
                <a:latin typeface="Meiryo UI"/>
                <a:cs typeface="Meiryo UI"/>
              </a:rPr>
              <a:t>回］実施検討会（同</a:t>
            </a:r>
            <a:r>
              <a:rPr sz="941" spc="-13" dirty="0">
                <a:latin typeface="Meiryo UI"/>
                <a:cs typeface="Meiryo UI"/>
              </a:rPr>
              <a:t>時</a:t>
            </a:r>
            <a:r>
              <a:rPr sz="941" dirty="0">
                <a:latin typeface="Meiryo UI"/>
                <a:cs typeface="Meiryo UI"/>
              </a:rPr>
              <a:t>開催</a:t>
            </a:r>
            <a:r>
              <a:rPr sz="941" spc="-43" dirty="0">
                <a:latin typeface="Meiryo UI"/>
                <a:cs typeface="Meiryo UI"/>
              </a:rPr>
              <a:t>）</a:t>
            </a:r>
            <a:endParaRPr sz="941" dirty="0">
              <a:latin typeface="Meiryo UI"/>
              <a:cs typeface="Meiryo UI"/>
            </a:endParaRPr>
          </a:p>
          <a:p>
            <a:pPr marL="358372">
              <a:lnSpc>
                <a:spcPts val="996"/>
              </a:lnSpc>
            </a:pPr>
            <a:r>
              <a:rPr sz="855" spc="-17" dirty="0">
                <a:latin typeface="Meiryo UI"/>
                <a:cs typeface="Meiryo UI"/>
              </a:rPr>
              <a:t>【モデル地域】 データ整理を踏まえた計画づくり・実施方針への助言 等</a:t>
            </a:r>
            <a:endParaRPr sz="855" dirty="0">
              <a:latin typeface="Meiryo UI"/>
              <a:cs typeface="Meiryo UI"/>
            </a:endParaRPr>
          </a:p>
        </p:txBody>
      </p:sp>
      <p:grpSp>
        <p:nvGrpSpPr>
          <p:cNvPr id="39" name="object 39"/>
          <p:cNvGrpSpPr/>
          <p:nvPr/>
        </p:nvGrpSpPr>
        <p:grpSpPr>
          <a:xfrm>
            <a:off x="2413494" y="1594119"/>
            <a:ext cx="6346501" cy="4490008"/>
            <a:chOff x="2837688" y="1571244"/>
            <a:chExt cx="7421880" cy="5250815"/>
          </a:xfrm>
        </p:grpSpPr>
        <p:sp>
          <p:nvSpPr>
            <p:cNvPr id="40" name="object 40"/>
            <p:cNvSpPr/>
            <p:nvPr/>
          </p:nvSpPr>
          <p:spPr>
            <a:xfrm>
              <a:off x="2837688" y="1571243"/>
              <a:ext cx="4636135" cy="1214755"/>
            </a:xfrm>
            <a:custGeom>
              <a:avLst/>
              <a:gdLst/>
              <a:ahLst/>
              <a:cxnLst/>
              <a:rect l="l" t="t" r="r" b="b"/>
              <a:pathLst>
                <a:path w="4636134" h="1214755">
                  <a:moveTo>
                    <a:pt x="464820" y="559308"/>
                  </a:moveTo>
                  <a:lnTo>
                    <a:pt x="303276" y="559308"/>
                  </a:lnTo>
                  <a:lnTo>
                    <a:pt x="303276" y="0"/>
                  </a:lnTo>
                  <a:lnTo>
                    <a:pt x="160020" y="0"/>
                  </a:lnTo>
                  <a:lnTo>
                    <a:pt x="160020" y="559308"/>
                  </a:lnTo>
                  <a:lnTo>
                    <a:pt x="0" y="559308"/>
                  </a:lnTo>
                  <a:lnTo>
                    <a:pt x="231648" y="716280"/>
                  </a:lnTo>
                  <a:lnTo>
                    <a:pt x="464820" y="559308"/>
                  </a:lnTo>
                  <a:close/>
                </a:path>
                <a:path w="4636134" h="1214755">
                  <a:moveTo>
                    <a:pt x="4636008" y="1082040"/>
                  </a:moveTo>
                  <a:lnTo>
                    <a:pt x="4475988" y="1082040"/>
                  </a:lnTo>
                  <a:lnTo>
                    <a:pt x="4475988" y="566928"/>
                  </a:lnTo>
                  <a:lnTo>
                    <a:pt x="4332732" y="566928"/>
                  </a:lnTo>
                  <a:lnTo>
                    <a:pt x="4332732" y="1082040"/>
                  </a:lnTo>
                  <a:lnTo>
                    <a:pt x="4171188" y="1082040"/>
                  </a:lnTo>
                  <a:lnTo>
                    <a:pt x="4404360" y="1214628"/>
                  </a:lnTo>
                  <a:lnTo>
                    <a:pt x="4636008" y="1082040"/>
                  </a:lnTo>
                  <a:close/>
                </a:path>
              </a:pathLst>
            </a:custGeom>
            <a:solidFill>
              <a:srgbClr val="595959"/>
            </a:solidFill>
          </p:spPr>
          <p:txBody>
            <a:bodyPr wrap="square" lIns="0" tIns="0" rIns="0" bIns="0" rtlCol="0"/>
            <a:lstStyle/>
            <a:p>
              <a:endParaRPr sz="1749"/>
            </a:p>
          </p:txBody>
        </p:sp>
        <p:sp>
          <p:nvSpPr>
            <p:cNvPr id="41" name="object 41"/>
            <p:cNvSpPr/>
            <p:nvPr/>
          </p:nvSpPr>
          <p:spPr>
            <a:xfrm>
              <a:off x="4646676" y="6659884"/>
              <a:ext cx="690880" cy="155575"/>
            </a:xfrm>
            <a:custGeom>
              <a:avLst/>
              <a:gdLst/>
              <a:ahLst/>
              <a:cxnLst/>
              <a:rect l="l" t="t" r="r" b="b"/>
              <a:pathLst>
                <a:path w="690879" h="155575">
                  <a:moveTo>
                    <a:pt x="451103" y="0"/>
                  </a:moveTo>
                  <a:lnTo>
                    <a:pt x="237744" y="0"/>
                  </a:lnTo>
                  <a:lnTo>
                    <a:pt x="237744" y="76199"/>
                  </a:lnTo>
                  <a:lnTo>
                    <a:pt x="0" y="76199"/>
                  </a:lnTo>
                  <a:lnTo>
                    <a:pt x="344424" y="155447"/>
                  </a:lnTo>
                  <a:lnTo>
                    <a:pt x="690372" y="76199"/>
                  </a:lnTo>
                  <a:lnTo>
                    <a:pt x="451103" y="76199"/>
                  </a:lnTo>
                  <a:lnTo>
                    <a:pt x="451103" y="0"/>
                  </a:lnTo>
                  <a:close/>
                </a:path>
              </a:pathLst>
            </a:custGeom>
            <a:solidFill>
              <a:srgbClr val="FFFFFF"/>
            </a:solidFill>
          </p:spPr>
          <p:txBody>
            <a:bodyPr wrap="square" lIns="0" tIns="0" rIns="0" bIns="0" rtlCol="0"/>
            <a:lstStyle/>
            <a:p>
              <a:endParaRPr sz="1749"/>
            </a:p>
          </p:txBody>
        </p:sp>
        <p:sp>
          <p:nvSpPr>
            <p:cNvPr id="42" name="object 42"/>
            <p:cNvSpPr/>
            <p:nvPr/>
          </p:nvSpPr>
          <p:spPr>
            <a:xfrm>
              <a:off x="4646676" y="6659884"/>
              <a:ext cx="690880" cy="155575"/>
            </a:xfrm>
            <a:custGeom>
              <a:avLst/>
              <a:gdLst/>
              <a:ahLst/>
              <a:cxnLst/>
              <a:rect l="l" t="t" r="r" b="b"/>
              <a:pathLst>
                <a:path w="690879" h="155575">
                  <a:moveTo>
                    <a:pt x="0" y="76199"/>
                  </a:moveTo>
                  <a:lnTo>
                    <a:pt x="237744" y="76199"/>
                  </a:lnTo>
                  <a:lnTo>
                    <a:pt x="237744" y="0"/>
                  </a:lnTo>
                  <a:lnTo>
                    <a:pt x="451103" y="0"/>
                  </a:lnTo>
                  <a:lnTo>
                    <a:pt x="451103" y="76199"/>
                  </a:lnTo>
                  <a:lnTo>
                    <a:pt x="690372" y="76199"/>
                  </a:lnTo>
                  <a:lnTo>
                    <a:pt x="344424" y="155447"/>
                  </a:lnTo>
                  <a:lnTo>
                    <a:pt x="0" y="76199"/>
                  </a:lnTo>
                  <a:close/>
                </a:path>
              </a:pathLst>
            </a:custGeom>
            <a:ln w="12192">
              <a:solidFill>
                <a:srgbClr val="595959"/>
              </a:solidFill>
            </a:ln>
          </p:spPr>
          <p:txBody>
            <a:bodyPr wrap="square" lIns="0" tIns="0" rIns="0" bIns="0" rtlCol="0"/>
            <a:lstStyle/>
            <a:p>
              <a:endParaRPr sz="1749"/>
            </a:p>
          </p:txBody>
        </p:sp>
        <p:sp>
          <p:nvSpPr>
            <p:cNvPr id="43" name="object 43"/>
            <p:cNvSpPr/>
            <p:nvPr/>
          </p:nvSpPr>
          <p:spPr>
            <a:xfrm>
              <a:off x="9433559" y="2985516"/>
              <a:ext cx="576580" cy="1329055"/>
            </a:xfrm>
            <a:custGeom>
              <a:avLst/>
              <a:gdLst/>
              <a:ahLst/>
              <a:cxnLst/>
              <a:rect l="l" t="t" r="r" b="b"/>
              <a:pathLst>
                <a:path w="576579" h="1329054">
                  <a:moveTo>
                    <a:pt x="288036" y="0"/>
                  </a:moveTo>
                  <a:lnTo>
                    <a:pt x="0" y="88392"/>
                  </a:lnTo>
                  <a:lnTo>
                    <a:pt x="231648" y="88392"/>
                  </a:lnTo>
                  <a:lnTo>
                    <a:pt x="231648" y="1240536"/>
                  </a:lnTo>
                  <a:lnTo>
                    <a:pt x="0" y="1240536"/>
                  </a:lnTo>
                  <a:lnTo>
                    <a:pt x="288036" y="1328928"/>
                  </a:lnTo>
                  <a:lnTo>
                    <a:pt x="576072" y="1240536"/>
                  </a:lnTo>
                  <a:lnTo>
                    <a:pt x="344424" y="1240536"/>
                  </a:lnTo>
                  <a:lnTo>
                    <a:pt x="344424" y="88392"/>
                  </a:lnTo>
                  <a:lnTo>
                    <a:pt x="576072" y="88392"/>
                  </a:lnTo>
                  <a:lnTo>
                    <a:pt x="288036" y="0"/>
                  </a:lnTo>
                  <a:close/>
                </a:path>
              </a:pathLst>
            </a:custGeom>
            <a:solidFill>
              <a:srgbClr val="595959"/>
            </a:solidFill>
          </p:spPr>
          <p:txBody>
            <a:bodyPr wrap="square" lIns="0" tIns="0" rIns="0" bIns="0" rtlCol="0"/>
            <a:lstStyle/>
            <a:p>
              <a:endParaRPr sz="1749"/>
            </a:p>
          </p:txBody>
        </p:sp>
        <p:sp>
          <p:nvSpPr>
            <p:cNvPr id="44" name="object 44"/>
            <p:cNvSpPr/>
            <p:nvPr/>
          </p:nvSpPr>
          <p:spPr>
            <a:xfrm>
              <a:off x="9206484" y="3467100"/>
              <a:ext cx="1053465" cy="334010"/>
            </a:xfrm>
            <a:custGeom>
              <a:avLst/>
              <a:gdLst/>
              <a:ahLst/>
              <a:cxnLst/>
              <a:rect l="l" t="t" r="r" b="b"/>
              <a:pathLst>
                <a:path w="1053465" h="334010">
                  <a:moveTo>
                    <a:pt x="1019556" y="0"/>
                  </a:moveTo>
                  <a:lnTo>
                    <a:pt x="32004" y="0"/>
                  </a:lnTo>
                  <a:lnTo>
                    <a:pt x="19288" y="2428"/>
                  </a:lnTo>
                  <a:lnTo>
                    <a:pt x="9144" y="9144"/>
                  </a:lnTo>
                  <a:lnTo>
                    <a:pt x="2428" y="19288"/>
                  </a:lnTo>
                  <a:lnTo>
                    <a:pt x="0" y="32004"/>
                  </a:lnTo>
                  <a:lnTo>
                    <a:pt x="0" y="300227"/>
                  </a:lnTo>
                  <a:lnTo>
                    <a:pt x="2428" y="313824"/>
                  </a:lnTo>
                  <a:lnTo>
                    <a:pt x="9144" y="324421"/>
                  </a:lnTo>
                  <a:lnTo>
                    <a:pt x="19288" y="331303"/>
                  </a:lnTo>
                  <a:lnTo>
                    <a:pt x="32004" y="333756"/>
                  </a:lnTo>
                  <a:lnTo>
                    <a:pt x="1019556" y="333756"/>
                  </a:lnTo>
                  <a:lnTo>
                    <a:pt x="1032509" y="331303"/>
                  </a:lnTo>
                  <a:lnTo>
                    <a:pt x="1043177" y="324421"/>
                  </a:lnTo>
                  <a:lnTo>
                    <a:pt x="1050417" y="313824"/>
                  </a:lnTo>
                  <a:lnTo>
                    <a:pt x="1053084" y="300227"/>
                  </a:lnTo>
                  <a:lnTo>
                    <a:pt x="1053084" y="32004"/>
                  </a:lnTo>
                  <a:lnTo>
                    <a:pt x="1050417" y="19288"/>
                  </a:lnTo>
                  <a:lnTo>
                    <a:pt x="1043178" y="9144"/>
                  </a:lnTo>
                  <a:lnTo>
                    <a:pt x="1032510" y="2428"/>
                  </a:lnTo>
                  <a:lnTo>
                    <a:pt x="1019556" y="0"/>
                  </a:lnTo>
                  <a:close/>
                </a:path>
              </a:pathLst>
            </a:custGeom>
            <a:solidFill>
              <a:srgbClr val="E6B8B8"/>
            </a:solidFill>
          </p:spPr>
          <p:txBody>
            <a:bodyPr wrap="square" lIns="0" tIns="0" rIns="0" bIns="0" rtlCol="0"/>
            <a:lstStyle/>
            <a:p>
              <a:endParaRPr sz="1749"/>
            </a:p>
          </p:txBody>
        </p:sp>
      </p:grpSp>
      <p:sp>
        <p:nvSpPr>
          <p:cNvPr id="45" name="object 45"/>
          <p:cNvSpPr txBox="1"/>
          <p:nvPr/>
        </p:nvSpPr>
        <p:spPr>
          <a:xfrm>
            <a:off x="4607620" y="5886047"/>
            <a:ext cx="1927082" cy="287872"/>
          </a:xfrm>
          <a:prstGeom prst="rect">
            <a:avLst/>
          </a:prstGeom>
        </p:spPr>
        <p:txBody>
          <a:bodyPr vert="horz" wrap="square" lIns="0" tIns="11403" rIns="0" bIns="0" rtlCol="0">
            <a:spAutoFit/>
          </a:bodyPr>
          <a:lstStyle/>
          <a:p>
            <a:pPr marL="10860">
              <a:spcBef>
                <a:spcPts val="90"/>
              </a:spcBef>
            </a:pPr>
            <a:r>
              <a:rPr sz="898" spc="-21" dirty="0">
                <a:latin typeface="Meiryo UI"/>
                <a:cs typeface="Meiryo UI"/>
              </a:rPr>
              <a:t>モデル地域の状況を踏まえ、引き続き支援</a:t>
            </a:r>
            <a:endParaRPr sz="898">
              <a:latin typeface="Meiryo UI"/>
              <a:cs typeface="Meiryo UI"/>
            </a:endParaRPr>
          </a:p>
        </p:txBody>
      </p:sp>
      <p:sp>
        <p:nvSpPr>
          <p:cNvPr id="46" name="object 46"/>
          <p:cNvSpPr txBox="1"/>
          <p:nvPr/>
        </p:nvSpPr>
        <p:spPr>
          <a:xfrm>
            <a:off x="7904673" y="3162391"/>
            <a:ext cx="1006166" cy="267222"/>
          </a:xfrm>
          <a:prstGeom prst="rect">
            <a:avLst/>
          </a:prstGeom>
        </p:spPr>
        <p:txBody>
          <a:bodyPr vert="horz" wrap="square" lIns="0" tIns="32037" rIns="0" bIns="0" rtlCol="0">
            <a:spAutoFit/>
          </a:bodyPr>
          <a:lstStyle/>
          <a:p>
            <a:pPr marL="10860" marR="4344" indent="130317">
              <a:lnSpc>
                <a:spcPts val="855"/>
              </a:lnSpc>
              <a:spcBef>
                <a:spcPts val="252"/>
              </a:spcBef>
            </a:pPr>
            <a:r>
              <a:rPr sz="855" spc="-17" dirty="0">
                <a:latin typeface="Meiryo UI"/>
                <a:cs typeface="Meiryo UI"/>
              </a:rPr>
              <a:t>【モデル地域】</a:t>
            </a:r>
            <a:r>
              <a:rPr sz="855" spc="428" dirty="0">
                <a:latin typeface="Meiryo UI"/>
                <a:cs typeface="Meiryo UI"/>
              </a:rPr>
              <a:t> </a:t>
            </a:r>
            <a:r>
              <a:rPr sz="855" spc="-13" dirty="0">
                <a:latin typeface="Meiryo UI"/>
                <a:cs typeface="Meiryo UI"/>
              </a:rPr>
              <a:t>地域別の現地調査</a:t>
            </a:r>
            <a:endParaRPr sz="855" dirty="0">
              <a:latin typeface="Meiryo UI"/>
              <a:cs typeface="Meiryo UI"/>
            </a:endParaRPr>
          </a:p>
        </p:txBody>
      </p:sp>
      <p:grpSp>
        <p:nvGrpSpPr>
          <p:cNvPr id="47" name="object 47"/>
          <p:cNvGrpSpPr/>
          <p:nvPr/>
        </p:nvGrpSpPr>
        <p:grpSpPr>
          <a:xfrm>
            <a:off x="848154" y="2164370"/>
            <a:ext cx="3301397" cy="288872"/>
            <a:chOff x="991869" y="2302510"/>
            <a:chExt cx="3860800" cy="337820"/>
          </a:xfrm>
        </p:grpSpPr>
        <p:sp>
          <p:nvSpPr>
            <p:cNvPr id="48" name="object 48"/>
            <p:cNvSpPr/>
            <p:nvPr/>
          </p:nvSpPr>
          <p:spPr>
            <a:xfrm>
              <a:off x="998219" y="2308860"/>
              <a:ext cx="3848100" cy="325120"/>
            </a:xfrm>
            <a:custGeom>
              <a:avLst/>
              <a:gdLst/>
              <a:ahLst/>
              <a:cxnLst/>
              <a:rect l="l" t="t" r="r" b="b"/>
              <a:pathLst>
                <a:path w="3848100" h="325119">
                  <a:moveTo>
                    <a:pt x="3819144" y="0"/>
                  </a:moveTo>
                  <a:lnTo>
                    <a:pt x="27432" y="0"/>
                  </a:lnTo>
                  <a:lnTo>
                    <a:pt x="16716" y="2381"/>
                  </a:lnTo>
                  <a:lnTo>
                    <a:pt x="8001" y="8762"/>
                  </a:lnTo>
                  <a:lnTo>
                    <a:pt x="2143" y="18002"/>
                  </a:lnTo>
                  <a:lnTo>
                    <a:pt x="0" y="28955"/>
                  </a:lnTo>
                  <a:lnTo>
                    <a:pt x="0" y="295655"/>
                  </a:lnTo>
                  <a:lnTo>
                    <a:pt x="2143" y="306609"/>
                  </a:lnTo>
                  <a:lnTo>
                    <a:pt x="8001" y="315849"/>
                  </a:lnTo>
                  <a:lnTo>
                    <a:pt x="16716" y="322230"/>
                  </a:lnTo>
                  <a:lnTo>
                    <a:pt x="27432" y="324612"/>
                  </a:lnTo>
                  <a:lnTo>
                    <a:pt x="3819144" y="324612"/>
                  </a:lnTo>
                  <a:lnTo>
                    <a:pt x="3830097" y="322230"/>
                  </a:lnTo>
                  <a:lnTo>
                    <a:pt x="3839337" y="315849"/>
                  </a:lnTo>
                  <a:lnTo>
                    <a:pt x="3845718" y="306609"/>
                  </a:lnTo>
                  <a:lnTo>
                    <a:pt x="3848100" y="295655"/>
                  </a:lnTo>
                  <a:lnTo>
                    <a:pt x="3848100" y="28955"/>
                  </a:lnTo>
                  <a:lnTo>
                    <a:pt x="3845718" y="18002"/>
                  </a:lnTo>
                  <a:lnTo>
                    <a:pt x="3839337" y="8762"/>
                  </a:lnTo>
                  <a:lnTo>
                    <a:pt x="3830097" y="2381"/>
                  </a:lnTo>
                  <a:lnTo>
                    <a:pt x="3819144" y="0"/>
                  </a:lnTo>
                  <a:close/>
                </a:path>
              </a:pathLst>
            </a:custGeom>
            <a:solidFill>
              <a:srgbClr val="EBF0DD"/>
            </a:solidFill>
          </p:spPr>
          <p:txBody>
            <a:bodyPr wrap="square" lIns="0" tIns="0" rIns="0" bIns="0" rtlCol="0"/>
            <a:lstStyle/>
            <a:p>
              <a:endParaRPr sz="1749"/>
            </a:p>
          </p:txBody>
        </p:sp>
        <p:sp>
          <p:nvSpPr>
            <p:cNvPr id="49" name="object 49"/>
            <p:cNvSpPr/>
            <p:nvPr/>
          </p:nvSpPr>
          <p:spPr>
            <a:xfrm>
              <a:off x="998219" y="2308860"/>
              <a:ext cx="3848100" cy="325120"/>
            </a:xfrm>
            <a:custGeom>
              <a:avLst/>
              <a:gdLst/>
              <a:ahLst/>
              <a:cxnLst/>
              <a:rect l="l" t="t" r="r" b="b"/>
              <a:pathLst>
                <a:path w="3848100" h="325119">
                  <a:moveTo>
                    <a:pt x="0" y="28955"/>
                  </a:moveTo>
                  <a:lnTo>
                    <a:pt x="2143" y="18002"/>
                  </a:lnTo>
                  <a:lnTo>
                    <a:pt x="8001" y="8762"/>
                  </a:lnTo>
                  <a:lnTo>
                    <a:pt x="16716" y="2381"/>
                  </a:lnTo>
                  <a:lnTo>
                    <a:pt x="27432" y="0"/>
                  </a:lnTo>
                  <a:lnTo>
                    <a:pt x="3819144" y="0"/>
                  </a:lnTo>
                  <a:lnTo>
                    <a:pt x="3830097" y="2381"/>
                  </a:lnTo>
                  <a:lnTo>
                    <a:pt x="3839337" y="8762"/>
                  </a:lnTo>
                  <a:lnTo>
                    <a:pt x="3845718" y="18002"/>
                  </a:lnTo>
                  <a:lnTo>
                    <a:pt x="3848100" y="28955"/>
                  </a:lnTo>
                  <a:lnTo>
                    <a:pt x="3848100" y="295655"/>
                  </a:lnTo>
                  <a:lnTo>
                    <a:pt x="3845718" y="306609"/>
                  </a:lnTo>
                  <a:lnTo>
                    <a:pt x="3839337" y="315849"/>
                  </a:lnTo>
                  <a:lnTo>
                    <a:pt x="3830097" y="322230"/>
                  </a:lnTo>
                  <a:lnTo>
                    <a:pt x="3819144" y="324612"/>
                  </a:lnTo>
                  <a:lnTo>
                    <a:pt x="27432" y="324612"/>
                  </a:lnTo>
                  <a:lnTo>
                    <a:pt x="16716" y="322230"/>
                  </a:lnTo>
                  <a:lnTo>
                    <a:pt x="8001" y="315849"/>
                  </a:lnTo>
                  <a:lnTo>
                    <a:pt x="2143" y="306609"/>
                  </a:lnTo>
                  <a:lnTo>
                    <a:pt x="0" y="295655"/>
                  </a:lnTo>
                  <a:lnTo>
                    <a:pt x="0" y="28955"/>
                  </a:lnTo>
                  <a:close/>
                </a:path>
              </a:pathLst>
            </a:custGeom>
            <a:ln w="12192">
              <a:solidFill>
                <a:srgbClr val="FF0000"/>
              </a:solidFill>
            </a:ln>
          </p:spPr>
          <p:txBody>
            <a:bodyPr wrap="square" lIns="0" tIns="0" rIns="0" bIns="0" rtlCol="0"/>
            <a:lstStyle/>
            <a:p>
              <a:endParaRPr sz="1749"/>
            </a:p>
          </p:txBody>
        </p:sp>
      </p:grpSp>
      <p:sp>
        <p:nvSpPr>
          <p:cNvPr id="50" name="object 50"/>
          <p:cNvSpPr txBox="1"/>
          <p:nvPr/>
        </p:nvSpPr>
        <p:spPr>
          <a:xfrm>
            <a:off x="1924366" y="2153727"/>
            <a:ext cx="1181552" cy="156298"/>
          </a:xfrm>
          <a:prstGeom prst="rect">
            <a:avLst/>
          </a:prstGeom>
        </p:spPr>
        <p:txBody>
          <a:bodyPr vert="horz" wrap="square" lIns="0" tIns="11403" rIns="0" bIns="0" rtlCol="0">
            <a:spAutoFit/>
          </a:bodyPr>
          <a:lstStyle/>
          <a:p>
            <a:pPr marL="10860">
              <a:spcBef>
                <a:spcPts val="90"/>
              </a:spcBef>
            </a:pPr>
            <a:r>
              <a:rPr sz="941" b="1" dirty="0">
                <a:solidFill>
                  <a:srgbClr val="FF0000"/>
                </a:solidFill>
                <a:latin typeface="Meiryo UI"/>
                <a:cs typeface="Meiryo UI"/>
              </a:rPr>
              <a:t>［第</a:t>
            </a:r>
            <a:r>
              <a:rPr sz="941" b="1" spc="-17" dirty="0">
                <a:solidFill>
                  <a:srgbClr val="FF0000"/>
                </a:solidFill>
                <a:latin typeface="Meiryo UI"/>
                <a:cs typeface="Meiryo UI"/>
              </a:rPr>
              <a:t>4</a:t>
            </a:r>
            <a:r>
              <a:rPr sz="941" b="1" dirty="0">
                <a:solidFill>
                  <a:srgbClr val="FF0000"/>
                </a:solidFill>
                <a:latin typeface="Meiryo UI"/>
                <a:cs typeface="Meiryo UI"/>
              </a:rPr>
              <a:t>回］</a:t>
            </a:r>
            <a:r>
              <a:rPr sz="941" b="1" spc="-9" dirty="0">
                <a:solidFill>
                  <a:srgbClr val="FF0000"/>
                </a:solidFill>
                <a:latin typeface="Meiryo UI"/>
                <a:cs typeface="Meiryo UI"/>
              </a:rPr>
              <a:t>計画検討会</a:t>
            </a:r>
            <a:endParaRPr sz="941">
              <a:latin typeface="Meiryo UI"/>
              <a:cs typeface="Meiryo UI"/>
            </a:endParaRPr>
          </a:p>
        </p:txBody>
      </p:sp>
      <p:sp>
        <p:nvSpPr>
          <p:cNvPr id="51" name="object 51"/>
          <p:cNvSpPr txBox="1"/>
          <p:nvPr/>
        </p:nvSpPr>
        <p:spPr>
          <a:xfrm>
            <a:off x="1476506" y="2300118"/>
            <a:ext cx="2094324" cy="129074"/>
          </a:xfrm>
          <a:prstGeom prst="rect">
            <a:avLst/>
          </a:prstGeom>
          <a:solidFill>
            <a:srgbClr val="C3D69A"/>
          </a:solidFill>
        </p:spPr>
        <p:txBody>
          <a:bodyPr vert="horz" wrap="square" lIns="0" tIns="0" rIns="0" bIns="0" rtlCol="0">
            <a:spAutoFit/>
          </a:bodyPr>
          <a:lstStyle/>
          <a:p>
            <a:pPr marL="62444">
              <a:lnSpc>
                <a:spcPts val="966"/>
              </a:lnSpc>
            </a:pPr>
            <a:r>
              <a:rPr sz="855" spc="-13" dirty="0">
                <a:latin typeface="Meiryo UI"/>
                <a:cs typeface="Meiryo UI"/>
              </a:rPr>
              <a:t>【手引き等】 計画検討会の論点(案) 等</a:t>
            </a:r>
            <a:endParaRPr sz="855">
              <a:latin typeface="Meiryo UI"/>
              <a:cs typeface="Meiryo UI"/>
            </a:endParaRPr>
          </a:p>
        </p:txBody>
      </p:sp>
      <p:sp>
        <p:nvSpPr>
          <p:cNvPr id="52" name="object 52"/>
          <p:cNvSpPr txBox="1"/>
          <p:nvPr/>
        </p:nvSpPr>
        <p:spPr>
          <a:xfrm>
            <a:off x="799719" y="3059439"/>
            <a:ext cx="542993" cy="168830"/>
          </a:xfrm>
          <a:prstGeom prst="rect">
            <a:avLst/>
          </a:prstGeom>
        </p:spPr>
        <p:txBody>
          <a:bodyPr vert="horz" wrap="square" lIns="0" tIns="10860" rIns="0" bIns="0" rtlCol="0">
            <a:spAutoFit/>
          </a:bodyPr>
          <a:lstStyle/>
          <a:p>
            <a:pPr marL="10860">
              <a:spcBef>
                <a:spcPts val="86"/>
              </a:spcBef>
            </a:pPr>
            <a:r>
              <a:rPr sz="1026" dirty="0">
                <a:latin typeface="Meiryo UI"/>
                <a:cs typeface="Meiryo UI"/>
              </a:rPr>
              <a:t>秋～</a:t>
            </a:r>
            <a:r>
              <a:rPr sz="1026" spc="-21" dirty="0">
                <a:latin typeface="Meiryo UI"/>
                <a:cs typeface="Meiryo UI"/>
              </a:rPr>
              <a:t>冬頃</a:t>
            </a:r>
            <a:endParaRPr sz="1026">
              <a:latin typeface="Meiryo UI"/>
              <a:cs typeface="Meiryo UI"/>
            </a:endParaRPr>
          </a:p>
        </p:txBody>
      </p:sp>
      <p:grpSp>
        <p:nvGrpSpPr>
          <p:cNvPr id="53" name="object 53"/>
          <p:cNvGrpSpPr/>
          <p:nvPr/>
        </p:nvGrpSpPr>
        <p:grpSpPr>
          <a:xfrm>
            <a:off x="848154" y="3230372"/>
            <a:ext cx="3301397" cy="288872"/>
            <a:chOff x="991869" y="3549141"/>
            <a:chExt cx="3860800" cy="337820"/>
          </a:xfrm>
        </p:grpSpPr>
        <p:sp>
          <p:nvSpPr>
            <p:cNvPr id="54" name="object 54"/>
            <p:cNvSpPr/>
            <p:nvPr/>
          </p:nvSpPr>
          <p:spPr>
            <a:xfrm>
              <a:off x="998219" y="3555491"/>
              <a:ext cx="3848100" cy="325120"/>
            </a:xfrm>
            <a:custGeom>
              <a:avLst/>
              <a:gdLst/>
              <a:ahLst/>
              <a:cxnLst/>
              <a:rect l="l" t="t" r="r" b="b"/>
              <a:pathLst>
                <a:path w="3848100" h="325120">
                  <a:moveTo>
                    <a:pt x="3819144" y="0"/>
                  </a:moveTo>
                  <a:lnTo>
                    <a:pt x="27432" y="0"/>
                  </a:lnTo>
                  <a:lnTo>
                    <a:pt x="16716" y="2381"/>
                  </a:lnTo>
                  <a:lnTo>
                    <a:pt x="8001" y="8762"/>
                  </a:lnTo>
                  <a:lnTo>
                    <a:pt x="2143" y="18002"/>
                  </a:lnTo>
                  <a:lnTo>
                    <a:pt x="0" y="28955"/>
                  </a:lnTo>
                  <a:lnTo>
                    <a:pt x="0" y="295655"/>
                  </a:lnTo>
                  <a:lnTo>
                    <a:pt x="2143" y="306609"/>
                  </a:lnTo>
                  <a:lnTo>
                    <a:pt x="8001" y="315849"/>
                  </a:lnTo>
                  <a:lnTo>
                    <a:pt x="16716" y="322230"/>
                  </a:lnTo>
                  <a:lnTo>
                    <a:pt x="27432" y="324612"/>
                  </a:lnTo>
                  <a:lnTo>
                    <a:pt x="3819144" y="324612"/>
                  </a:lnTo>
                  <a:lnTo>
                    <a:pt x="3830097" y="322230"/>
                  </a:lnTo>
                  <a:lnTo>
                    <a:pt x="3839337" y="315849"/>
                  </a:lnTo>
                  <a:lnTo>
                    <a:pt x="3845718" y="306609"/>
                  </a:lnTo>
                  <a:lnTo>
                    <a:pt x="3848100" y="295655"/>
                  </a:lnTo>
                  <a:lnTo>
                    <a:pt x="3848100" y="28955"/>
                  </a:lnTo>
                  <a:lnTo>
                    <a:pt x="3845718" y="18002"/>
                  </a:lnTo>
                  <a:lnTo>
                    <a:pt x="3839337" y="8762"/>
                  </a:lnTo>
                  <a:lnTo>
                    <a:pt x="3830097" y="2381"/>
                  </a:lnTo>
                  <a:lnTo>
                    <a:pt x="3819144" y="0"/>
                  </a:lnTo>
                  <a:close/>
                </a:path>
              </a:pathLst>
            </a:custGeom>
            <a:solidFill>
              <a:srgbClr val="EBF0DD"/>
            </a:solidFill>
          </p:spPr>
          <p:txBody>
            <a:bodyPr wrap="square" lIns="0" tIns="0" rIns="0" bIns="0" rtlCol="0"/>
            <a:lstStyle/>
            <a:p>
              <a:endParaRPr sz="1749"/>
            </a:p>
          </p:txBody>
        </p:sp>
        <p:sp>
          <p:nvSpPr>
            <p:cNvPr id="55" name="object 55"/>
            <p:cNvSpPr/>
            <p:nvPr/>
          </p:nvSpPr>
          <p:spPr>
            <a:xfrm>
              <a:off x="998219" y="3555491"/>
              <a:ext cx="3848100" cy="325120"/>
            </a:xfrm>
            <a:custGeom>
              <a:avLst/>
              <a:gdLst/>
              <a:ahLst/>
              <a:cxnLst/>
              <a:rect l="l" t="t" r="r" b="b"/>
              <a:pathLst>
                <a:path w="3848100" h="325120">
                  <a:moveTo>
                    <a:pt x="0" y="28955"/>
                  </a:moveTo>
                  <a:lnTo>
                    <a:pt x="2143" y="18002"/>
                  </a:lnTo>
                  <a:lnTo>
                    <a:pt x="8001" y="8762"/>
                  </a:lnTo>
                  <a:lnTo>
                    <a:pt x="16716" y="2381"/>
                  </a:lnTo>
                  <a:lnTo>
                    <a:pt x="27432" y="0"/>
                  </a:lnTo>
                  <a:lnTo>
                    <a:pt x="3819144" y="0"/>
                  </a:lnTo>
                  <a:lnTo>
                    <a:pt x="3830097" y="2381"/>
                  </a:lnTo>
                  <a:lnTo>
                    <a:pt x="3839337" y="8762"/>
                  </a:lnTo>
                  <a:lnTo>
                    <a:pt x="3845718" y="18002"/>
                  </a:lnTo>
                  <a:lnTo>
                    <a:pt x="3848100" y="28955"/>
                  </a:lnTo>
                  <a:lnTo>
                    <a:pt x="3848100" y="295655"/>
                  </a:lnTo>
                  <a:lnTo>
                    <a:pt x="3845718" y="306609"/>
                  </a:lnTo>
                  <a:lnTo>
                    <a:pt x="3839337" y="315849"/>
                  </a:lnTo>
                  <a:lnTo>
                    <a:pt x="3830097" y="322230"/>
                  </a:lnTo>
                  <a:lnTo>
                    <a:pt x="3819144" y="324612"/>
                  </a:lnTo>
                  <a:lnTo>
                    <a:pt x="27432" y="324612"/>
                  </a:lnTo>
                  <a:lnTo>
                    <a:pt x="16716" y="322230"/>
                  </a:lnTo>
                  <a:lnTo>
                    <a:pt x="8001" y="315849"/>
                  </a:lnTo>
                  <a:lnTo>
                    <a:pt x="2143" y="306609"/>
                  </a:lnTo>
                  <a:lnTo>
                    <a:pt x="0" y="295655"/>
                  </a:lnTo>
                  <a:lnTo>
                    <a:pt x="0" y="28955"/>
                  </a:lnTo>
                  <a:close/>
                </a:path>
              </a:pathLst>
            </a:custGeom>
            <a:ln w="12192">
              <a:solidFill>
                <a:srgbClr val="000000"/>
              </a:solidFill>
            </a:ln>
          </p:spPr>
          <p:txBody>
            <a:bodyPr wrap="square" lIns="0" tIns="0" rIns="0" bIns="0" rtlCol="0"/>
            <a:lstStyle/>
            <a:p>
              <a:endParaRPr sz="1749"/>
            </a:p>
          </p:txBody>
        </p:sp>
      </p:grpSp>
      <p:sp>
        <p:nvSpPr>
          <p:cNvPr id="56" name="object 56"/>
          <p:cNvSpPr txBox="1"/>
          <p:nvPr/>
        </p:nvSpPr>
        <p:spPr>
          <a:xfrm>
            <a:off x="1926973" y="3219730"/>
            <a:ext cx="1175037" cy="156298"/>
          </a:xfrm>
          <a:prstGeom prst="rect">
            <a:avLst/>
          </a:prstGeom>
        </p:spPr>
        <p:txBody>
          <a:bodyPr vert="horz" wrap="square" lIns="0" tIns="11403" rIns="0" bIns="0" rtlCol="0">
            <a:spAutoFit/>
          </a:bodyPr>
          <a:lstStyle/>
          <a:p>
            <a:pPr marL="10860">
              <a:spcBef>
                <a:spcPts val="90"/>
              </a:spcBef>
            </a:pPr>
            <a:r>
              <a:rPr sz="941" dirty="0">
                <a:latin typeface="Meiryo UI"/>
                <a:cs typeface="Meiryo UI"/>
              </a:rPr>
              <a:t>［第</a:t>
            </a:r>
            <a:r>
              <a:rPr sz="941" spc="-17" dirty="0">
                <a:latin typeface="Meiryo UI"/>
                <a:cs typeface="Meiryo UI"/>
              </a:rPr>
              <a:t>6</a:t>
            </a:r>
            <a:r>
              <a:rPr sz="941" dirty="0">
                <a:latin typeface="Meiryo UI"/>
                <a:cs typeface="Meiryo UI"/>
              </a:rPr>
              <a:t>回］</a:t>
            </a:r>
            <a:r>
              <a:rPr sz="941" spc="-9" dirty="0">
                <a:latin typeface="Meiryo UI"/>
                <a:cs typeface="Meiryo UI"/>
              </a:rPr>
              <a:t>計画検討会</a:t>
            </a:r>
            <a:endParaRPr sz="941">
              <a:latin typeface="Meiryo UI"/>
              <a:cs typeface="Meiryo UI"/>
            </a:endParaRPr>
          </a:p>
        </p:txBody>
      </p:sp>
      <p:sp>
        <p:nvSpPr>
          <p:cNvPr id="57" name="object 57"/>
          <p:cNvSpPr txBox="1"/>
          <p:nvPr/>
        </p:nvSpPr>
        <p:spPr>
          <a:xfrm>
            <a:off x="961749" y="3371334"/>
            <a:ext cx="3090172" cy="129074"/>
          </a:xfrm>
          <a:prstGeom prst="rect">
            <a:avLst/>
          </a:prstGeom>
          <a:solidFill>
            <a:srgbClr val="C3D69A"/>
          </a:solidFill>
        </p:spPr>
        <p:txBody>
          <a:bodyPr vert="horz" wrap="square" lIns="0" tIns="0" rIns="0" bIns="0" rtlCol="0">
            <a:spAutoFit/>
          </a:bodyPr>
          <a:lstStyle/>
          <a:p>
            <a:pPr marL="60815">
              <a:lnSpc>
                <a:spcPts val="966"/>
              </a:lnSpc>
            </a:pPr>
            <a:r>
              <a:rPr sz="855" spc="-9" dirty="0">
                <a:latin typeface="Meiryo UI"/>
                <a:cs typeface="Meiryo UI"/>
              </a:rPr>
              <a:t>【手引き等】 論点について議論 等</a:t>
            </a:r>
            <a:endParaRPr sz="855">
              <a:latin typeface="Meiryo UI"/>
              <a:cs typeface="Meiryo UI"/>
            </a:endParaRPr>
          </a:p>
        </p:txBody>
      </p:sp>
      <p:grpSp>
        <p:nvGrpSpPr>
          <p:cNvPr id="58" name="object 58"/>
          <p:cNvGrpSpPr/>
          <p:nvPr/>
        </p:nvGrpSpPr>
        <p:grpSpPr>
          <a:xfrm>
            <a:off x="4373265" y="3230372"/>
            <a:ext cx="3351352" cy="288872"/>
            <a:chOff x="5114290" y="3549141"/>
            <a:chExt cx="3919220" cy="337820"/>
          </a:xfrm>
        </p:grpSpPr>
        <p:sp>
          <p:nvSpPr>
            <p:cNvPr id="59" name="object 59"/>
            <p:cNvSpPr/>
            <p:nvPr/>
          </p:nvSpPr>
          <p:spPr>
            <a:xfrm>
              <a:off x="5120640" y="3555491"/>
              <a:ext cx="3906520" cy="325120"/>
            </a:xfrm>
            <a:custGeom>
              <a:avLst/>
              <a:gdLst/>
              <a:ahLst/>
              <a:cxnLst/>
              <a:rect l="l" t="t" r="r" b="b"/>
              <a:pathLst>
                <a:path w="3906520" h="325120">
                  <a:moveTo>
                    <a:pt x="3877056" y="0"/>
                  </a:moveTo>
                  <a:lnTo>
                    <a:pt x="27432" y="0"/>
                  </a:lnTo>
                  <a:lnTo>
                    <a:pt x="16716" y="2381"/>
                  </a:lnTo>
                  <a:lnTo>
                    <a:pt x="8000" y="8762"/>
                  </a:lnTo>
                  <a:lnTo>
                    <a:pt x="2143" y="18002"/>
                  </a:lnTo>
                  <a:lnTo>
                    <a:pt x="0" y="28955"/>
                  </a:lnTo>
                  <a:lnTo>
                    <a:pt x="0" y="295655"/>
                  </a:lnTo>
                  <a:lnTo>
                    <a:pt x="2143" y="306609"/>
                  </a:lnTo>
                  <a:lnTo>
                    <a:pt x="8000" y="315849"/>
                  </a:lnTo>
                  <a:lnTo>
                    <a:pt x="16716" y="322230"/>
                  </a:lnTo>
                  <a:lnTo>
                    <a:pt x="27432" y="324612"/>
                  </a:lnTo>
                  <a:lnTo>
                    <a:pt x="3877056" y="324612"/>
                  </a:lnTo>
                  <a:lnTo>
                    <a:pt x="3888652" y="322230"/>
                  </a:lnTo>
                  <a:lnTo>
                    <a:pt x="3897820" y="315849"/>
                  </a:lnTo>
                  <a:lnTo>
                    <a:pt x="3903845" y="306609"/>
                  </a:lnTo>
                  <a:lnTo>
                    <a:pt x="3906012" y="295655"/>
                  </a:lnTo>
                  <a:lnTo>
                    <a:pt x="3906012" y="28955"/>
                  </a:lnTo>
                  <a:lnTo>
                    <a:pt x="3903845" y="18002"/>
                  </a:lnTo>
                  <a:lnTo>
                    <a:pt x="3897820" y="8762"/>
                  </a:lnTo>
                  <a:lnTo>
                    <a:pt x="3888652" y="2381"/>
                  </a:lnTo>
                  <a:lnTo>
                    <a:pt x="3877056" y="0"/>
                  </a:lnTo>
                  <a:close/>
                </a:path>
              </a:pathLst>
            </a:custGeom>
            <a:solidFill>
              <a:srgbClr val="DBEDF4"/>
            </a:solidFill>
          </p:spPr>
          <p:txBody>
            <a:bodyPr wrap="square" lIns="0" tIns="0" rIns="0" bIns="0" rtlCol="0"/>
            <a:lstStyle/>
            <a:p>
              <a:endParaRPr sz="1749"/>
            </a:p>
          </p:txBody>
        </p:sp>
        <p:sp>
          <p:nvSpPr>
            <p:cNvPr id="60" name="object 60"/>
            <p:cNvSpPr/>
            <p:nvPr/>
          </p:nvSpPr>
          <p:spPr>
            <a:xfrm>
              <a:off x="5120640" y="3555491"/>
              <a:ext cx="3906520" cy="325120"/>
            </a:xfrm>
            <a:custGeom>
              <a:avLst/>
              <a:gdLst/>
              <a:ahLst/>
              <a:cxnLst/>
              <a:rect l="l" t="t" r="r" b="b"/>
              <a:pathLst>
                <a:path w="3906520" h="325120">
                  <a:moveTo>
                    <a:pt x="0" y="28955"/>
                  </a:moveTo>
                  <a:lnTo>
                    <a:pt x="2143" y="18002"/>
                  </a:lnTo>
                  <a:lnTo>
                    <a:pt x="8000" y="8762"/>
                  </a:lnTo>
                  <a:lnTo>
                    <a:pt x="16716" y="2381"/>
                  </a:lnTo>
                  <a:lnTo>
                    <a:pt x="27432" y="0"/>
                  </a:lnTo>
                  <a:lnTo>
                    <a:pt x="3877056" y="0"/>
                  </a:lnTo>
                  <a:lnTo>
                    <a:pt x="3888652" y="2381"/>
                  </a:lnTo>
                  <a:lnTo>
                    <a:pt x="3897820" y="8762"/>
                  </a:lnTo>
                  <a:lnTo>
                    <a:pt x="3903845" y="18002"/>
                  </a:lnTo>
                  <a:lnTo>
                    <a:pt x="3906012" y="28955"/>
                  </a:lnTo>
                  <a:lnTo>
                    <a:pt x="3906012" y="295655"/>
                  </a:lnTo>
                  <a:lnTo>
                    <a:pt x="3903845" y="306609"/>
                  </a:lnTo>
                  <a:lnTo>
                    <a:pt x="3897820" y="315849"/>
                  </a:lnTo>
                  <a:lnTo>
                    <a:pt x="3888652" y="322230"/>
                  </a:lnTo>
                  <a:lnTo>
                    <a:pt x="3877056" y="324612"/>
                  </a:lnTo>
                  <a:lnTo>
                    <a:pt x="27432" y="324612"/>
                  </a:lnTo>
                  <a:lnTo>
                    <a:pt x="16716" y="322230"/>
                  </a:lnTo>
                  <a:lnTo>
                    <a:pt x="8000" y="315849"/>
                  </a:lnTo>
                  <a:lnTo>
                    <a:pt x="2143" y="306609"/>
                  </a:lnTo>
                  <a:lnTo>
                    <a:pt x="0" y="295655"/>
                  </a:lnTo>
                  <a:lnTo>
                    <a:pt x="0" y="28955"/>
                  </a:lnTo>
                  <a:close/>
                </a:path>
              </a:pathLst>
            </a:custGeom>
            <a:ln w="12192">
              <a:solidFill>
                <a:srgbClr val="000000"/>
              </a:solidFill>
            </a:ln>
          </p:spPr>
          <p:txBody>
            <a:bodyPr wrap="square" lIns="0" tIns="0" rIns="0" bIns="0" rtlCol="0"/>
            <a:lstStyle/>
            <a:p>
              <a:endParaRPr sz="1749"/>
            </a:p>
          </p:txBody>
        </p:sp>
      </p:grpSp>
      <p:sp>
        <p:nvSpPr>
          <p:cNvPr id="61" name="object 61"/>
          <p:cNvSpPr txBox="1"/>
          <p:nvPr/>
        </p:nvSpPr>
        <p:spPr>
          <a:xfrm>
            <a:off x="5476843" y="3219730"/>
            <a:ext cx="1175037" cy="156298"/>
          </a:xfrm>
          <a:prstGeom prst="rect">
            <a:avLst/>
          </a:prstGeom>
        </p:spPr>
        <p:txBody>
          <a:bodyPr vert="horz" wrap="square" lIns="0" tIns="11403" rIns="0" bIns="0" rtlCol="0">
            <a:spAutoFit/>
          </a:bodyPr>
          <a:lstStyle/>
          <a:p>
            <a:pPr marL="10860">
              <a:spcBef>
                <a:spcPts val="90"/>
              </a:spcBef>
            </a:pPr>
            <a:r>
              <a:rPr sz="941" dirty="0">
                <a:latin typeface="Meiryo UI"/>
                <a:cs typeface="Meiryo UI"/>
              </a:rPr>
              <a:t>［第</a:t>
            </a:r>
            <a:r>
              <a:rPr sz="941" spc="-17" dirty="0">
                <a:latin typeface="Meiryo UI"/>
                <a:cs typeface="Meiryo UI"/>
              </a:rPr>
              <a:t>5</a:t>
            </a:r>
            <a:r>
              <a:rPr sz="941" dirty="0">
                <a:latin typeface="Meiryo UI"/>
                <a:cs typeface="Meiryo UI"/>
              </a:rPr>
              <a:t>回］</a:t>
            </a:r>
            <a:r>
              <a:rPr sz="941" spc="-9" dirty="0">
                <a:latin typeface="Meiryo UI"/>
                <a:cs typeface="Meiryo UI"/>
              </a:rPr>
              <a:t>実施検討会</a:t>
            </a:r>
            <a:endParaRPr sz="941">
              <a:latin typeface="Meiryo UI"/>
              <a:cs typeface="Meiryo UI"/>
            </a:endParaRPr>
          </a:p>
        </p:txBody>
      </p:sp>
      <p:sp>
        <p:nvSpPr>
          <p:cNvPr id="62" name="object 62"/>
          <p:cNvSpPr txBox="1"/>
          <p:nvPr/>
        </p:nvSpPr>
        <p:spPr>
          <a:xfrm>
            <a:off x="4464704" y="3371334"/>
            <a:ext cx="3164562" cy="129074"/>
          </a:xfrm>
          <a:prstGeom prst="rect">
            <a:avLst/>
          </a:prstGeom>
          <a:solidFill>
            <a:srgbClr val="95B3D6"/>
          </a:solidFill>
        </p:spPr>
        <p:txBody>
          <a:bodyPr vert="horz" wrap="square" lIns="0" tIns="0" rIns="0" bIns="0" rtlCol="0">
            <a:spAutoFit/>
          </a:bodyPr>
          <a:lstStyle/>
          <a:p>
            <a:pPr marL="62444">
              <a:lnSpc>
                <a:spcPts val="966"/>
              </a:lnSpc>
            </a:pPr>
            <a:r>
              <a:rPr sz="855" spc="-9" dirty="0">
                <a:latin typeface="Meiryo UI"/>
                <a:cs typeface="Meiryo UI"/>
              </a:rPr>
              <a:t>【手引き等】 論点について議論 等</a:t>
            </a:r>
            <a:endParaRPr sz="855">
              <a:latin typeface="Meiryo UI"/>
              <a:cs typeface="Meiryo UI"/>
            </a:endParaRPr>
          </a:p>
        </p:txBody>
      </p:sp>
      <p:grpSp>
        <p:nvGrpSpPr>
          <p:cNvPr id="63" name="object 63"/>
          <p:cNvGrpSpPr/>
          <p:nvPr/>
        </p:nvGrpSpPr>
        <p:grpSpPr>
          <a:xfrm>
            <a:off x="840335" y="4176483"/>
            <a:ext cx="6811303" cy="288872"/>
            <a:chOff x="982725" y="4655565"/>
            <a:chExt cx="7965440" cy="337820"/>
          </a:xfrm>
        </p:grpSpPr>
        <p:sp>
          <p:nvSpPr>
            <p:cNvPr id="64" name="object 64"/>
            <p:cNvSpPr/>
            <p:nvPr/>
          </p:nvSpPr>
          <p:spPr>
            <a:xfrm>
              <a:off x="989075" y="4661915"/>
              <a:ext cx="7952740" cy="325120"/>
            </a:xfrm>
            <a:custGeom>
              <a:avLst/>
              <a:gdLst/>
              <a:ahLst/>
              <a:cxnLst/>
              <a:rect l="l" t="t" r="r" b="b"/>
              <a:pathLst>
                <a:path w="7952740" h="325120">
                  <a:moveTo>
                    <a:pt x="7926324" y="0"/>
                  </a:moveTo>
                  <a:lnTo>
                    <a:pt x="25908" y="0"/>
                  </a:lnTo>
                  <a:lnTo>
                    <a:pt x="16073" y="2143"/>
                  </a:lnTo>
                  <a:lnTo>
                    <a:pt x="7810" y="8001"/>
                  </a:lnTo>
                  <a:lnTo>
                    <a:pt x="2119" y="16716"/>
                  </a:lnTo>
                  <a:lnTo>
                    <a:pt x="0" y="27432"/>
                  </a:lnTo>
                  <a:lnTo>
                    <a:pt x="0" y="298704"/>
                  </a:lnTo>
                  <a:lnTo>
                    <a:pt x="2119" y="308538"/>
                  </a:lnTo>
                  <a:lnTo>
                    <a:pt x="7810" y="316801"/>
                  </a:lnTo>
                  <a:lnTo>
                    <a:pt x="16073" y="322492"/>
                  </a:lnTo>
                  <a:lnTo>
                    <a:pt x="25908" y="324612"/>
                  </a:lnTo>
                  <a:lnTo>
                    <a:pt x="7926324" y="324612"/>
                  </a:lnTo>
                  <a:lnTo>
                    <a:pt x="7936158" y="322492"/>
                  </a:lnTo>
                  <a:lnTo>
                    <a:pt x="7944421" y="316801"/>
                  </a:lnTo>
                  <a:lnTo>
                    <a:pt x="7950112" y="308538"/>
                  </a:lnTo>
                  <a:lnTo>
                    <a:pt x="7952232" y="298704"/>
                  </a:lnTo>
                  <a:lnTo>
                    <a:pt x="7952232" y="27432"/>
                  </a:lnTo>
                  <a:lnTo>
                    <a:pt x="7950112" y="16716"/>
                  </a:lnTo>
                  <a:lnTo>
                    <a:pt x="7944421" y="8001"/>
                  </a:lnTo>
                  <a:lnTo>
                    <a:pt x="7936158" y="2143"/>
                  </a:lnTo>
                  <a:lnTo>
                    <a:pt x="7926324" y="0"/>
                  </a:lnTo>
                  <a:close/>
                </a:path>
              </a:pathLst>
            </a:custGeom>
            <a:solidFill>
              <a:srgbClr val="FDE9DA"/>
            </a:solidFill>
          </p:spPr>
          <p:txBody>
            <a:bodyPr wrap="square" lIns="0" tIns="0" rIns="0" bIns="0" rtlCol="0"/>
            <a:lstStyle/>
            <a:p>
              <a:endParaRPr sz="1749"/>
            </a:p>
          </p:txBody>
        </p:sp>
        <p:sp>
          <p:nvSpPr>
            <p:cNvPr id="65" name="object 65"/>
            <p:cNvSpPr/>
            <p:nvPr/>
          </p:nvSpPr>
          <p:spPr>
            <a:xfrm>
              <a:off x="989075" y="4661915"/>
              <a:ext cx="7952740" cy="325120"/>
            </a:xfrm>
            <a:custGeom>
              <a:avLst/>
              <a:gdLst/>
              <a:ahLst/>
              <a:cxnLst/>
              <a:rect l="l" t="t" r="r" b="b"/>
              <a:pathLst>
                <a:path w="7952740" h="325120">
                  <a:moveTo>
                    <a:pt x="0" y="27432"/>
                  </a:moveTo>
                  <a:lnTo>
                    <a:pt x="2119" y="16716"/>
                  </a:lnTo>
                  <a:lnTo>
                    <a:pt x="7810" y="8001"/>
                  </a:lnTo>
                  <a:lnTo>
                    <a:pt x="16073" y="2143"/>
                  </a:lnTo>
                  <a:lnTo>
                    <a:pt x="25908" y="0"/>
                  </a:lnTo>
                  <a:lnTo>
                    <a:pt x="7926324" y="0"/>
                  </a:lnTo>
                  <a:lnTo>
                    <a:pt x="7936158" y="2143"/>
                  </a:lnTo>
                  <a:lnTo>
                    <a:pt x="7944421" y="8001"/>
                  </a:lnTo>
                  <a:lnTo>
                    <a:pt x="7950112" y="16716"/>
                  </a:lnTo>
                  <a:lnTo>
                    <a:pt x="7952232" y="27432"/>
                  </a:lnTo>
                  <a:lnTo>
                    <a:pt x="7952232" y="298704"/>
                  </a:lnTo>
                  <a:lnTo>
                    <a:pt x="7950112" y="308538"/>
                  </a:lnTo>
                  <a:lnTo>
                    <a:pt x="7944421" y="316801"/>
                  </a:lnTo>
                  <a:lnTo>
                    <a:pt x="7936158" y="322492"/>
                  </a:lnTo>
                  <a:lnTo>
                    <a:pt x="7926324" y="324612"/>
                  </a:lnTo>
                  <a:lnTo>
                    <a:pt x="25908" y="324612"/>
                  </a:lnTo>
                  <a:lnTo>
                    <a:pt x="16073" y="322492"/>
                  </a:lnTo>
                  <a:lnTo>
                    <a:pt x="7810" y="316801"/>
                  </a:lnTo>
                  <a:lnTo>
                    <a:pt x="2119" y="308538"/>
                  </a:lnTo>
                  <a:lnTo>
                    <a:pt x="0" y="298704"/>
                  </a:lnTo>
                  <a:lnTo>
                    <a:pt x="0" y="27432"/>
                  </a:lnTo>
                  <a:close/>
                </a:path>
              </a:pathLst>
            </a:custGeom>
            <a:ln w="12192">
              <a:solidFill>
                <a:srgbClr val="000000"/>
              </a:solidFill>
            </a:ln>
          </p:spPr>
          <p:txBody>
            <a:bodyPr wrap="square" lIns="0" tIns="0" rIns="0" bIns="0" rtlCol="0"/>
            <a:lstStyle/>
            <a:p>
              <a:endParaRPr sz="1749"/>
            </a:p>
          </p:txBody>
        </p:sp>
        <p:sp>
          <p:nvSpPr>
            <p:cNvPr id="66" name="object 66"/>
            <p:cNvSpPr/>
            <p:nvPr/>
          </p:nvSpPr>
          <p:spPr>
            <a:xfrm>
              <a:off x="3194303" y="4823459"/>
              <a:ext cx="4227830" cy="144780"/>
            </a:xfrm>
            <a:custGeom>
              <a:avLst/>
              <a:gdLst/>
              <a:ahLst/>
              <a:cxnLst/>
              <a:rect l="l" t="t" r="r" b="b"/>
              <a:pathLst>
                <a:path w="4227830" h="144779">
                  <a:moveTo>
                    <a:pt x="4227576" y="0"/>
                  </a:moveTo>
                  <a:lnTo>
                    <a:pt x="0" y="0"/>
                  </a:lnTo>
                  <a:lnTo>
                    <a:pt x="0" y="144780"/>
                  </a:lnTo>
                  <a:lnTo>
                    <a:pt x="4227576" y="144780"/>
                  </a:lnTo>
                  <a:lnTo>
                    <a:pt x="4227576" y="0"/>
                  </a:lnTo>
                  <a:close/>
                </a:path>
              </a:pathLst>
            </a:custGeom>
            <a:solidFill>
              <a:srgbClr val="E6B8B8"/>
            </a:solidFill>
          </p:spPr>
          <p:txBody>
            <a:bodyPr wrap="square" lIns="0" tIns="0" rIns="0" bIns="0" rtlCol="0"/>
            <a:lstStyle/>
            <a:p>
              <a:endParaRPr sz="1749"/>
            </a:p>
          </p:txBody>
        </p:sp>
      </p:grpSp>
      <p:sp>
        <p:nvSpPr>
          <p:cNvPr id="67" name="object 67"/>
          <p:cNvSpPr txBox="1"/>
          <p:nvPr/>
        </p:nvSpPr>
        <p:spPr>
          <a:xfrm>
            <a:off x="2435215" y="4169750"/>
            <a:ext cx="3653799" cy="281105"/>
          </a:xfrm>
          <a:prstGeom prst="rect">
            <a:avLst/>
          </a:prstGeom>
        </p:spPr>
        <p:txBody>
          <a:bodyPr vert="horz" wrap="square" lIns="0" tIns="10860" rIns="0" bIns="0" rtlCol="0">
            <a:spAutoFit/>
          </a:bodyPr>
          <a:lstStyle/>
          <a:p>
            <a:pPr algn="ctr">
              <a:lnSpc>
                <a:spcPts val="1095"/>
              </a:lnSpc>
              <a:spcBef>
                <a:spcPts val="86"/>
              </a:spcBef>
              <a:tabLst>
                <a:tab pos="1465525" algn="l"/>
                <a:tab pos="1760369" algn="l"/>
              </a:tabLst>
            </a:pPr>
            <a:r>
              <a:rPr sz="941" dirty="0">
                <a:latin typeface="Meiryo UI"/>
                <a:cs typeface="Meiryo UI"/>
              </a:rPr>
              <a:t>［第</a:t>
            </a:r>
            <a:r>
              <a:rPr sz="941" spc="-17" dirty="0">
                <a:latin typeface="Meiryo UI"/>
                <a:cs typeface="Meiryo UI"/>
              </a:rPr>
              <a:t>8</a:t>
            </a:r>
            <a:r>
              <a:rPr sz="941" dirty="0">
                <a:latin typeface="Meiryo UI"/>
                <a:cs typeface="Meiryo UI"/>
              </a:rPr>
              <a:t>回］計画検討</a:t>
            </a:r>
            <a:r>
              <a:rPr sz="941" spc="-43" dirty="0">
                <a:latin typeface="Meiryo UI"/>
                <a:cs typeface="Meiryo UI"/>
              </a:rPr>
              <a:t>会</a:t>
            </a:r>
            <a:r>
              <a:rPr sz="941" dirty="0">
                <a:latin typeface="Meiryo UI"/>
                <a:cs typeface="Meiryo UI"/>
              </a:rPr>
              <a:t>	</a:t>
            </a:r>
            <a:r>
              <a:rPr sz="941" spc="-43" dirty="0">
                <a:latin typeface="Meiryo UI"/>
                <a:cs typeface="Meiryo UI"/>
              </a:rPr>
              <a:t>・</a:t>
            </a:r>
            <a:r>
              <a:rPr sz="941" dirty="0">
                <a:latin typeface="Meiryo UI"/>
                <a:cs typeface="Meiryo UI"/>
              </a:rPr>
              <a:t>	［第</a:t>
            </a:r>
            <a:r>
              <a:rPr sz="941" spc="-17" dirty="0">
                <a:latin typeface="Meiryo UI"/>
                <a:cs typeface="Meiryo UI"/>
              </a:rPr>
              <a:t>7</a:t>
            </a:r>
            <a:r>
              <a:rPr sz="941" dirty="0">
                <a:latin typeface="Meiryo UI"/>
                <a:cs typeface="Meiryo UI"/>
              </a:rPr>
              <a:t>回］実施検討会（同</a:t>
            </a:r>
            <a:r>
              <a:rPr sz="941" spc="-13" dirty="0">
                <a:latin typeface="Meiryo UI"/>
                <a:cs typeface="Meiryo UI"/>
              </a:rPr>
              <a:t>時</a:t>
            </a:r>
            <a:r>
              <a:rPr sz="941" dirty="0">
                <a:latin typeface="Meiryo UI"/>
                <a:cs typeface="Meiryo UI"/>
              </a:rPr>
              <a:t>開催</a:t>
            </a:r>
            <a:r>
              <a:rPr sz="941" spc="-43" dirty="0">
                <a:latin typeface="Meiryo UI"/>
                <a:cs typeface="Meiryo UI"/>
              </a:rPr>
              <a:t>）</a:t>
            </a:r>
            <a:endParaRPr sz="941">
              <a:latin typeface="Meiryo UI"/>
              <a:cs typeface="Meiryo UI"/>
            </a:endParaRPr>
          </a:p>
          <a:p>
            <a:pPr marL="50498" algn="ctr">
              <a:lnSpc>
                <a:spcPts val="992"/>
              </a:lnSpc>
            </a:pPr>
            <a:r>
              <a:rPr sz="855" spc="-13" dirty="0">
                <a:latin typeface="Meiryo UI"/>
                <a:cs typeface="Meiryo UI"/>
              </a:rPr>
              <a:t>【モデル地域】 現地調査を踏まえた計画づくり・実施方針への助言 等</a:t>
            </a:r>
            <a:endParaRPr sz="855">
              <a:latin typeface="Meiryo UI"/>
              <a:cs typeface="Meiryo UI"/>
            </a:endParaRPr>
          </a:p>
        </p:txBody>
      </p:sp>
      <p:grpSp>
        <p:nvGrpSpPr>
          <p:cNvPr id="68" name="object 68"/>
          <p:cNvGrpSpPr/>
          <p:nvPr/>
        </p:nvGrpSpPr>
        <p:grpSpPr>
          <a:xfrm>
            <a:off x="844244" y="3879358"/>
            <a:ext cx="3301397" cy="288872"/>
            <a:chOff x="987297" y="4308094"/>
            <a:chExt cx="3860800" cy="337820"/>
          </a:xfrm>
        </p:grpSpPr>
        <p:sp>
          <p:nvSpPr>
            <p:cNvPr id="69" name="object 69"/>
            <p:cNvSpPr/>
            <p:nvPr/>
          </p:nvSpPr>
          <p:spPr>
            <a:xfrm>
              <a:off x="993647" y="4314444"/>
              <a:ext cx="3848100" cy="325120"/>
            </a:xfrm>
            <a:custGeom>
              <a:avLst/>
              <a:gdLst/>
              <a:ahLst/>
              <a:cxnLst/>
              <a:rect l="l" t="t" r="r" b="b"/>
              <a:pathLst>
                <a:path w="3848100" h="325120">
                  <a:moveTo>
                    <a:pt x="3819143" y="0"/>
                  </a:moveTo>
                  <a:lnTo>
                    <a:pt x="27432" y="0"/>
                  </a:lnTo>
                  <a:lnTo>
                    <a:pt x="16716" y="2166"/>
                  </a:lnTo>
                  <a:lnTo>
                    <a:pt x="8001" y="8191"/>
                  </a:lnTo>
                  <a:lnTo>
                    <a:pt x="2143" y="17359"/>
                  </a:lnTo>
                  <a:lnTo>
                    <a:pt x="0" y="28956"/>
                  </a:lnTo>
                  <a:lnTo>
                    <a:pt x="0" y="295656"/>
                  </a:lnTo>
                  <a:lnTo>
                    <a:pt x="2143" y="306609"/>
                  </a:lnTo>
                  <a:lnTo>
                    <a:pt x="8001" y="315849"/>
                  </a:lnTo>
                  <a:lnTo>
                    <a:pt x="16716" y="322230"/>
                  </a:lnTo>
                  <a:lnTo>
                    <a:pt x="27432" y="324612"/>
                  </a:lnTo>
                  <a:lnTo>
                    <a:pt x="3819143" y="324612"/>
                  </a:lnTo>
                  <a:lnTo>
                    <a:pt x="3830097" y="322230"/>
                  </a:lnTo>
                  <a:lnTo>
                    <a:pt x="3839337" y="315849"/>
                  </a:lnTo>
                  <a:lnTo>
                    <a:pt x="3845718" y="306609"/>
                  </a:lnTo>
                  <a:lnTo>
                    <a:pt x="3848100" y="295656"/>
                  </a:lnTo>
                  <a:lnTo>
                    <a:pt x="3848100" y="28956"/>
                  </a:lnTo>
                  <a:lnTo>
                    <a:pt x="3845718" y="17359"/>
                  </a:lnTo>
                  <a:lnTo>
                    <a:pt x="3839337" y="8191"/>
                  </a:lnTo>
                  <a:lnTo>
                    <a:pt x="3830097" y="2166"/>
                  </a:lnTo>
                  <a:lnTo>
                    <a:pt x="3819143" y="0"/>
                  </a:lnTo>
                  <a:close/>
                </a:path>
              </a:pathLst>
            </a:custGeom>
            <a:solidFill>
              <a:srgbClr val="EBF0DD"/>
            </a:solidFill>
          </p:spPr>
          <p:txBody>
            <a:bodyPr wrap="square" lIns="0" tIns="0" rIns="0" bIns="0" rtlCol="0"/>
            <a:lstStyle/>
            <a:p>
              <a:endParaRPr sz="1749"/>
            </a:p>
          </p:txBody>
        </p:sp>
        <p:sp>
          <p:nvSpPr>
            <p:cNvPr id="70" name="object 70"/>
            <p:cNvSpPr/>
            <p:nvPr/>
          </p:nvSpPr>
          <p:spPr>
            <a:xfrm>
              <a:off x="993647" y="4314444"/>
              <a:ext cx="3848100" cy="325120"/>
            </a:xfrm>
            <a:custGeom>
              <a:avLst/>
              <a:gdLst/>
              <a:ahLst/>
              <a:cxnLst/>
              <a:rect l="l" t="t" r="r" b="b"/>
              <a:pathLst>
                <a:path w="3848100" h="325120">
                  <a:moveTo>
                    <a:pt x="0" y="28956"/>
                  </a:moveTo>
                  <a:lnTo>
                    <a:pt x="2143" y="17359"/>
                  </a:lnTo>
                  <a:lnTo>
                    <a:pt x="8001" y="8191"/>
                  </a:lnTo>
                  <a:lnTo>
                    <a:pt x="16716" y="2166"/>
                  </a:lnTo>
                  <a:lnTo>
                    <a:pt x="27432" y="0"/>
                  </a:lnTo>
                  <a:lnTo>
                    <a:pt x="3819143" y="0"/>
                  </a:lnTo>
                  <a:lnTo>
                    <a:pt x="3830097" y="2166"/>
                  </a:lnTo>
                  <a:lnTo>
                    <a:pt x="3839337" y="8191"/>
                  </a:lnTo>
                  <a:lnTo>
                    <a:pt x="3845718" y="17359"/>
                  </a:lnTo>
                  <a:lnTo>
                    <a:pt x="3848100" y="28956"/>
                  </a:lnTo>
                  <a:lnTo>
                    <a:pt x="3848100" y="295656"/>
                  </a:lnTo>
                  <a:lnTo>
                    <a:pt x="3845718" y="306609"/>
                  </a:lnTo>
                  <a:lnTo>
                    <a:pt x="3839337" y="315849"/>
                  </a:lnTo>
                  <a:lnTo>
                    <a:pt x="3830097" y="322230"/>
                  </a:lnTo>
                  <a:lnTo>
                    <a:pt x="3819143" y="324612"/>
                  </a:lnTo>
                  <a:lnTo>
                    <a:pt x="27432" y="324612"/>
                  </a:lnTo>
                  <a:lnTo>
                    <a:pt x="16716" y="322230"/>
                  </a:lnTo>
                  <a:lnTo>
                    <a:pt x="8001" y="315849"/>
                  </a:lnTo>
                  <a:lnTo>
                    <a:pt x="2143" y="306609"/>
                  </a:lnTo>
                  <a:lnTo>
                    <a:pt x="0" y="295656"/>
                  </a:lnTo>
                  <a:lnTo>
                    <a:pt x="0" y="28956"/>
                  </a:lnTo>
                  <a:close/>
                </a:path>
              </a:pathLst>
            </a:custGeom>
            <a:ln w="12192">
              <a:solidFill>
                <a:srgbClr val="000000"/>
              </a:solidFill>
            </a:ln>
          </p:spPr>
          <p:txBody>
            <a:bodyPr wrap="square" lIns="0" tIns="0" rIns="0" bIns="0" rtlCol="0"/>
            <a:lstStyle/>
            <a:p>
              <a:endParaRPr sz="1749"/>
            </a:p>
          </p:txBody>
        </p:sp>
      </p:grpSp>
      <p:sp>
        <p:nvSpPr>
          <p:cNvPr id="71" name="object 71"/>
          <p:cNvSpPr txBox="1"/>
          <p:nvPr/>
        </p:nvSpPr>
        <p:spPr>
          <a:xfrm>
            <a:off x="1923063" y="3868715"/>
            <a:ext cx="1175037" cy="156298"/>
          </a:xfrm>
          <a:prstGeom prst="rect">
            <a:avLst/>
          </a:prstGeom>
        </p:spPr>
        <p:txBody>
          <a:bodyPr vert="horz" wrap="square" lIns="0" tIns="11403" rIns="0" bIns="0" rtlCol="0">
            <a:spAutoFit/>
          </a:bodyPr>
          <a:lstStyle/>
          <a:p>
            <a:pPr marL="10860">
              <a:spcBef>
                <a:spcPts val="90"/>
              </a:spcBef>
            </a:pPr>
            <a:r>
              <a:rPr sz="941" dirty="0">
                <a:latin typeface="Meiryo UI"/>
                <a:cs typeface="Meiryo UI"/>
              </a:rPr>
              <a:t>［第</a:t>
            </a:r>
            <a:r>
              <a:rPr sz="941" spc="-17" dirty="0">
                <a:latin typeface="Meiryo UI"/>
                <a:cs typeface="Meiryo UI"/>
              </a:rPr>
              <a:t>7</a:t>
            </a:r>
            <a:r>
              <a:rPr sz="941" dirty="0">
                <a:latin typeface="Meiryo UI"/>
                <a:cs typeface="Meiryo UI"/>
              </a:rPr>
              <a:t>回］</a:t>
            </a:r>
            <a:r>
              <a:rPr sz="941" spc="-9" dirty="0">
                <a:latin typeface="Meiryo UI"/>
                <a:cs typeface="Meiryo UI"/>
              </a:rPr>
              <a:t>計画検討会</a:t>
            </a:r>
            <a:endParaRPr sz="941">
              <a:latin typeface="Meiryo UI"/>
              <a:cs typeface="Meiryo UI"/>
            </a:endParaRPr>
          </a:p>
        </p:txBody>
      </p:sp>
      <p:sp>
        <p:nvSpPr>
          <p:cNvPr id="72" name="object 72"/>
          <p:cNvSpPr txBox="1"/>
          <p:nvPr/>
        </p:nvSpPr>
        <p:spPr>
          <a:xfrm>
            <a:off x="905605" y="4029664"/>
            <a:ext cx="3237647" cy="257315"/>
          </a:xfrm>
          <a:prstGeom prst="rect">
            <a:avLst/>
          </a:prstGeom>
          <a:solidFill>
            <a:srgbClr val="C3D69A"/>
          </a:solidFill>
        </p:spPr>
        <p:txBody>
          <a:bodyPr vert="horz" wrap="square" lIns="0" tIns="0" rIns="0" bIns="0" rtlCol="0">
            <a:spAutoFit/>
          </a:bodyPr>
          <a:lstStyle/>
          <a:p>
            <a:pPr marL="60815">
              <a:lnSpc>
                <a:spcPts val="966"/>
              </a:lnSpc>
            </a:pPr>
            <a:r>
              <a:rPr sz="855" spc="-13" dirty="0">
                <a:latin typeface="Meiryo UI"/>
                <a:cs typeface="Meiryo UI"/>
              </a:rPr>
              <a:t>【手引き等】 中間とりまとめ素案の議論(群マネ検討の手引き(仮)) 等</a:t>
            </a:r>
            <a:endParaRPr sz="855" dirty="0">
              <a:latin typeface="Meiryo UI"/>
              <a:cs typeface="Meiryo UI"/>
            </a:endParaRPr>
          </a:p>
        </p:txBody>
      </p:sp>
      <p:grpSp>
        <p:nvGrpSpPr>
          <p:cNvPr id="73" name="object 73"/>
          <p:cNvGrpSpPr/>
          <p:nvPr/>
        </p:nvGrpSpPr>
        <p:grpSpPr>
          <a:xfrm>
            <a:off x="4369355" y="3879358"/>
            <a:ext cx="3355153" cy="288872"/>
            <a:chOff x="5109717" y="4308094"/>
            <a:chExt cx="3923665" cy="337820"/>
          </a:xfrm>
        </p:grpSpPr>
        <p:sp>
          <p:nvSpPr>
            <p:cNvPr id="74" name="object 74"/>
            <p:cNvSpPr/>
            <p:nvPr/>
          </p:nvSpPr>
          <p:spPr>
            <a:xfrm>
              <a:off x="5116067" y="4314444"/>
              <a:ext cx="3910965" cy="325120"/>
            </a:xfrm>
            <a:custGeom>
              <a:avLst/>
              <a:gdLst/>
              <a:ahLst/>
              <a:cxnLst/>
              <a:rect l="l" t="t" r="r" b="b"/>
              <a:pathLst>
                <a:path w="3910965" h="325120">
                  <a:moveTo>
                    <a:pt x="3881628" y="0"/>
                  </a:moveTo>
                  <a:lnTo>
                    <a:pt x="28956" y="0"/>
                  </a:lnTo>
                  <a:lnTo>
                    <a:pt x="17359" y="2166"/>
                  </a:lnTo>
                  <a:lnTo>
                    <a:pt x="8191" y="8191"/>
                  </a:lnTo>
                  <a:lnTo>
                    <a:pt x="2166" y="17359"/>
                  </a:lnTo>
                  <a:lnTo>
                    <a:pt x="0" y="28956"/>
                  </a:lnTo>
                  <a:lnTo>
                    <a:pt x="0" y="295656"/>
                  </a:lnTo>
                  <a:lnTo>
                    <a:pt x="2166" y="306609"/>
                  </a:lnTo>
                  <a:lnTo>
                    <a:pt x="8191" y="315849"/>
                  </a:lnTo>
                  <a:lnTo>
                    <a:pt x="17359" y="322230"/>
                  </a:lnTo>
                  <a:lnTo>
                    <a:pt x="28956" y="324612"/>
                  </a:lnTo>
                  <a:lnTo>
                    <a:pt x="3881628" y="324612"/>
                  </a:lnTo>
                  <a:lnTo>
                    <a:pt x="3893224" y="322230"/>
                  </a:lnTo>
                  <a:lnTo>
                    <a:pt x="3902392" y="315849"/>
                  </a:lnTo>
                  <a:lnTo>
                    <a:pt x="3908417" y="306609"/>
                  </a:lnTo>
                  <a:lnTo>
                    <a:pt x="3910584" y="295656"/>
                  </a:lnTo>
                  <a:lnTo>
                    <a:pt x="3910584" y="28956"/>
                  </a:lnTo>
                  <a:lnTo>
                    <a:pt x="3908417" y="17359"/>
                  </a:lnTo>
                  <a:lnTo>
                    <a:pt x="3902392" y="8191"/>
                  </a:lnTo>
                  <a:lnTo>
                    <a:pt x="3893224" y="2166"/>
                  </a:lnTo>
                  <a:lnTo>
                    <a:pt x="3881628" y="0"/>
                  </a:lnTo>
                  <a:close/>
                </a:path>
              </a:pathLst>
            </a:custGeom>
            <a:solidFill>
              <a:srgbClr val="DBEDF4"/>
            </a:solidFill>
          </p:spPr>
          <p:txBody>
            <a:bodyPr wrap="square" lIns="0" tIns="0" rIns="0" bIns="0" rtlCol="0"/>
            <a:lstStyle/>
            <a:p>
              <a:endParaRPr sz="1749"/>
            </a:p>
          </p:txBody>
        </p:sp>
        <p:sp>
          <p:nvSpPr>
            <p:cNvPr id="75" name="object 75"/>
            <p:cNvSpPr/>
            <p:nvPr/>
          </p:nvSpPr>
          <p:spPr>
            <a:xfrm>
              <a:off x="5116067" y="4314444"/>
              <a:ext cx="3910965" cy="325120"/>
            </a:xfrm>
            <a:custGeom>
              <a:avLst/>
              <a:gdLst/>
              <a:ahLst/>
              <a:cxnLst/>
              <a:rect l="l" t="t" r="r" b="b"/>
              <a:pathLst>
                <a:path w="3910965" h="325120">
                  <a:moveTo>
                    <a:pt x="0" y="28956"/>
                  </a:moveTo>
                  <a:lnTo>
                    <a:pt x="2166" y="17359"/>
                  </a:lnTo>
                  <a:lnTo>
                    <a:pt x="8191" y="8191"/>
                  </a:lnTo>
                  <a:lnTo>
                    <a:pt x="17359" y="2166"/>
                  </a:lnTo>
                  <a:lnTo>
                    <a:pt x="28956" y="0"/>
                  </a:lnTo>
                  <a:lnTo>
                    <a:pt x="3881628" y="0"/>
                  </a:lnTo>
                  <a:lnTo>
                    <a:pt x="3893224" y="2166"/>
                  </a:lnTo>
                  <a:lnTo>
                    <a:pt x="3902392" y="8191"/>
                  </a:lnTo>
                  <a:lnTo>
                    <a:pt x="3908417" y="17359"/>
                  </a:lnTo>
                  <a:lnTo>
                    <a:pt x="3910584" y="28956"/>
                  </a:lnTo>
                  <a:lnTo>
                    <a:pt x="3910584" y="295656"/>
                  </a:lnTo>
                  <a:lnTo>
                    <a:pt x="3908417" y="306609"/>
                  </a:lnTo>
                  <a:lnTo>
                    <a:pt x="3902392" y="315849"/>
                  </a:lnTo>
                  <a:lnTo>
                    <a:pt x="3893224" y="322230"/>
                  </a:lnTo>
                  <a:lnTo>
                    <a:pt x="3881628" y="324612"/>
                  </a:lnTo>
                  <a:lnTo>
                    <a:pt x="28956" y="324612"/>
                  </a:lnTo>
                  <a:lnTo>
                    <a:pt x="17359" y="322230"/>
                  </a:lnTo>
                  <a:lnTo>
                    <a:pt x="8191" y="315849"/>
                  </a:lnTo>
                  <a:lnTo>
                    <a:pt x="2166" y="306609"/>
                  </a:lnTo>
                  <a:lnTo>
                    <a:pt x="0" y="295656"/>
                  </a:lnTo>
                  <a:lnTo>
                    <a:pt x="0" y="28956"/>
                  </a:lnTo>
                  <a:close/>
                </a:path>
              </a:pathLst>
            </a:custGeom>
            <a:ln w="12192">
              <a:solidFill>
                <a:srgbClr val="000000"/>
              </a:solidFill>
            </a:ln>
          </p:spPr>
          <p:txBody>
            <a:bodyPr wrap="square" lIns="0" tIns="0" rIns="0" bIns="0" rtlCol="0"/>
            <a:lstStyle/>
            <a:p>
              <a:endParaRPr sz="1749"/>
            </a:p>
          </p:txBody>
        </p:sp>
      </p:grpSp>
      <p:sp>
        <p:nvSpPr>
          <p:cNvPr id="76" name="object 76"/>
          <p:cNvSpPr txBox="1"/>
          <p:nvPr/>
        </p:nvSpPr>
        <p:spPr>
          <a:xfrm>
            <a:off x="5475540" y="3868715"/>
            <a:ext cx="1175037" cy="156298"/>
          </a:xfrm>
          <a:prstGeom prst="rect">
            <a:avLst/>
          </a:prstGeom>
        </p:spPr>
        <p:txBody>
          <a:bodyPr vert="horz" wrap="square" lIns="0" tIns="11403" rIns="0" bIns="0" rtlCol="0">
            <a:spAutoFit/>
          </a:bodyPr>
          <a:lstStyle/>
          <a:p>
            <a:pPr marL="10860">
              <a:spcBef>
                <a:spcPts val="90"/>
              </a:spcBef>
            </a:pPr>
            <a:r>
              <a:rPr sz="941" dirty="0">
                <a:latin typeface="Meiryo UI"/>
                <a:cs typeface="Meiryo UI"/>
              </a:rPr>
              <a:t>［第</a:t>
            </a:r>
            <a:r>
              <a:rPr sz="941" spc="-17" dirty="0">
                <a:latin typeface="Meiryo UI"/>
                <a:cs typeface="Meiryo UI"/>
              </a:rPr>
              <a:t>6</a:t>
            </a:r>
            <a:r>
              <a:rPr sz="941" dirty="0">
                <a:latin typeface="Meiryo UI"/>
                <a:cs typeface="Meiryo UI"/>
              </a:rPr>
              <a:t>回］</a:t>
            </a:r>
            <a:r>
              <a:rPr sz="941" spc="-9" dirty="0">
                <a:latin typeface="Meiryo UI"/>
                <a:cs typeface="Meiryo UI"/>
              </a:rPr>
              <a:t>実施検討会</a:t>
            </a:r>
            <a:endParaRPr sz="941">
              <a:latin typeface="Meiryo UI"/>
              <a:cs typeface="Meiryo UI"/>
            </a:endParaRPr>
          </a:p>
        </p:txBody>
      </p:sp>
      <p:sp>
        <p:nvSpPr>
          <p:cNvPr id="77" name="object 77"/>
          <p:cNvSpPr txBox="1"/>
          <p:nvPr/>
        </p:nvSpPr>
        <p:spPr>
          <a:xfrm>
            <a:off x="4462099" y="4020319"/>
            <a:ext cx="3162933" cy="129074"/>
          </a:xfrm>
          <a:prstGeom prst="rect">
            <a:avLst/>
          </a:prstGeom>
          <a:solidFill>
            <a:srgbClr val="95B3D6"/>
          </a:solidFill>
        </p:spPr>
        <p:txBody>
          <a:bodyPr vert="horz" wrap="square" lIns="0" tIns="0" rIns="0" bIns="0" rtlCol="0">
            <a:spAutoFit/>
          </a:bodyPr>
          <a:lstStyle/>
          <a:p>
            <a:pPr marL="60815">
              <a:lnSpc>
                <a:spcPts val="966"/>
              </a:lnSpc>
            </a:pPr>
            <a:r>
              <a:rPr sz="855" spc="-9" dirty="0">
                <a:latin typeface="Meiryo UI"/>
                <a:cs typeface="Meiryo UI"/>
              </a:rPr>
              <a:t>【手引き等】 中間とりまとめ素案の議論（包括手引き等</a:t>
            </a:r>
            <a:r>
              <a:rPr sz="855" dirty="0">
                <a:latin typeface="Meiryo UI"/>
                <a:cs typeface="Meiryo UI"/>
              </a:rPr>
              <a:t>）</a:t>
            </a:r>
            <a:r>
              <a:rPr sz="855" spc="-4" dirty="0">
                <a:latin typeface="Meiryo UI"/>
                <a:cs typeface="Meiryo UI"/>
              </a:rPr>
              <a:t> 等</a:t>
            </a:r>
            <a:endParaRPr sz="855">
              <a:latin typeface="Meiryo UI"/>
              <a:cs typeface="Meiryo UI"/>
            </a:endParaRPr>
          </a:p>
        </p:txBody>
      </p:sp>
      <p:grpSp>
        <p:nvGrpSpPr>
          <p:cNvPr id="78" name="object 78"/>
          <p:cNvGrpSpPr/>
          <p:nvPr/>
        </p:nvGrpSpPr>
        <p:grpSpPr>
          <a:xfrm>
            <a:off x="840335" y="5073074"/>
            <a:ext cx="6811303" cy="288872"/>
            <a:chOff x="982725" y="5704078"/>
            <a:chExt cx="7965440" cy="337820"/>
          </a:xfrm>
        </p:grpSpPr>
        <p:sp>
          <p:nvSpPr>
            <p:cNvPr id="79" name="object 79"/>
            <p:cNvSpPr/>
            <p:nvPr/>
          </p:nvSpPr>
          <p:spPr>
            <a:xfrm>
              <a:off x="989075" y="5710428"/>
              <a:ext cx="7952740" cy="325120"/>
            </a:xfrm>
            <a:custGeom>
              <a:avLst/>
              <a:gdLst/>
              <a:ahLst/>
              <a:cxnLst/>
              <a:rect l="l" t="t" r="r" b="b"/>
              <a:pathLst>
                <a:path w="7952740" h="325120">
                  <a:moveTo>
                    <a:pt x="7926324" y="0"/>
                  </a:moveTo>
                  <a:lnTo>
                    <a:pt x="25908" y="0"/>
                  </a:lnTo>
                  <a:lnTo>
                    <a:pt x="16073" y="2119"/>
                  </a:lnTo>
                  <a:lnTo>
                    <a:pt x="7810" y="7810"/>
                  </a:lnTo>
                  <a:lnTo>
                    <a:pt x="2119" y="16073"/>
                  </a:lnTo>
                  <a:lnTo>
                    <a:pt x="0" y="25907"/>
                  </a:lnTo>
                  <a:lnTo>
                    <a:pt x="0" y="298703"/>
                  </a:lnTo>
                  <a:lnTo>
                    <a:pt x="2119" y="308538"/>
                  </a:lnTo>
                  <a:lnTo>
                    <a:pt x="7810" y="316801"/>
                  </a:lnTo>
                  <a:lnTo>
                    <a:pt x="16073" y="322492"/>
                  </a:lnTo>
                  <a:lnTo>
                    <a:pt x="25908" y="324611"/>
                  </a:lnTo>
                  <a:lnTo>
                    <a:pt x="7926324" y="324611"/>
                  </a:lnTo>
                  <a:lnTo>
                    <a:pt x="7936158" y="322492"/>
                  </a:lnTo>
                  <a:lnTo>
                    <a:pt x="7944421" y="316801"/>
                  </a:lnTo>
                  <a:lnTo>
                    <a:pt x="7950112" y="308538"/>
                  </a:lnTo>
                  <a:lnTo>
                    <a:pt x="7952232" y="298703"/>
                  </a:lnTo>
                  <a:lnTo>
                    <a:pt x="7952232" y="25907"/>
                  </a:lnTo>
                  <a:lnTo>
                    <a:pt x="7950112" y="16073"/>
                  </a:lnTo>
                  <a:lnTo>
                    <a:pt x="7944421" y="7810"/>
                  </a:lnTo>
                  <a:lnTo>
                    <a:pt x="7936158" y="2119"/>
                  </a:lnTo>
                  <a:lnTo>
                    <a:pt x="7926324" y="0"/>
                  </a:lnTo>
                  <a:close/>
                </a:path>
              </a:pathLst>
            </a:custGeom>
            <a:solidFill>
              <a:srgbClr val="FDE9DA"/>
            </a:solidFill>
          </p:spPr>
          <p:txBody>
            <a:bodyPr wrap="square" lIns="0" tIns="0" rIns="0" bIns="0" rtlCol="0"/>
            <a:lstStyle/>
            <a:p>
              <a:endParaRPr sz="1749"/>
            </a:p>
          </p:txBody>
        </p:sp>
        <p:sp>
          <p:nvSpPr>
            <p:cNvPr id="80" name="object 80"/>
            <p:cNvSpPr/>
            <p:nvPr/>
          </p:nvSpPr>
          <p:spPr>
            <a:xfrm>
              <a:off x="989075" y="5710428"/>
              <a:ext cx="7952740" cy="325120"/>
            </a:xfrm>
            <a:custGeom>
              <a:avLst/>
              <a:gdLst/>
              <a:ahLst/>
              <a:cxnLst/>
              <a:rect l="l" t="t" r="r" b="b"/>
              <a:pathLst>
                <a:path w="7952740" h="325120">
                  <a:moveTo>
                    <a:pt x="0" y="25907"/>
                  </a:moveTo>
                  <a:lnTo>
                    <a:pt x="2119" y="16073"/>
                  </a:lnTo>
                  <a:lnTo>
                    <a:pt x="7810" y="7810"/>
                  </a:lnTo>
                  <a:lnTo>
                    <a:pt x="16073" y="2119"/>
                  </a:lnTo>
                  <a:lnTo>
                    <a:pt x="25908" y="0"/>
                  </a:lnTo>
                  <a:lnTo>
                    <a:pt x="7926324" y="0"/>
                  </a:lnTo>
                  <a:lnTo>
                    <a:pt x="7936158" y="2119"/>
                  </a:lnTo>
                  <a:lnTo>
                    <a:pt x="7944421" y="7810"/>
                  </a:lnTo>
                  <a:lnTo>
                    <a:pt x="7950112" y="16073"/>
                  </a:lnTo>
                  <a:lnTo>
                    <a:pt x="7952232" y="25907"/>
                  </a:lnTo>
                  <a:lnTo>
                    <a:pt x="7952232" y="298703"/>
                  </a:lnTo>
                  <a:lnTo>
                    <a:pt x="7950112" y="308538"/>
                  </a:lnTo>
                  <a:lnTo>
                    <a:pt x="7944421" y="316801"/>
                  </a:lnTo>
                  <a:lnTo>
                    <a:pt x="7936158" y="322492"/>
                  </a:lnTo>
                  <a:lnTo>
                    <a:pt x="7926324" y="324611"/>
                  </a:lnTo>
                  <a:lnTo>
                    <a:pt x="25908" y="324611"/>
                  </a:lnTo>
                  <a:lnTo>
                    <a:pt x="16073" y="322492"/>
                  </a:lnTo>
                  <a:lnTo>
                    <a:pt x="7810" y="316801"/>
                  </a:lnTo>
                  <a:lnTo>
                    <a:pt x="2119" y="308538"/>
                  </a:lnTo>
                  <a:lnTo>
                    <a:pt x="0" y="298703"/>
                  </a:lnTo>
                  <a:lnTo>
                    <a:pt x="0" y="25907"/>
                  </a:lnTo>
                  <a:close/>
                </a:path>
              </a:pathLst>
            </a:custGeom>
            <a:ln w="12192">
              <a:solidFill>
                <a:srgbClr val="000000"/>
              </a:solidFill>
            </a:ln>
          </p:spPr>
          <p:txBody>
            <a:bodyPr wrap="square" lIns="0" tIns="0" rIns="0" bIns="0" rtlCol="0"/>
            <a:lstStyle/>
            <a:p>
              <a:endParaRPr sz="1749"/>
            </a:p>
          </p:txBody>
        </p:sp>
        <p:sp>
          <p:nvSpPr>
            <p:cNvPr id="81" name="object 81"/>
            <p:cNvSpPr/>
            <p:nvPr/>
          </p:nvSpPr>
          <p:spPr>
            <a:xfrm>
              <a:off x="3194303" y="5864352"/>
              <a:ext cx="4227830" cy="144780"/>
            </a:xfrm>
            <a:custGeom>
              <a:avLst/>
              <a:gdLst/>
              <a:ahLst/>
              <a:cxnLst/>
              <a:rect l="l" t="t" r="r" b="b"/>
              <a:pathLst>
                <a:path w="4227830" h="144779">
                  <a:moveTo>
                    <a:pt x="4227576" y="0"/>
                  </a:moveTo>
                  <a:lnTo>
                    <a:pt x="0" y="0"/>
                  </a:lnTo>
                  <a:lnTo>
                    <a:pt x="0" y="144779"/>
                  </a:lnTo>
                  <a:lnTo>
                    <a:pt x="4227576" y="144779"/>
                  </a:lnTo>
                  <a:lnTo>
                    <a:pt x="4227576" y="0"/>
                  </a:lnTo>
                  <a:close/>
                </a:path>
              </a:pathLst>
            </a:custGeom>
            <a:solidFill>
              <a:srgbClr val="E6B8B8"/>
            </a:solidFill>
          </p:spPr>
          <p:txBody>
            <a:bodyPr wrap="square" lIns="0" tIns="0" rIns="0" bIns="0" rtlCol="0"/>
            <a:lstStyle/>
            <a:p>
              <a:endParaRPr sz="1749"/>
            </a:p>
          </p:txBody>
        </p:sp>
      </p:grpSp>
      <p:sp>
        <p:nvSpPr>
          <p:cNvPr id="82" name="object 82"/>
          <p:cNvSpPr txBox="1"/>
          <p:nvPr/>
        </p:nvSpPr>
        <p:spPr>
          <a:xfrm>
            <a:off x="2435215" y="5066340"/>
            <a:ext cx="3653799" cy="281105"/>
          </a:xfrm>
          <a:prstGeom prst="rect">
            <a:avLst/>
          </a:prstGeom>
        </p:spPr>
        <p:txBody>
          <a:bodyPr vert="horz" wrap="square" lIns="0" tIns="10860" rIns="0" bIns="0" rtlCol="0">
            <a:spAutoFit/>
          </a:bodyPr>
          <a:lstStyle/>
          <a:p>
            <a:pPr marL="10860">
              <a:lnSpc>
                <a:spcPts val="1069"/>
              </a:lnSpc>
              <a:spcBef>
                <a:spcPts val="86"/>
              </a:spcBef>
              <a:tabLst>
                <a:tab pos="1476385" algn="l"/>
                <a:tab pos="1771228" algn="l"/>
              </a:tabLst>
            </a:pPr>
            <a:r>
              <a:rPr sz="941" dirty="0">
                <a:latin typeface="Meiryo UI"/>
                <a:cs typeface="Meiryo UI"/>
              </a:rPr>
              <a:t>［第</a:t>
            </a:r>
            <a:r>
              <a:rPr sz="941" spc="-17" dirty="0">
                <a:latin typeface="Meiryo UI"/>
                <a:cs typeface="Meiryo UI"/>
              </a:rPr>
              <a:t>9</a:t>
            </a:r>
            <a:r>
              <a:rPr sz="941" dirty="0">
                <a:latin typeface="Meiryo UI"/>
                <a:cs typeface="Meiryo UI"/>
              </a:rPr>
              <a:t>回］計画検討</a:t>
            </a:r>
            <a:r>
              <a:rPr sz="941" spc="-43" dirty="0">
                <a:latin typeface="Meiryo UI"/>
                <a:cs typeface="Meiryo UI"/>
              </a:rPr>
              <a:t>会</a:t>
            </a:r>
            <a:r>
              <a:rPr sz="941" dirty="0">
                <a:latin typeface="Meiryo UI"/>
                <a:cs typeface="Meiryo UI"/>
              </a:rPr>
              <a:t>	</a:t>
            </a:r>
            <a:r>
              <a:rPr sz="941" spc="-43" dirty="0">
                <a:latin typeface="Meiryo UI"/>
                <a:cs typeface="Meiryo UI"/>
              </a:rPr>
              <a:t>・</a:t>
            </a:r>
            <a:r>
              <a:rPr sz="941" dirty="0">
                <a:latin typeface="Meiryo UI"/>
                <a:cs typeface="Meiryo UI"/>
              </a:rPr>
              <a:t>	［第</a:t>
            </a:r>
            <a:r>
              <a:rPr sz="941" spc="-17" dirty="0">
                <a:latin typeface="Meiryo UI"/>
                <a:cs typeface="Meiryo UI"/>
              </a:rPr>
              <a:t>8</a:t>
            </a:r>
            <a:r>
              <a:rPr sz="941" dirty="0">
                <a:latin typeface="Meiryo UI"/>
                <a:cs typeface="Meiryo UI"/>
              </a:rPr>
              <a:t>回］実施検討会（同</a:t>
            </a:r>
            <a:r>
              <a:rPr sz="941" spc="-13" dirty="0">
                <a:latin typeface="Meiryo UI"/>
                <a:cs typeface="Meiryo UI"/>
              </a:rPr>
              <a:t>時</a:t>
            </a:r>
            <a:r>
              <a:rPr sz="941" dirty="0">
                <a:latin typeface="Meiryo UI"/>
                <a:cs typeface="Meiryo UI"/>
              </a:rPr>
              <a:t>開催</a:t>
            </a:r>
            <a:r>
              <a:rPr sz="941" spc="-43" dirty="0">
                <a:latin typeface="Meiryo UI"/>
                <a:cs typeface="Meiryo UI"/>
              </a:rPr>
              <a:t>）</a:t>
            </a:r>
            <a:endParaRPr sz="941">
              <a:latin typeface="Meiryo UI"/>
              <a:cs typeface="Meiryo UI"/>
            </a:endParaRPr>
          </a:p>
          <a:p>
            <a:pPr marL="358372">
              <a:lnSpc>
                <a:spcPts val="966"/>
              </a:lnSpc>
            </a:pPr>
            <a:r>
              <a:rPr sz="855" spc="-13" dirty="0">
                <a:latin typeface="Meiryo UI"/>
                <a:cs typeface="Meiryo UI"/>
              </a:rPr>
              <a:t>【モデル地域】 計画づくり・実施方針への助言 等</a:t>
            </a:r>
            <a:endParaRPr sz="855">
              <a:latin typeface="Meiryo UI"/>
              <a:cs typeface="Meiryo UI"/>
            </a:endParaRPr>
          </a:p>
        </p:txBody>
      </p:sp>
      <p:grpSp>
        <p:nvGrpSpPr>
          <p:cNvPr id="83" name="object 83"/>
          <p:cNvGrpSpPr/>
          <p:nvPr/>
        </p:nvGrpSpPr>
        <p:grpSpPr>
          <a:xfrm>
            <a:off x="844244" y="4775948"/>
            <a:ext cx="3301397" cy="287243"/>
            <a:chOff x="987297" y="5356605"/>
            <a:chExt cx="3860800" cy="335915"/>
          </a:xfrm>
        </p:grpSpPr>
        <p:sp>
          <p:nvSpPr>
            <p:cNvPr id="84" name="object 84"/>
            <p:cNvSpPr/>
            <p:nvPr/>
          </p:nvSpPr>
          <p:spPr>
            <a:xfrm>
              <a:off x="993647" y="5362955"/>
              <a:ext cx="3848100" cy="323215"/>
            </a:xfrm>
            <a:custGeom>
              <a:avLst/>
              <a:gdLst/>
              <a:ahLst/>
              <a:cxnLst/>
              <a:rect l="l" t="t" r="r" b="b"/>
              <a:pathLst>
                <a:path w="3848100" h="323214">
                  <a:moveTo>
                    <a:pt x="3819143" y="0"/>
                  </a:moveTo>
                  <a:lnTo>
                    <a:pt x="27432" y="0"/>
                  </a:lnTo>
                  <a:lnTo>
                    <a:pt x="16716" y="2166"/>
                  </a:lnTo>
                  <a:lnTo>
                    <a:pt x="8001" y="8191"/>
                  </a:lnTo>
                  <a:lnTo>
                    <a:pt x="2143" y="17359"/>
                  </a:lnTo>
                  <a:lnTo>
                    <a:pt x="0" y="28955"/>
                  </a:lnTo>
                  <a:lnTo>
                    <a:pt x="0" y="295655"/>
                  </a:lnTo>
                  <a:lnTo>
                    <a:pt x="2143" y="306371"/>
                  </a:lnTo>
                  <a:lnTo>
                    <a:pt x="8001" y="315086"/>
                  </a:lnTo>
                  <a:lnTo>
                    <a:pt x="16716" y="320944"/>
                  </a:lnTo>
                  <a:lnTo>
                    <a:pt x="27432" y="323087"/>
                  </a:lnTo>
                  <a:lnTo>
                    <a:pt x="3819143" y="323087"/>
                  </a:lnTo>
                  <a:lnTo>
                    <a:pt x="3830097" y="320944"/>
                  </a:lnTo>
                  <a:lnTo>
                    <a:pt x="3839337" y="315086"/>
                  </a:lnTo>
                  <a:lnTo>
                    <a:pt x="3845718" y="306371"/>
                  </a:lnTo>
                  <a:lnTo>
                    <a:pt x="3848100" y="295655"/>
                  </a:lnTo>
                  <a:lnTo>
                    <a:pt x="3848100" y="28955"/>
                  </a:lnTo>
                  <a:lnTo>
                    <a:pt x="3845718" y="17359"/>
                  </a:lnTo>
                  <a:lnTo>
                    <a:pt x="3839337" y="8191"/>
                  </a:lnTo>
                  <a:lnTo>
                    <a:pt x="3830097" y="2166"/>
                  </a:lnTo>
                  <a:lnTo>
                    <a:pt x="3819143" y="0"/>
                  </a:lnTo>
                  <a:close/>
                </a:path>
              </a:pathLst>
            </a:custGeom>
            <a:solidFill>
              <a:srgbClr val="EBF0DD"/>
            </a:solidFill>
          </p:spPr>
          <p:txBody>
            <a:bodyPr wrap="square" lIns="0" tIns="0" rIns="0" bIns="0" rtlCol="0"/>
            <a:lstStyle/>
            <a:p>
              <a:endParaRPr sz="1749"/>
            </a:p>
          </p:txBody>
        </p:sp>
        <p:sp>
          <p:nvSpPr>
            <p:cNvPr id="85" name="object 85"/>
            <p:cNvSpPr/>
            <p:nvPr/>
          </p:nvSpPr>
          <p:spPr>
            <a:xfrm>
              <a:off x="993647" y="5362955"/>
              <a:ext cx="3848100" cy="323215"/>
            </a:xfrm>
            <a:custGeom>
              <a:avLst/>
              <a:gdLst/>
              <a:ahLst/>
              <a:cxnLst/>
              <a:rect l="l" t="t" r="r" b="b"/>
              <a:pathLst>
                <a:path w="3848100" h="323214">
                  <a:moveTo>
                    <a:pt x="0" y="28955"/>
                  </a:moveTo>
                  <a:lnTo>
                    <a:pt x="2143" y="17359"/>
                  </a:lnTo>
                  <a:lnTo>
                    <a:pt x="8001" y="8191"/>
                  </a:lnTo>
                  <a:lnTo>
                    <a:pt x="16716" y="2166"/>
                  </a:lnTo>
                  <a:lnTo>
                    <a:pt x="27432" y="0"/>
                  </a:lnTo>
                  <a:lnTo>
                    <a:pt x="3819143" y="0"/>
                  </a:lnTo>
                  <a:lnTo>
                    <a:pt x="3830097" y="2166"/>
                  </a:lnTo>
                  <a:lnTo>
                    <a:pt x="3839337" y="8191"/>
                  </a:lnTo>
                  <a:lnTo>
                    <a:pt x="3845718" y="17359"/>
                  </a:lnTo>
                  <a:lnTo>
                    <a:pt x="3848100" y="28955"/>
                  </a:lnTo>
                  <a:lnTo>
                    <a:pt x="3848100" y="295655"/>
                  </a:lnTo>
                  <a:lnTo>
                    <a:pt x="3845718" y="306371"/>
                  </a:lnTo>
                  <a:lnTo>
                    <a:pt x="3839337" y="315086"/>
                  </a:lnTo>
                  <a:lnTo>
                    <a:pt x="3830097" y="320944"/>
                  </a:lnTo>
                  <a:lnTo>
                    <a:pt x="3819143" y="323087"/>
                  </a:lnTo>
                  <a:lnTo>
                    <a:pt x="27432" y="323087"/>
                  </a:lnTo>
                  <a:lnTo>
                    <a:pt x="16716" y="320944"/>
                  </a:lnTo>
                  <a:lnTo>
                    <a:pt x="8001" y="315086"/>
                  </a:lnTo>
                  <a:lnTo>
                    <a:pt x="2143" y="306371"/>
                  </a:lnTo>
                  <a:lnTo>
                    <a:pt x="0" y="295655"/>
                  </a:lnTo>
                  <a:lnTo>
                    <a:pt x="0" y="28955"/>
                  </a:lnTo>
                  <a:close/>
                </a:path>
              </a:pathLst>
            </a:custGeom>
            <a:ln w="12192">
              <a:solidFill>
                <a:srgbClr val="000000"/>
              </a:solidFill>
            </a:ln>
          </p:spPr>
          <p:txBody>
            <a:bodyPr wrap="square" lIns="0" tIns="0" rIns="0" bIns="0" rtlCol="0"/>
            <a:lstStyle/>
            <a:p>
              <a:endParaRPr sz="1749"/>
            </a:p>
          </p:txBody>
        </p:sp>
      </p:grpSp>
      <p:sp>
        <p:nvSpPr>
          <p:cNvPr id="86" name="object 86"/>
          <p:cNvSpPr txBox="1"/>
          <p:nvPr/>
        </p:nvSpPr>
        <p:spPr>
          <a:xfrm>
            <a:off x="1923063" y="4765305"/>
            <a:ext cx="1175037" cy="155749"/>
          </a:xfrm>
          <a:prstGeom prst="rect">
            <a:avLst/>
          </a:prstGeom>
        </p:spPr>
        <p:txBody>
          <a:bodyPr vert="horz" wrap="square" lIns="0" tIns="10860" rIns="0" bIns="0" rtlCol="0">
            <a:spAutoFit/>
          </a:bodyPr>
          <a:lstStyle/>
          <a:p>
            <a:pPr marL="10860">
              <a:spcBef>
                <a:spcPts val="86"/>
              </a:spcBef>
            </a:pPr>
            <a:r>
              <a:rPr sz="941" dirty="0">
                <a:latin typeface="Meiryo UI"/>
                <a:cs typeface="Meiryo UI"/>
              </a:rPr>
              <a:t>［第</a:t>
            </a:r>
            <a:r>
              <a:rPr sz="941" spc="-17" dirty="0">
                <a:latin typeface="Meiryo UI"/>
                <a:cs typeface="Meiryo UI"/>
              </a:rPr>
              <a:t>8</a:t>
            </a:r>
            <a:r>
              <a:rPr sz="941" dirty="0">
                <a:latin typeface="Meiryo UI"/>
                <a:cs typeface="Meiryo UI"/>
              </a:rPr>
              <a:t>回］</a:t>
            </a:r>
            <a:r>
              <a:rPr sz="941" spc="-9" dirty="0">
                <a:latin typeface="Meiryo UI"/>
                <a:cs typeface="Meiryo UI"/>
              </a:rPr>
              <a:t>計画検討会</a:t>
            </a:r>
            <a:endParaRPr sz="941">
              <a:latin typeface="Meiryo UI"/>
              <a:cs typeface="Meiryo UI"/>
            </a:endParaRPr>
          </a:p>
        </p:txBody>
      </p:sp>
      <p:sp>
        <p:nvSpPr>
          <p:cNvPr id="87" name="object 87"/>
          <p:cNvSpPr txBox="1"/>
          <p:nvPr/>
        </p:nvSpPr>
        <p:spPr>
          <a:xfrm>
            <a:off x="957838" y="4916909"/>
            <a:ext cx="3091258" cy="257315"/>
          </a:xfrm>
          <a:prstGeom prst="rect">
            <a:avLst/>
          </a:prstGeom>
          <a:solidFill>
            <a:srgbClr val="C3D69A"/>
          </a:solidFill>
        </p:spPr>
        <p:txBody>
          <a:bodyPr vert="horz" wrap="square" lIns="0" tIns="0" rIns="0" bIns="0" rtlCol="0">
            <a:spAutoFit/>
          </a:bodyPr>
          <a:lstStyle/>
          <a:p>
            <a:pPr marL="60815">
              <a:lnSpc>
                <a:spcPts val="966"/>
              </a:lnSpc>
            </a:pPr>
            <a:r>
              <a:rPr sz="855" spc="-13" dirty="0">
                <a:latin typeface="Meiryo UI"/>
                <a:cs typeface="Meiryo UI"/>
              </a:rPr>
              <a:t>【手引き等】 中間とりまとめ案の議論(群マネ検討の手引き(仮)) 等</a:t>
            </a:r>
            <a:endParaRPr sz="855">
              <a:latin typeface="Meiryo UI"/>
              <a:cs typeface="Meiryo UI"/>
            </a:endParaRPr>
          </a:p>
        </p:txBody>
      </p:sp>
      <p:grpSp>
        <p:nvGrpSpPr>
          <p:cNvPr id="88" name="object 88"/>
          <p:cNvGrpSpPr/>
          <p:nvPr/>
        </p:nvGrpSpPr>
        <p:grpSpPr>
          <a:xfrm>
            <a:off x="4369355" y="4775948"/>
            <a:ext cx="3355153" cy="287243"/>
            <a:chOff x="5109717" y="5356605"/>
            <a:chExt cx="3923665" cy="335915"/>
          </a:xfrm>
        </p:grpSpPr>
        <p:sp>
          <p:nvSpPr>
            <p:cNvPr id="89" name="object 89"/>
            <p:cNvSpPr/>
            <p:nvPr/>
          </p:nvSpPr>
          <p:spPr>
            <a:xfrm>
              <a:off x="5116067" y="5362955"/>
              <a:ext cx="3910965" cy="323215"/>
            </a:xfrm>
            <a:custGeom>
              <a:avLst/>
              <a:gdLst/>
              <a:ahLst/>
              <a:cxnLst/>
              <a:rect l="l" t="t" r="r" b="b"/>
              <a:pathLst>
                <a:path w="3910965" h="323214">
                  <a:moveTo>
                    <a:pt x="3881628" y="0"/>
                  </a:moveTo>
                  <a:lnTo>
                    <a:pt x="28956" y="0"/>
                  </a:lnTo>
                  <a:lnTo>
                    <a:pt x="17359" y="2166"/>
                  </a:lnTo>
                  <a:lnTo>
                    <a:pt x="8191" y="8191"/>
                  </a:lnTo>
                  <a:lnTo>
                    <a:pt x="2166" y="17359"/>
                  </a:lnTo>
                  <a:lnTo>
                    <a:pt x="0" y="28955"/>
                  </a:lnTo>
                  <a:lnTo>
                    <a:pt x="0" y="295655"/>
                  </a:lnTo>
                  <a:lnTo>
                    <a:pt x="2166" y="306371"/>
                  </a:lnTo>
                  <a:lnTo>
                    <a:pt x="8191" y="315086"/>
                  </a:lnTo>
                  <a:lnTo>
                    <a:pt x="17359" y="320944"/>
                  </a:lnTo>
                  <a:lnTo>
                    <a:pt x="28956" y="323087"/>
                  </a:lnTo>
                  <a:lnTo>
                    <a:pt x="3881628" y="323087"/>
                  </a:lnTo>
                  <a:lnTo>
                    <a:pt x="3893224" y="320944"/>
                  </a:lnTo>
                  <a:lnTo>
                    <a:pt x="3902392" y="315086"/>
                  </a:lnTo>
                  <a:lnTo>
                    <a:pt x="3908417" y="306371"/>
                  </a:lnTo>
                  <a:lnTo>
                    <a:pt x="3910584" y="295655"/>
                  </a:lnTo>
                  <a:lnTo>
                    <a:pt x="3910584" y="28955"/>
                  </a:lnTo>
                  <a:lnTo>
                    <a:pt x="3908417" y="17359"/>
                  </a:lnTo>
                  <a:lnTo>
                    <a:pt x="3902392" y="8191"/>
                  </a:lnTo>
                  <a:lnTo>
                    <a:pt x="3893224" y="2166"/>
                  </a:lnTo>
                  <a:lnTo>
                    <a:pt x="3881628" y="0"/>
                  </a:lnTo>
                  <a:close/>
                </a:path>
              </a:pathLst>
            </a:custGeom>
            <a:solidFill>
              <a:srgbClr val="DBEDF4"/>
            </a:solidFill>
          </p:spPr>
          <p:txBody>
            <a:bodyPr wrap="square" lIns="0" tIns="0" rIns="0" bIns="0" rtlCol="0"/>
            <a:lstStyle/>
            <a:p>
              <a:endParaRPr sz="1749"/>
            </a:p>
          </p:txBody>
        </p:sp>
        <p:sp>
          <p:nvSpPr>
            <p:cNvPr id="90" name="object 90"/>
            <p:cNvSpPr/>
            <p:nvPr/>
          </p:nvSpPr>
          <p:spPr>
            <a:xfrm>
              <a:off x="5116067" y="5362955"/>
              <a:ext cx="3910965" cy="323215"/>
            </a:xfrm>
            <a:custGeom>
              <a:avLst/>
              <a:gdLst/>
              <a:ahLst/>
              <a:cxnLst/>
              <a:rect l="l" t="t" r="r" b="b"/>
              <a:pathLst>
                <a:path w="3910965" h="323214">
                  <a:moveTo>
                    <a:pt x="0" y="28955"/>
                  </a:moveTo>
                  <a:lnTo>
                    <a:pt x="2166" y="17359"/>
                  </a:lnTo>
                  <a:lnTo>
                    <a:pt x="8191" y="8191"/>
                  </a:lnTo>
                  <a:lnTo>
                    <a:pt x="17359" y="2166"/>
                  </a:lnTo>
                  <a:lnTo>
                    <a:pt x="28956" y="0"/>
                  </a:lnTo>
                  <a:lnTo>
                    <a:pt x="3881628" y="0"/>
                  </a:lnTo>
                  <a:lnTo>
                    <a:pt x="3893224" y="2166"/>
                  </a:lnTo>
                  <a:lnTo>
                    <a:pt x="3902392" y="8191"/>
                  </a:lnTo>
                  <a:lnTo>
                    <a:pt x="3908417" y="17359"/>
                  </a:lnTo>
                  <a:lnTo>
                    <a:pt x="3910584" y="28955"/>
                  </a:lnTo>
                  <a:lnTo>
                    <a:pt x="3910584" y="295655"/>
                  </a:lnTo>
                  <a:lnTo>
                    <a:pt x="3908417" y="306371"/>
                  </a:lnTo>
                  <a:lnTo>
                    <a:pt x="3902392" y="315086"/>
                  </a:lnTo>
                  <a:lnTo>
                    <a:pt x="3893224" y="320944"/>
                  </a:lnTo>
                  <a:lnTo>
                    <a:pt x="3881628" y="323087"/>
                  </a:lnTo>
                  <a:lnTo>
                    <a:pt x="28956" y="323087"/>
                  </a:lnTo>
                  <a:lnTo>
                    <a:pt x="17359" y="320944"/>
                  </a:lnTo>
                  <a:lnTo>
                    <a:pt x="8191" y="315086"/>
                  </a:lnTo>
                  <a:lnTo>
                    <a:pt x="2166" y="306371"/>
                  </a:lnTo>
                  <a:lnTo>
                    <a:pt x="0" y="295655"/>
                  </a:lnTo>
                  <a:lnTo>
                    <a:pt x="0" y="28955"/>
                  </a:lnTo>
                  <a:close/>
                </a:path>
              </a:pathLst>
            </a:custGeom>
            <a:ln w="12192">
              <a:solidFill>
                <a:srgbClr val="000000"/>
              </a:solidFill>
            </a:ln>
          </p:spPr>
          <p:txBody>
            <a:bodyPr wrap="square" lIns="0" tIns="0" rIns="0" bIns="0" rtlCol="0"/>
            <a:lstStyle/>
            <a:p>
              <a:endParaRPr sz="1749"/>
            </a:p>
          </p:txBody>
        </p:sp>
      </p:grpSp>
      <p:sp>
        <p:nvSpPr>
          <p:cNvPr id="91" name="object 91"/>
          <p:cNvSpPr txBox="1"/>
          <p:nvPr/>
        </p:nvSpPr>
        <p:spPr>
          <a:xfrm>
            <a:off x="5355648" y="4765305"/>
            <a:ext cx="1415039" cy="155749"/>
          </a:xfrm>
          <a:prstGeom prst="rect">
            <a:avLst/>
          </a:prstGeom>
        </p:spPr>
        <p:txBody>
          <a:bodyPr vert="horz" wrap="square" lIns="0" tIns="10860" rIns="0" bIns="0" rtlCol="0">
            <a:spAutoFit/>
          </a:bodyPr>
          <a:lstStyle/>
          <a:p>
            <a:pPr marL="10860">
              <a:spcBef>
                <a:spcPts val="86"/>
              </a:spcBef>
            </a:pPr>
            <a:r>
              <a:rPr sz="941" dirty="0">
                <a:latin typeface="Meiryo UI"/>
                <a:cs typeface="Meiryo UI"/>
              </a:rPr>
              <a:t>［第</a:t>
            </a:r>
            <a:r>
              <a:rPr sz="941" spc="-17" dirty="0">
                <a:latin typeface="Meiryo UI"/>
                <a:cs typeface="Meiryo UI"/>
              </a:rPr>
              <a:t>7</a:t>
            </a:r>
            <a:r>
              <a:rPr sz="941" dirty="0">
                <a:latin typeface="Meiryo UI"/>
                <a:cs typeface="Meiryo UI"/>
              </a:rPr>
              <a:t>回］</a:t>
            </a:r>
            <a:r>
              <a:rPr sz="941" spc="-9" dirty="0">
                <a:latin typeface="Meiryo UI"/>
                <a:cs typeface="Meiryo UI"/>
              </a:rPr>
              <a:t>実施計画検討会</a:t>
            </a:r>
            <a:endParaRPr sz="941">
              <a:latin typeface="Meiryo UI"/>
              <a:cs typeface="Meiryo UI"/>
            </a:endParaRPr>
          </a:p>
        </p:txBody>
      </p:sp>
      <p:sp>
        <p:nvSpPr>
          <p:cNvPr id="92" name="object 92"/>
          <p:cNvSpPr txBox="1"/>
          <p:nvPr/>
        </p:nvSpPr>
        <p:spPr>
          <a:xfrm>
            <a:off x="4462099" y="4916909"/>
            <a:ext cx="3162933" cy="129074"/>
          </a:xfrm>
          <a:prstGeom prst="rect">
            <a:avLst/>
          </a:prstGeom>
          <a:solidFill>
            <a:srgbClr val="95B3D6"/>
          </a:solidFill>
        </p:spPr>
        <p:txBody>
          <a:bodyPr vert="horz" wrap="square" lIns="0" tIns="0" rIns="0" bIns="0" rtlCol="0">
            <a:spAutoFit/>
          </a:bodyPr>
          <a:lstStyle/>
          <a:p>
            <a:pPr marL="60815">
              <a:lnSpc>
                <a:spcPts val="966"/>
              </a:lnSpc>
            </a:pPr>
            <a:r>
              <a:rPr sz="855" spc="-9" dirty="0">
                <a:latin typeface="Meiryo UI"/>
                <a:cs typeface="Meiryo UI"/>
              </a:rPr>
              <a:t>【手引き等】 中間とりまとめ案の議論（包括手引き等</a:t>
            </a:r>
            <a:r>
              <a:rPr sz="855" dirty="0">
                <a:latin typeface="Meiryo UI"/>
                <a:cs typeface="Meiryo UI"/>
              </a:rPr>
              <a:t>）</a:t>
            </a:r>
            <a:r>
              <a:rPr sz="855" spc="-4" dirty="0">
                <a:latin typeface="Meiryo UI"/>
                <a:cs typeface="Meiryo UI"/>
              </a:rPr>
              <a:t> 等</a:t>
            </a:r>
            <a:endParaRPr sz="855">
              <a:latin typeface="Meiryo UI"/>
              <a:cs typeface="Meiryo UI"/>
            </a:endParaRPr>
          </a:p>
        </p:txBody>
      </p:sp>
      <p:grpSp>
        <p:nvGrpSpPr>
          <p:cNvPr id="93" name="object 93"/>
          <p:cNvGrpSpPr/>
          <p:nvPr/>
        </p:nvGrpSpPr>
        <p:grpSpPr>
          <a:xfrm>
            <a:off x="2426526" y="725873"/>
            <a:ext cx="6338899" cy="4859786"/>
            <a:chOff x="2837688" y="620268"/>
            <a:chExt cx="7412990" cy="5683250"/>
          </a:xfrm>
        </p:grpSpPr>
        <p:sp>
          <p:nvSpPr>
            <p:cNvPr id="94" name="object 94"/>
            <p:cNvSpPr/>
            <p:nvPr/>
          </p:nvSpPr>
          <p:spPr>
            <a:xfrm>
              <a:off x="2837688" y="3195827"/>
              <a:ext cx="4642485" cy="3107690"/>
            </a:xfrm>
            <a:custGeom>
              <a:avLst/>
              <a:gdLst/>
              <a:ahLst/>
              <a:cxnLst/>
              <a:rect l="l" t="t" r="r" b="b"/>
              <a:pathLst>
                <a:path w="4642484" h="3107690">
                  <a:moveTo>
                    <a:pt x="464820" y="3044952"/>
                  </a:moveTo>
                  <a:lnTo>
                    <a:pt x="303276" y="3044952"/>
                  </a:lnTo>
                  <a:lnTo>
                    <a:pt x="303276" y="2891028"/>
                  </a:lnTo>
                  <a:lnTo>
                    <a:pt x="160020" y="2891028"/>
                  </a:lnTo>
                  <a:lnTo>
                    <a:pt x="160020" y="3044952"/>
                  </a:lnTo>
                  <a:lnTo>
                    <a:pt x="0" y="3044952"/>
                  </a:lnTo>
                  <a:lnTo>
                    <a:pt x="231648" y="3107448"/>
                  </a:lnTo>
                  <a:lnTo>
                    <a:pt x="464820" y="3044952"/>
                  </a:lnTo>
                  <a:close/>
                </a:path>
                <a:path w="4642484" h="3107690">
                  <a:moveTo>
                    <a:pt x="464820" y="2054352"/>
                  </a:moveTo>
                  <a:lnTo>
                    <a:pt x="303276" y="2054352"/>
                  </a:lnTo>
                  <a:lnTo>
                    <a:pt x="303276" y="1834896"/>
                  </a:lnTo>
                  <a:lnTo>
                    <a:pt x="160020" y="1834896"/>
                  </a:lnTo>
                  <a:lnTo>
                    <a:pt x="160020" y="2054352"/>
                  </a:lnTo>
                  <a:lnTo>
                    <a:pt x="0" y="2054352"/>
                  </a:lnTo>
                  <a:lnTo>
                    <a:pt x="231648" y="2142744"/>
                  </a:lnTo>
                  <a:lnTo>
                    <a:pt x="464820" y="2054352"/>
                  </a:lnTo>
                  <a:close/>
                </a:path>
                <a:path w="4642484" h="3107690">
                  <a:moveTo>
                    <a:pt x="464820" y="231648"/>
                  </a:moveTo>
                  <a:lnTo>
                    <a:pt x="303276" y="231648"/>
                  </a:lnTo>
                  <a:lnTo>
                    <a:pt x="303276" y="0"/>
                  </a:lnTo>
                  <a:lnTo>
                    <a:pt x="160020" y="0"/>
                  </a:lnTo>
                  <a:lnTo>
                    <a:pt x="160020" y="231648"/>
                  </a:lnTo>
                  <a:lnTo>
                    <a:pt x="0" y="231648"/>
                  </a:lnTo>
                  <a:lnTo>
                    <a:pt x="231648" y="324612"/>
                  </a:lnTo>
                  <a:lnTo>
                    <a:pt x="464820" y="231648"/>
                  </a:lnTo>
                  <a:close/>
                </a:path>
                <a:path w="4642484" h="3107690">
                  <a:moveTo>
                    <a:pt x="469379" y="986028"/>
                  </a:moveTo>
                  <a:lnTo>
                    <a:pt x="309372" y="986028"/>
                  </a:lnTo>
                  <a:lnTo>
                    <a:pt x="309372" y="754380"/>
                  </a:lnTo>
                  <a:lnTo>
                    <a:pt x="166116" y="754380"/>
                  </a:lnTo>
                  <a:lnTo>
                    <a:pt x="166116" y="986028"/>
                  </a:lnTo>
                  <a:lnTo>
                    <a:pt x="6096" y="986028"/>
                  </a:lnTo>
                  <a:lnTo>
                    <a:pt x="237744" y="1078992"/>
                  </a:lnTo>
                  <a:lnTo>
                    <a:pt x="469379" y="986028"/>
                  </a:lnTo>
                  <a:close/>
                </a:path>
                <a:path w="4642484" h="3107690">
                  <a:moveTo>
                    <a:pt x="4636008" y="3044952"/>
                  </a:moveTo>
                  <a:lnTo>
                    <a:pt x="4475988" y="3044952"/>
                  </a:lnTo>
                  <a:lnTo>
                    <a:pt x="4475988" y="2891028"/>
                  </a:lnTo>
                  <a:lnTo>
                    <a:pt x="4332732" y="2891028"/>
                  </a:lnTo>
                  <a:lnTo>
                    <a:pt x="4332732" y="3044952"/>
                  </a:lnTo>
                  <a:lnTo>
                    <a:pt x="4171188" y="3044952"/>
                  </a:lnTo>
                  <a:lnTo>
                    <a:pt x="4404360" y="3107448"/>
                  </a:lnTo>
                  <a:lnTo>
                    <a:pt x="4636008" y="3044952"/>
                  </a:lnTo>
                  <a:close/>
                </a:path>
                <a:path w="4642484" h="3107690">
                  <a:moveTo>
                    <a:pt x="4636008" y="2054352"/>
                  </a:moveTo>
                  <a:lnTo>
                    <a:pt x="4475988" y="2054352"/>
                  </a:lnTo>
                  <a:lnTo>
                    <a:pt x="4475988" y="1834896"/>
                  </a:lnTo>
                  <a:lnTo>
                    <a:pt x="4332732" y="1834896"/>
                  </a:lnTo>
                  <a:lnTo>
                    <a:pt x="4332732" y="2054352"/>
                  </a:lnTo>
                  <a:lnTo>
                    <a:pt x="4171188" y="2054352"/>
                  </a:lnTo>
                  <a:lnTo>
                    <a:pt x="4404360" y="2142744"/>
                  </a:lnTo>
                  <a:lnTo>
                    <a:pt x="4636008" y="2054352"/>
                  </a:lnTo>
                  <a:close/>
                </a:path>
                <a:path w="4642484" h="3107690">
                  <a:moveTo>
                    <a:pt x="4636008" y="231648"/>
                  </a:moveTo>
                  <a:lnTo>
                    <a:pt x="4475988" y="231648"/>
                  </a:lnTo>
                  <a:lnTo>
                    <a:pt x="4475988" y="0"/>
                  </a:lnTo>
                  <a:lnTo>
                    <a:pt x="4332732" y="0"/>
                  </a:lnTo>
                  <a:lnTo>
                    <a:pt x="4332732" y="231648"/>
                  </a:lnTo>
                  <a:lnTo>
                    <a:pt x="4171188" y="231648"/>
                  </a:lnTo>
                  <a:lnTo>
                    <a:pt x="4404360" y="324612"/>
                  </a:lnTo>
                  <a:lnTo>
                    <a:pt x="4636008" y="231648"/>
                  </a:lnTo>
                  <a:close/>
                </a:path>
                <a:path w="4642484" h="3107690">
                  <a:moveTo>
                    <a:pt x="4642104" y="986028"/>
                  </a:moveTo>
                  <a:lnTo>
                    <a:pt x="4480560" y="986028"/>
                  </a:lnTo>
                  <a:lnTo>
                    <a:pt x="4480560" y="754380"/>
                  </a:lnTo>
                  <a:lnTo>
                    <a:pt x="4337304" y="754380"/>
                  </a:lnTo>
                  <a:lnTo>
                    <a:pt x="4337304" y="986028"/>
                  </a:lnTo>
                  <a:lnTo>
                    <a:pt x="4177284" y="986028"/>
                  </a:lnTo>
                  <a:lnTo>
                    <a:pt x="4408932" y="1078992"/>
                  </a:lnTo>
                  <a:lnTo>
                    <a:pt x="4642104" y="986028"/>
                  </a:lnTo>
                  <a:close/>
                </a:path>
              </a:pathLst>
            </a:custGeom>
            <a:solidFill>
              <a:srgbClr val="595959"/>
            </a:solidFill>
          </p:spPr>
          <p:txBody>
            <a:bodyPr wrap="square" lIns="0" tIns="0" rIns="0" bIns="0" rtlCol="0"/>
            <a:lstStyle/>
            <a:p>
              <a:endParaRPr sz="1749"/>
            </a:p>
          </p:txBody>
        </p:sp>
        <p:sp>
          <p:nvSpPr>
            <p:cNvPr id="95" name="object 95"/>
            <p:cNvSpPr/>
            <p:nvPr/>
          </p:nvSpPr>
          <p:spPr>
            <a:xfrm>
              <a:off x="7722108" y="626364"/>
              <a:ext cx="2522220" cy="250190"/>
            </a:xfrm>
            <a:custGeom>
              <a:avLst/>
              <a:gdLst/>
              <a:ahLst/>
              <a:cxnLst/>
              <a:rect l="l" t="t" r="r" b="b"/>
              <a:pathLst>
                <a:path w="2522220" h="250190">
                  <a:moveTo>
                    <a:pt x="2522220" y="0"/>
                  </a:moveTo>
                  <a:lnTo>
                    <a:pt x="0" y="0"/>
                  </a:lnTo>
                  <a:lnTo>
                    <a:pt x="0" y="249935"/>
                  </a:lnTo>
                  <a:lnTo>
                    <a:pt x="2522220" y="249935"/>
                  </a:lnTo>
                  <a:lnTo>
                    <a:pt x="2522220" y="0"/>
                  </a:lnTo>
                  <a:close/>
                </a:path>
              </a:pathLst>
            </a:custGeom>
            <a:solidFill>
              <a:srgbClr val="FFFFFF"/>
            </a:solidFill>
          </p:spPr>
          <p:txBody>
            <a:bodyPr wrap="square" lIns="0" tIns="0" rIns="0" bIns="0" rtlCol="0"/>
            <a:lstStyle/>
            <a:p>
              <a:endParaRPr sz="1749"/>
            </a:p>
          </p:txBody>
        </p:sp>
        <p:sp>
          <p:nvSpPr>
            <p:cNvPr id="96" name="object 96"/>
            <p:cNvSpPr/>
            <p:nvPr/>
          </p:nvSpPr>
          <p:spPr>
            <a:xfrm>
              <a:off x="7722108" y="626364"/>
              <a:ext cx="2522220" cy="250190"/>
            </a:xfrm>
            <a:custGeom>
              <a:avLst/>
              <a:gdLst/>
              <a:ahLst/>
              <a:cxnLst/>
              <a:rect l="l" t="t" r="r" b="b"/>
              <a:pathLst>
                <a:path w="2522220" h="250190">
                  <a:moveTo>
                    <a:pt x="0" y="0"/>
                  </a:moveTo>
                  <a:lnTo>
                    <a:pt x="2522220" y="0"/>
                  </a:lnTo>
                  <a:lnTo>
                    <a:pt x="2522220" y="249936"/>
                  </a:lnTo>
                  <a:lnTo>
                    <a:pt x="0" y="249936"/>
                  </a:lnTo>
                  <a:lnTo>
                    <a:pt x="0" y="0"/>
                  </a:lnTo>
                  <a:close/>
                </a:path>
              </a:pathLst>
            </a:custGeom>
            <a:ln w="12192">
              <a:solidFill>
                <a:srgbClr val="000000"/>
              </a:solidFill>
            </a:ln>
          </p:spPr>
          <p:txBody>
            <a:bodyPr wrap="square" lIns="0" tIns="0" rIns="0" bIns="0" rtlCol="0"/>
            <a:lstStyle/>
            <a:p>
              <a:endParaRPr sz="1749"/>
            </a:p>
          </p:txBody>
        </p:sp>
      </p:grpSp>
      <p:sp>
        <p:nvSpPr>
          <p:cNvPr id="97" name="object 97"/>
          <p:cNvSpPr txBox="1"/>
          <p:nvPr/>
        </p:nvSpPr>
        <p:spPr>
          <a:xfrm>
            <a:off x="4017279" y="3219731"/>
            <a:ext cx="119458" cy="129460"/>
          </a:xfrm>
          <a:prstGeom prst="rect">
            <a:avLst/>
          </a:prstGeom>
        </p:spPr>
        <p:txBody>
          <a:bodyPr vert="horz" wrap="square" lIns="0" tIns="10860" rIns="0" bIns="0" rtlCol="0">
            <a:spAutoFit/>
          </a:bodyPr>
          <a:lstStyle/>
          <a:p>
            <a:pPr marL="10860">
              <a:spcBef>
                <a:spcPts val="86"/>
              </a:spcBef>
            </a:pPr>
            <a:r>
              <a:rPr sz="770" spc="-43" dirty="0">
                <a:latin typeface="Meiryo UI"/>
                <a:cs typeface="Meiryo UI"/>
              </a:rPr>
              <a:t>※</a:t>
            </a:r>
            <a:endParaRPr sz="770">
              <a:latin typeface="Meiryo UI"/>
              <a:cs typeface="Meiryo UI"/>
            </a:endParaRPr>
          </a:p>
        </p:txBody>
      </p:sp>
      <p:sp>
        <p:nvSpPr>
          <p:cNvPr id="98" name="object 98"/>
          <p:cNvSpPr txBox="1"/>
          <p:nvPr/>
        </p:nvSpPr>
        <p:spPr>
          <a:xfrm>
            <a:off x="7599728" y="3226246"/>
            <a:ext cx="119458" cy="129460"/>
          </a:xfrm>
          <a:prstGeom prst="rect">
            <a:avLst/>
          </a:prstGeom>
        </p:spPr>
        <p:txBody>
          <a:bodyPr vert="horz" wrap="square" lIns="0" tIns="10860" rIns="0" bIns="0" rtlCol="0">
            <a:spAutoFit/>
          </a:bodyPr>
          <a:lstStyle/>
          <a:p>
            <a:pPr marL="10860">
              <a:spcBef>
                <a:spcPts val="86"/>
              </a:spcBef>
            </a:pPr>
            <a:r>
              <a:rPr sz="770" spc="-43" dirty="0">
                <a:latin typeface="Meiryo UI"/>
                <a:cs typeface="Meiryo UI"/>
              </a:rPr>
              <a:t>※</a:t>
            </a:r>
            <a:endParaRPr sz="770">
              <a:latin typeface="Meiryo UI"/>
              <a:cs typeface="Meiryo UI"/>
            </a:endParaRPr>
          </a:p>
        </p:txBody>
      </p:sp>
      <p:sp>
        <p:nvSpPr>
          <p:cNvPr id="99" name="object 99"/>
          <p:cNvSpPr txBox="1"/>
          <p:nvPr/>
        </p:nvSpPr>
        <p:spPr>
          <a:xfrm>
            <a:off x="4023794" y="3872625"/>
            <a:ext cx="119458" cy="129460"/>
          </a:xfrm>
          <a:prstGeom prst="rect">
            <a:avLst/>
          </a:prstGeom>
        </p:spPr>
        <p:txBody>
          <a:bodyPr vert="horz" wrap="square" lIns="0" tIns="10860" rIns="0" bIns="0" rtlCol="0">
            <a:spAutoFit/>
          </a:bodyPr>
          <a:lstStyle/>
          <a:p>
            <a:pPr marL="10860">
              <a:spcBef>
                <a:spcPts val="86"/>
              </a:spcBef>
            </a:pPr>
            <a:r>
              <a:rPr sz="770" spc="-43" dirty="0">
                <a:latin typeface="Meiryo UI"/>
                <a:cs typeface="Meiryo UI"/>
              </a:rPr>
              <a:t>※</a:t>
            </a:r>
            <a:endParaRPr sz="770">
              <a:latin typeface="Meiryo UI"/>
              <a:cs typeface="Meiryo UI"/>
            </a:endParaRPr>
          </a:p>
        </p:txBody>
      </p:sp>
      <p:sp>
        <p:nvSpPr>
          <p:cNvPr id="100" name="object 100"/>
          <p:cNvSpPr txBox="1"/>
          <p:nvPr/>
        </p:nvSpPr>
        <p:spPr>
          <a:xfrm>
            <a:off x="7604941" y="3877838"/>
            <a:ext cx="119458" cy="129460"/>
          </a:xfrm>
          <a:prstGeom prst="rect">
            <a:avLst/>
          </a:prstGeom>
        </p:spPr>
        <p:txBody>
          <a:bodyPr vert="horz" wrap="square" lIns="0" tIns="10860" rIns="0" bIns="0" rtlCol="0">
            <a:spAutoFit/>
          </a:bodyPr>
          <a:lstStyle/>
          <a:p>
            <a:pPr marL="10860">
              <a:spcBef>
                <a:spcPts val="86"/>
              </a:spcBef>
            </a:pPr>
            <a:r>
              <a:rPr sz="770" spc="-43" dirty="0">
                <a:latin typeface="Meiryo UI"/>
                <a:cs typeface="Meiryo UI"/>
              </a:rPr>
              <a:t>※</a:t>
            </a:r>
            <a:endParaRPr sz="770">
              <a:latin typeface="Meiryo UI"/>
              <a:cs typeface="Meiryo UI"/>
            </a:endParaRPr>
          </a:p>
        </p:txBody>
      </p:sp>
      <p:sp>
        <p:nvSpPr>
          <p:cNvPr id="101" name="object 101"/>
          <p:cNvSpPr txBox="1"/>
          <p:nvPr/>
        </p:nvSpPr>
        <p:spPr>
          <a:xfrm>
            <a:off x="4023794" y="4762698"/>
            <a:ext cx="119458" cy="129460"/>
          </a:xfrm>
          <a:prstGeom prst="rect">
            <a:avLst/>
          </a:prstGeom>
        </p:spPr>
        <p:txBody>
          <a:bodyPr vert="horz" wrap="square" lIns="0" tIns="10860" rIns="0" bIns="0" rtlCol="0">
            <a:spAutoFit/>
          </a:bodyPr>
          <a:lstStyle/>
          <a:p>
            <a:pPr marL="10860">
              <a:spcBef>
                <a:spcPts val="86"/>
              </a:spcBef>
            </a:pPr>
            <a:r>
              <a:rPr sz="770" spc="-43" dirty="0">
                <a:latin typeface="Meiryo UI"/>
                <a:cs typeface="Meiryo UI"/>
              </a:rPr>
              <a:t>※</a:t>
            </a:r>
            <a:endParaRPr sz="770">
              <a:latin typeface="Meiryo UI"/>
              <a:cs typeface="Meiryo UI"/>
            </a:endParaRPr>
          </a:p>
        </p:txBody>
      </p:sp>
      <p:sp>
        <p:nvSpPr>
          <p:cNvPr id="102" name="object 102"/>
          <p:cNvSpPr txBox="1"/>
          <p:nvPr/>
        </p:nvSpPr>
        <p:spPr>
          <a:xfrm>
            <a:off x="7604941" y="4767912"/>
            <a:ext cx="119458" cy="129460"/>
          </a:xfrm>
          <a:prstGeom prst="rect">
            <a:avLst/>
          </a:prstGeom>
        </p:spPr>
        <p:txBody>
          <a:bodyPr vert="horz" wrap="square" lIns="0" tIns="10860" rIns="0" bIns="0" rtlCol="0">
            <a:spAutoFit/>
          </a:bodyPr>
          <a:lstStyle/>
          <a:p>
            <a:pPr marL="10860">
              <a:spcBef>
                <a:spcPts val="86"/>
              </a:spcBef>
            </a:pPr>
            <a:r>
              <a:rPr sz="770" spc="-43" dirty="0">
                <a:latin typeface="Meiryo UI"/>
                <a:cs typeface="Meiryo UI"/>
              </a:rPr>
              <a:t>※</a:t>
            </a:r>
            <a:endParaRPr sz="770">
              <a:latin typeface="Meiryo UI"/>
              <a:cs typeface="Meiryo UI"/>
            </a:endParaRPr>
          </a:p>
        </p:txBody>
      </p:sp>
      <p:sp>
        <p:nvSpPr>
          <p:cNvPr id="103" name="object 103"/>
          <p:cNvSpPr txBox="1"/>
          <p:nvPr/>
        </p:nvSpPr>
        <p:spPr>
          <a:xfrm>
            <a:off x="746290" y="1867027"/>
            <a:ext cx="410502" cy="301139"/>
          </a:xfrm>
          <a:prstGeom prst="rect">
            <a:avLst/>
          </a:prstGeom>
        </p:spPr>
        <p:txBody>
          <a:bodyPr vert="horz" wrap="square" lIns="0" tIns="36924" rIns="0" bIns="0" rtlCol="0">
            <a:spAutoFit/>
          </a:bodyPr>
          <a:lstStyle/>
          <a:p>
            <a:pPr marL="10860" marR="4344" indent="68960">
              <a:lnSpc>
                <a:spcPts val="1026"/>
              </a:lnSpc>
              <a:spcBef>
                <a:spcPts val="291"/>
              </a:spcBef>
            </a:pPr>
            <a:r>
              <a:rPr sz="1026" b="1" spc="-21" dirty="0">
                <a:solidFill>
                  <a:srgbClr val="FF0000"/>
                </a:solidFill>
                <a:latin typeface="Meiryo UI"/>
                <a:cs typeface="Meiryo UI"/>
              </a:rPr>
              <a:t>7/2 </a:t>
            </a:r>
            <a:r>
              <a:rPr sz="1026" b="1" spc="-17" dirty="0">
                <a:solidFill>
                  <a:srgbClr val="FF0000"/>
                </a:solidFill>
                <a:latin typeface="Meiryo UI"/>
                <a:cs typeface="Meiryo UI"/>
              </a:rPr>
              <a:t>(本日)</a:t>
            </a:r>
            <a:endParaRPr sz="1026">
              <a:latin typeface="Meiryo UI"/>
              <a:cs typeface="Meiryo UI"/>
            </a:endParaRPr>
          </a:p>
        </p:txBody>
      </p:sp>
      <p:sp>
        <p:nvSpPr>
          <p:cNvPr id="104" name="object 104"/>
          <p:cNvSpPr txBox="1"/>
          <p:nvPr/>
        </p:nvSpPr>
        <p:spPr>
          <a:xfrm>
            <a:off x="8508047" y="6110194"/>
            <a:ext cx="237831" cy="220925"/>
          </a:xfrm>
          <a:prstGeom prst="rect">
            <a:avLst/>
          </a:prstGeom>
        </p:spPr>
        <p:txBody>
          <a:bodyPr vert="horz" wrap="square" lIns="0" tIns="10317" rIns="0" bIns="0" rtlCol="0">
            <a:spAutoFit/>
          </a:bodyPr>
          <a:lstStyle/>
          <a:p>
            <a:pPr marL="10860">
              <a:spcBef>
                <a:spcPts val="81"/>
              </a:spcBef>
            </a:pPr>
            <a:r>
              <a:rPr sz="1368" spc="-21" dirty="0">
                <a:latin typeface="Meiryo UI"/>
                <a:cs typeface="Meiryo UI"/>
              </a:rPr>
              <a:t>23</a:t>
            </a:r>
            <a:endParaRPr sz="1368">
              <a:latin typeface="Meiryo UI"/>
              <a:cs typeface="Meiryo UI"/>
            </a:endParaRPr>
          </a:p>
        </p:txBody>
      </p:sp>
      <p:sp>
        <p:nvSpPr>
          <p:cNvPr id="105" name="object 105"/>
          <p:cNvSpPr txBox="1"/>
          <p:nvPr/>
        </p:nvSpPr>
        <p:spPr>
          <a:xfrm>
            <a:off x="6647102" y="735863"/>
            <a:ext cx="2070432" cy="379400"/>
          </a:xfrm>
          <a:prstGeom prst="rect">
            <a:avLst/>
          </a:prstGeom>
        </p:spPr>
        <p:txBody>
          <a:bodyPr vert="horz" wrap="square" lIns="0" tIns="10860" rIns="0" bIns="0" rtlCol="0">
            <a:spAutoFit/>
          </a:bodyPr>
          <a:lstStyle/>
          <a:p>
            <a:pPr marL="10860">
              <a:spcBef>
                <a:spcPts val="86"/>
              </a:spcBef>
            </a:pPr>
            <a:r>
              <a:rPr sz="1197" spc="-9" dirty="0">
                <a:latin typeface="Meiryo UI"/>
                <a:cs typeface="Meiryo UI"/>
              </a:rPr>
              <a:t>5/7</a:t>
            </a:r>
            <a:r>
              <a:rPr sz="1197" spc="-13" dirty="0">
                <a:latin typeface="Meiryo UI"/>
                <a:cs typeface="Meiryo UI"/>
              </a:rPr>
              <a:t>実施検討会資料を一部更新</a:t>
            </a:r>
            <a:endParaRPr sz="1197">
              <a:latin typeface="Meiryo UI"/>
              <a:cs typeface="Meiryo UI"/>
            </a:endParaRPr>
          </a:p>
        </p:txBody>
      </p:sp>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1472BECD-290D-9F3B-8471-78E5D80ACE0B}"/>
              </a:ext>
            </a:extLst>
          </p:cNvPr>
          <p:cNvSpPr>
            <a:spLocks noGrp="1"/>
          </p:cNvSpPr>
          <p:nvPr>
            <p:ph type="sldNum" sz="quarter" idx="12"/>
          </p:nvPr>
        </p:nvSpPr>
        <p:spPr/>
        <p:txBody>
          <a:bodyPr/>
          <a:lstStyle/>
          <a:p>
            <a:pPr defTabSz="371446"/>
            <a:fld id="{B424A714-972D-431A-872C-1B0FE76119C1}" type="slidenum">
              <a:rPr kumimoji="0" lang="ja-JP" altLang="en-US" smtClean="0"/>
              <a:pPr defTabSz="371446"/>
              <a:t>31</a:t>
            </a:fld>
            <a:endParaRPr kumimoji="0" lang="ja-JP" altLang="en-US" dirty="0"/>
          </a:p>
        </p:txBody>
      </p:sp>
      <p:sp>
        <p:nvSpPr>
          <p:cNvPr id="4" name="テキスト ボックス 3">
            <a:extLst>
              <a:ext uri="{FF2B5EF4-FFF2-40B4-BE49-F238E27FC236}">
                <a16:creationId xmlns:a16="http://schemas.microsoft.com/office/drawing/2014/main" id="{63DB0638-3453-6988-5053-F1C89E2FDB36}"/>
              </a:ext>
            </a:extLst>
          </p:cNvPr>
          <p:cNvSpPr txBox="1"/>
          <p:nvPr/>
        </p:nvSpPr>
        <p:spPr>
          <a:xfrm>
            <a:off x="884904" y="1253430"/>
            <a:ext cx="7964128" cy="3170099"/>
          </a:xfrm>
          <a:prstGeom prst="rect">
            <a:avLst/>
          </a:prstGeom>
          <a:noFill/>
        </p:spPr>
        <p:txBody>
          <a:bodyPr wrap="square">
            <a:spAutoFit/>
          </a:bodyPr>
          <a:lstStyle/>
          <a:p>
            <a:pPr algn="l"/>
            <a:r>
              <a:rPr lang="en-US" altLang="ja-JP" sz="2000" b="1" i="0" u="none" strike="noStrike" baseline="0" dirty="0">
                <a:solidFill>
                  <a:srgbClr val="4088C9"/>
                </a:solidFill>
                <a:latin typeface="MeiryoUIBold"/>
              </a:rPr>
              <a:t>【</a:t>
            </a:r>
            <a:r>
              <a:rPr lang="ja-JP" altLang="en-US" sz="2000" b="1" i="0" u="none" strike="noStrike" baseline="0" dirty="0">
                <a:solidFill>
                  <a:srgbClr val="4088C9"/>
                </a:solidFill>
                <a:latin typeface="MeiryoUIBold"/>
              </a:rPr>
              <a:t>参考</a:t>
            </a:r>
            <a:r>
              <a:rPr lang="en-US" altLang="ja-JP" sz="2000" b="1" i="0" u="none" strike="noStrike" baseline="0" dirty="0">
                <a:solidFill>
                  <a:srgbClr val="4088C9"/>
                </a:solidFill>
                <a:latin typeface="MeiryoUIBold"/>
              </a:rPr>
              <a:t>】</a:t>
            </a:r>
            <a:r>
              <a:rPr lang="ja-JP" altLang="en-US" sz="2000" b="1" i="0" u="none" strike="noStrike" baseline="0" dirty="0">
                <a:solidFill>
                  <a:srgbClr val="4088C9"/>
                </a:solidFill>
                <a:latin typeface="MeiryoUIBold"/>
              </a:rPr>
              <a:t>実施検討会における今後の論点（案）</a:t>
            </a:r>
          </a:p>
          <a:p>
            <a:pPr algn="l"/>
            <a:r>
              <a:rPr lang="ja-JP" altLang="en-US" sz="2000" b="0" i="0" u="none" strike="noStrike" baseline="0" dirty="0">
                <a:solidFill>
                  <a:srgbClr val="000000"/>
                </a:solidFill>
                <a:latin typeface="MeiryoUI"/>
              </a:rPr>
              <a:t>●広域連携や分野横断の業務・工事実施における入札契約について、</a:t>
            </a:r>
          </a:p>
          <a:p>
            <a:pPr algn="l"/>
            <a:r>
              <a:rPr lang="ja-JP" altLang="en-US" sz="2000" b="0" i="0" u="none" strike="noStrike" baseline="0" dirty="0">
                <a:solidFill>
                  <a:srgbClr val="000000"/>
                </a:solidFill>
                <a:latin typeface="MeiryoUI"/>
              </a:rPr>
              <a:t>　適切なインフラメンテナンスを行うために、管理水準の設定は如　　　</a:t>
            </a:r>
            <a:endParaRPr lang="en-US" altLang="ja-JP" sz="2000" b="0" i="0" u="none" strike="noStrike" baseline="0" dirty="0">
              <a:solidFill>
                <a:srgbClr val="000000"/>
              </a:solidFill>
              <a:latin typeface="MeiryoUI"/>
            </a:endParaRPr>
          </a:p>
          <a:p>
            <a:pPr algn="l"/>
            <a:r>
              <a:rPr lang="ja-JP" altLang="en-US" sz="2000" dirty="0">
                <a:solidFill>
                  <a:srgbClr val="000000"/>
                </a:solidFill>
                <a:latin typeface="MeiryoUI"/>
              </a:rPr>
              <a:t>　</a:t>
            </a:r>
            <a:r>
              <a:rPr lang="ja-JP" altLang="en-US" sz="2000" b="0" i="0" u="none" strike="noStrike" baseline="0" dirty="0">
                <a:solidFill>
                  <a:srgbClr val="000000"/>
                </a:solidFill>
                <a:latin typeface="MeiryoUI"/>
              </a:rPr>
              <a:t>何にあるべきか</a:t>
            </a:r>
          </a:p>
          <a:p>
            <a:pPr algn="l"/>
            <a:r>
              <a:rPr lang="ja-JP" altLang="en-US" sz="2000" b="0" i="0" u="none" strike="noStrike" baseline="0" dirty="0">
                <a:solidFill>
                  <a:srgbClr val="000000"/>
                </a:solidFill>
                <a:latin typeface="MeiryoUI"/>
              </a:rPr>
              <a:t>●受注者の創意工夫を促す方策は何か</a:t>
            </a:r>
          </a:p>
          <a:p>
            <a:pPr algn="l"/>
            <a:r>
              <a:rPr lang="ja-JP" altLang="en-US" sz="2000" b="0" i="0" u="none" strike="noStrike" baseline="0" dirty="0">
                <a:solidFill>
                  <a:srgbClr val="000000"/>
                </a:solidFill>
                <a:latin typeface="MeiryoUI"/>
              </a:rPr>
              <a:t>●受注者の技術力・体制を確認・確保する方策は何か</a:t>
            </a:r>
          </a:p>
          <a:p>
            <a:pPr algn="l"/>
            <a:r>
              <a:rPr lang="ja-JP" altLang="en-US" sz="2000" b="0" i="0" u="none" strike="noStrike" baseline="0" dirty="0">
                <a:solidFill>
                  <a:srgbClr val="000000"/>
                </a:solidFill>
                <a:latin typeface="MeiryoUI"/>
              </a:rPr>
              <a:t>●適切な契約期間はどの程度か</a:t>
            </a:r>
          </a:p>
          <a:p>
            <a:pPr algn="l"/>
            <a:r>
              <a:rPr lang="ja-JP" altLang="en-US" sz="2000" b="0" i="0" u="none" strike="noStrike" baseline="0" dirty="0">
                <a:solidFill>
                  <a:srgbClr val="000000"/>
                </a:solidFill>
                <a:latin typeface="MeiryoUI"/>
              </a:rPr>
              <a:t>●適切なインフラメンテナンスを行うために、本来必要な行政コス</a:t>
            </a:r>
            <a:endParaRPr lang="en-US" altLang="ja-JP" sz="2000" b="0" i="0" u="none" strike="noStrike" baseline="0" dirty="0">
              <a:solidFill>
                <a:srgbClr val="000000"/>
              </a:solidFill>
              <a:latin typeface="MeiryoUI"/>
            </a:endParaRPr>
          </a:p>
          <a:p>
            <a:pPr algn="l"/>
            <a:r>
              <a:rPr lang="ja-JP" altLang="en-US" sz="2000" dirty="0">
                <a:solidFill>
                  <a:srgbClr val="000000"/>
                </a:solidFill>
                <a:latin typeface="MeiryoUI"/>
              </a:rPr>
              <a:t>　</a:t>
            </a:r>
            <a:r>
              <a:rPr lang="ja-JP" altLang="en-US" sz="2000" b="0" i="0" u="none" strike="noStrike" baseline="0" dirty="0">
                <a:solidFill>
                  <a:srgbClr val="000000"/>
                </a:solidFill>
                <a:latin typeface="MeiryoUI"/>
              </a:rPr>
              <a:t>ト（技術者の人件費を含む）の計上は、如何にあるべきか</a:t>
            </a:r>
          </a:p>
          <a:p>
            <a:pPr algn="l"/>
            <a:r>
              <a:rPr lang="ja-JP" altLang="en-US" sz="2000" b="0" i="0" u="none" strike="noStrike" baseline="0" dirty="0">
                <a:solidFill>
                  <a:srgbClr val="000000"/>
                </a:solidFill>
                <a:latin typeface="MeiryoUI"/>
              </a:rPr>
              <a:t>　　　　　　　　　　　　　　　　　　　　　　　　　　　　　等</a:t>
            </a:r>
            <a:endParaRPr lang="ja-JP" altLang="en-US" dirty="0"/>
          </a:p>
        </p:txBody>
      </p:sp>
    </p:spTree>
    <p:extLst>
      <p:ext uri="{BB962C8B-B14F-4D97-AF65-F5344CB8AC3E}">
        <p14:creationId xmlns:p14="http://schemas.microsoft.com/office/powerpoint/2010/main" val="1078767061"/>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sldNum" sz="quarter" idx="7"/>
          </p:nvPr>
        </p:nvSpPr>
        <p:spPr>
          <a:xfrm>
            <a:off x="0" y="195477"/>
            <a:ext cx="0" cy="231342"/>
          </a:xfrm>
          <a:prstGeom prst="rect">
            <a:avLst/>
          </a:prstGeom>
        </p:spPr>
        <p:txBody>
          <a:bodyPr vert="horz" wrap="square" lIns="0" tIns="20634" rIns="0" bIns="0" rtlCol="0">
            <a:spAutoFit/>
          </a:bodyPr>
          <a:lstStyle/>
          <a:p>
            <a:pPr marL="157467">
              <a:spcBef>
                <a:spcPts val="162"/>
              </a:spcBef>
            </a:pPr>
            <a:r>
              <a:rPr spc="-43" dirty="0"/>
              <a:t>8</a:t>
            </a:r>
          </a:p>
        </p:txBody>
      </p:sp>
      <p:sp>
        <p:nvSpPr>
          <p:cNvPr id="2" name="object 2"/>
          <p:cNvSpPr txBox="1">
            <a:spLocks noGrp="1"/>
          </p:cNvSpPr>
          <p:nvPr>
            <p:ph type="title"/>
          </p:nvPr>
        </p:nvSpPr>
        <p:spPr>
          <a:xfrm>
            <a:off x="486697" y="1329877"/>
            <a:ext cx="8141109" cy="3715313"/>
          </a:xfrm>
          <a:prstGeom prst="rect">
            <a:avLst/>
          </a:prstGeom>
        </p:spPr>
        <p:txBody>
          <a:bodyPr vert="horz" wrap="square" lIns="0" tIns="10860" rIns="0" bIns="0" rtlCol="0">
            <a:spAutoFit/>
          </a:bodyPr>
          <a:lstStyle/>
          <a:p>
            <a:pPr marL="10860">
              <a:lnSpc>
                <a:spcPct val="100000"/>
              </a:lnSpc>
              <a:spcBef>
                <a:spcPts val="86"/>
              </a:spcBef>
            </a:pPr>
            <a:r>
              <a:rPr lang="ja-JP" altLang="en-US" sz="4618" spc="-30" dirty="0">
                <a:solidFill>
                  <a:srgbClr val="4BACC6"/>
                </a:solidFill>
              </a:rPr>
              <a:t>新技術</a:t>
            </a:r>
            <a:br>
              <a:rPr lang="en-US" altLang="ja-JP" sz="4618" spc="-30" dirty="0">
                <a:solidFill>
                  <a:srgbClr val="4BACC6"/>
                </a:solidFill>
              </a:rPr>
            </a:br>
            <a:br>
              <a:rPr lang="en-US" altLang="ja-JP" sz="4618" spc="-30" dirty="0">
                <a:solidFill>
                  <a:srgbClr val="4BACC6"/>
                </a:solidFill>
              </a:rPr>
            </a:br>
            <a:r>
              <a:rPr lang="ja-JP" altLang="en-US" sz="4618" spc="-30" dirty="0">
                <a:solidFill>
                  <a:srgbClr val="4BACC6"/>
                </a:solidFill>
              </a:rPr>
              <a:t>新技術導入ハンズオン会議</a:t>
            </a:r>
            <a:br>
              <a:rPr lang="en-US" altLang="ja-JP" sz="4618" spc="-30" dirty="0">
                <a:solidFill>
                  <a:srgbClr val="4BACC6"/>
                </a:solidFill>
              </a:rPr>
            </a:br>
            <a:br>
              <a:rPr lang="en-US" altLang="ja-JP" sz="4618" spc="-30" dirty="0">
                <a:solidFill>
                  <a:srgbClr val="4BACC6"/>
                </a:solidFill>
              </a:rPr>
            </a:br>
            <a:r>
              <a:rPr lang="en-US" altLang="ja-JP" sz="2800" spc="-30" dirty="0">
                <a:solidFill>
                  <a:srgbClr val="4BACC6"/>
                </a:solidFill>
              </a:rPr>
              <a:t>SIP</a:t>
            </a:r>
            <a:r>
              <a:rPr lang="ja-JP" altLang="en-US" sz="2800" spc="-30" dirty="0">
                <a:solidFill>
                  <a:srgbClr val="4BACC6"/>
                </a:solidFill>
              </a:rPr>
              <a:t>を意識しているが、</a:t>
            </a:r>
            <a:br>
              <a:rPr lang="en-US" altLang="ja-JP" sz="2800" spc="-30" dirty="0">
                <a:solidFill>
                  <a:srgbClr val="4BACC6"/>
                </a:solidFill>
              </a:rPr>
            </a:br>
            <a:r>
              <a:rPr lang="ja-JP" altLang="en-US" sz="2800" spc="-30" dirty="0">
                <a:solidFill>
                  <a:srgbClr val="4BACC6"/>
                </a:solidFill>
              </a:rPr>
              <a:t>モデル自治体の採用技術は関係がない</a:t>
            </a:r>
            <a:endParaRPr sz="2800" dirty="0"/>
          </a:p>
        </p:txBody>
      </p:sp>
    </p:spTree>
    <p:extLst>
      <p:ext uri="{BB962C8B-B14F-4D97-AF65-F5344CB8AC3E}">
        <p14:creationId xmlns:p14="http://schemas.microsoft.com/office/powerpoint/2010/main" val="246940598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object 2"/>
          <p:cNvGraphicFramePr>
            <a:graphicFrameLocks noGrp="1"/>
          </p:cNvGraphicFramePr>
          <p:nvPr/>
        </p:nvGraphicFramePr>
        <p:xfrm>
          <a:off x="280836" y="997587"/>
          <a:ext cx="8570598" cy="5438752"/>
        </p:xfrm>
        <a:graphic>
          <a:graphicData uri="http://schemas.openxmlformats.org/drawingml/2006/table">
            <a:tbl>
              <a:tblPr firstRow="1" bandRow="1">
                <a:tableStyleId>{2D5ABB26-0587-4C30-8999-92F81FD0307C}</a:tableStyleId>
              </a:tblPr>
              <a:tblGrid>
                <a:gridCol w="273668">
                  <a:extLst>
                    <a:ext uri="{9D8B030D-6E8A-4147-A177-3AD203B41FA5}">
                      <a16:colId xmlns:a16="http://schemas.microsoft.com/office/drawing/2014/main" val="20000"/>
                    </a:ext>
                  </a:extLst>
                </a:gridCol>
                <a:gridCol w="577201">
                  <a:extLst>
                    <a:ext uri="{9D8B030D-6E8A-4147-A177-3AD203B41FA5}">
                      <a16:colId xmlns:a16="http://schemas.microsoft.com/office/drawing/2014/main" val="20001"/>
                    </a:ext>
                  </a:extLst>
                </a:gridCol>
                <a:gridCol w="984989">
                  <a:extLst>
                    <a:ext uri="{9D8B030D-6E8A-4147-A177-3AD203B41FA5}">
                      <a16:colId xmlns:a16="http://schemas.microsoft.com/office/drawing/2014/main" val="20002"/>
                    </a:ext>
                  </a:extLst>
                </a:gridCol>
                <a:gridCol w="1264087">
                  <a:extLst>
                    <a:ext uri="{9D8B030D-6E8A-4147-A177-3AD203B41FA5}">
                      <a16:colId xmlns:a16="http://schemas.microsoft.com/office/drawing/2014/main" val="20003"/>
                    </a:ext>
                  </a:extLst>
                </a:gridCol>
                <a:gridCol w="5470653">
                  <a:extLst>
                    <a:ext uri="{9D8B030D-6E8A-4147-A177-3AD203B41FA5}">
                      <a16:colId xmlns:a16="http://schemas.microsoft.com/office/drawing/2014/main" val="20004"/>
                    </a:ext>
                  </a:extLst>
                </a:gridCol>
              </a:tblGrid>
              <a:tr h="291587">
                <a:tc>
                  <a:txBody>
                    <a:bodyPr/>
                    <a:lstStyle/>
                    <a:p>
                      <a:pPr marL="38100" algn="ctr">
                        <a:lnSpc>
                          <a:spcPct val="100000"/>
                        </a:lnSpc>
                        <a:spcBef>
                          <a:spcPts val="685"/>
                        </a:spcBef>
                      </a:pPr>
                      <a:r>
                        <a:rPr sz="1000" spc="-50" dirty="0">
                          <a:latin typeface="Meiryo UI"/>
                          <a:cs typeface="Meiryo UI"/>
                        </a:rPr>
                        <a:t>頁</a:t>
                      </a:r>
                      <a:endParaRPr sz="1000">
                        <a:latin typeface="Meiryo UI"/>
                        <a:cs typeface="Meiryo UI"/>
                      </a:endParaRPr>
                    </a:p>
                  </a:txBody>
                  <a:tcPr marL="0" marR="0" marT="743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gn="ctr">
                        <a:lnSpc>
                          <a:spcPct val="100000"/>
                        </a:lnSpc>
                        <a:spcBef>
                          <a:spcPts val="685"/>
                        </a:spcBef>
                      </a:pPr>
                      <a:r>
                        <a:rPr sz="1000" spc="-25" dirty="0">
                          <a:latin typeface="Meiryo UI"/>
                          <a:cs typeface="Meiryo UI"/>
                        </a:rPr>
                        <a:t>府県</a:t>
                      </a:r>
                      <a:endParaRPr sz="1000">
                        <a:latin typeface="Meiryo UI"/>
                        <a:cs typeface="Meiryo UI"/>
                      </a:endParaRPr>
                    </a:p>
                  </a:txBody>
                  <a:tcPr marL="0" marR="0" marT="743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4925" algn="ctr">
                        <a:lnSpc>
                          <a:spcPct val="100000"/>
                        </a:lnSpc>
                        <a:spcBef>
                          <a:spcPts val="685"/>
                        </a:spcBef>
                      </a:pPr>
                      <a:r>
                        <a:rPr sz="1000" spc="-20" dirty="0">
                          <a:latin typeface="Meiryo UI"/>
                          <a:cs typeface="Meiryo UI"/>
                        </a:rPr>
                        <a:t>市町村</a:t>
                      </a:r>
                      <a:endParaRPr sz="1000">
                        <a:latin typeface="Meiryo UI"/>
                        <a:cs typeface="Meiryo UI"/>
                      </a:endParaRPr>
                    </a:p>
                  </a:txBody>
                  <a:tcPr marL="0" marR="0" marT="7439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685"/>
                        </a:spcBef>
                      </a:pPr>
                      <a:r>
                        <a:rPr sz="1000" spc="-15" dirty="0">
                          <a:latin typeface="Meiryo UI"/>
                          <a:cs typeface="Meiryo UI"/>
                        </a:rPr>
                        <a:t>支援対象</a:t>
                      </a:r>
                      <a:endParaRPr sz="1000">
                        <a:latin typeface="Meiryo UI"/>
                        <a:cs typeface="Meiryo UI"/>
                      </a:endParaRPr>
                    </a:p>
                  </a:txBody>
                  <a:tcPr marL="0" marR="0" marT="74390" marB="0">
                    <a:lnL w="12700">
                      <a:solidFill>
                        <a:srgbClr val="000000"/>
                      </a:solidFill>
                      <a:prstDash val="solid"/>
                    </a:lnL>
                    <a:lnR w="19050">
                      <a:solidFill>
                        <a:srgbClr val="000000"/>
                      </a:solidFill>
                      <a:prstDash val="solid"/>
                    </a:lnR>
                    <a:lnT w="12700">
                      <a:solidFill>
                        <a:srgbClr val="000000"/>
                      </a:solidFill>
                      <a:prstDash val="solid"/>
                    </a:lnT>
                    <a:lnB w="12700">
                      <a:solidFill>
                        <a:srgbClr val="000000"/>
                      </a:solidFill>
                      <a:prstDash val="solid"/>
                    </a:lnB>
                  </a:tcPr>
                </a:tc>
                <a:tc>
                  <a:txBody>
                    <a:bodyPr/>
                    <a:lstStyle/>
                    <a:p>
                      <a:pPr marL="39370" algn="ctr">
                        <a:lnSpc>
                          <a:spcPct val="100000"/>
                        </a:lnSpc>
                        <a:spcBef>
                          <a:spcPts val="365"/>
                        </a:spcBef>
                      </a:pPr>
                      <a:r>
                        <a:rPr sz="1500" spc="-15" dirty="0">
                          <a:latin typeface="Meiryo UI"/>
                          <a:cs typeface="Meiryo UI"/>
                        </a:rPr>
                        <a:t>取組内容</a:t>
                      </a:r>
                      <a:endParaRPr sz="1500">
                        <a:latin typeface="Meiryo UI"/>
                        <a:cs typeface="Meiryo UI"/>
                      </a:endParaRPr>
                    </a:p>
                  </a:txBody>
                  <a:tcPr marL="0" marR="0" marT="39638"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0"/>
                  </a:ext>
                </a:extLst>
              </a:tr>
              <a:tr h="347515">
                <a:tc>
                  <a:txBody>
                    <a:bodyPr/>
                    <a:lstStyle/>
                    <a:p>
                      <a:pPr marL="38735" algn="ctr">
                        <a:lnSpc>
                          <a:spcPct val="100000"/>
                        </a:lnSpc>
                        <a:spcBef>
                          <a:spcPts val="950"/>
                        </a:spcBef>
                      </a:pPr>
                      <a:r>
                        <a:rPr sz="1000" spc="-50" dirty="0">
                          <a:latin typeface="Meiryo UI"/>
                          <a:cs typeface="Meiryo UI"/>
                        </a:rPr>
                        <a:t>3</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0" dirty="0">
                          <a:latin typeface="Meiryo UI"/>
                          <a:cs typeface="Meiryo UI"/>
                        </a:rPr>
                        <a:t>青森県</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4925" algn="ctr">
                        <a:lnSpc>
                          <a:spcPct val="100000"/>
                        </a:lnSpc>
                        <a:spcBef>
                          <a:spcPts val="950"/>
                        </a:spcBef>
                      </a:pPr>
                      <a:r>
                        <a:rPr sz="1000" spc="-20" dirty="0">
                          <a:latin typeface="Meiryo UI"/>
                          <a:cs typeface="Meiryo UI"/>
                        </a:rPr>
                        <a:t>黒石市</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5" dirty="0">
                          <a:latin typeface="Meiryo UI"/>
                          <a:cs typeface="Meiryo UI"/>
                        </a:rPr>
                        <a:t>除雪</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35"/>
                        </a:spcBef>
                      </a:pPr>
                      <a:r>
                        <a:rPr sz="1100" spc="-35" dirty="0">
                          <a:latin typeface="Meiryo UI"/>
                          <a:cs typeface="Meiryo UI"/>
                        </a:rPr>
                        <a:t>除雪事業者の連携体制構築、除雪出動の判断基準の適正化</a:t>
                      </a:r>
                      <a:endParaRPr sz="1100">
                        <a:latin typeface="Meiryo UI"/>
                        <a:cs typeface="Meiryo UI"/>
                      </a:endParaRPr>
                    </a:p>
                  </a:txBody>
                  <a:tcPr marL="0" marR="0" marT="90680" marB="0">
                    <a:lnL w="12700">
                      <a:solidFill>
                        <a:srgbClr val="000000"/>
                      </a:solidFill>
                      <a:prstDash val="solid"/>
                    </a:lnL>
                    <a:lnR w="12700">
                      <a:solidFill>
                        <a:srgbClr val="000000"/>
                      </a:solidFill>
                      <a:prstDash val="solid"/>
                    </a:lnR>
                    <a:lnT w="19050">
                      <a:solidFill>
                        <a:srgbClr val="000000"/>
                      </a:solidFill>
                      <a:prstDash val="solid"/>
                    </a:lnT>
                    <a:lnB w="12700">
                      <a:solidFill>
                        <a:srgbClr val="000000"/>
                      </a:solidFill>
                      <a:prstDash val="solid"/>
                    </a:lnB>
                  </a:tcPr>
                </a:tc>
                <a:extLst>
                  <a:ext uri="{0D108BD9-81ED-4DB2-BD59-A6C34878D82A}">
                    <a16:rowId xmlns:a16="http://schemas.microsoft.com/office/drawing/2014/main" val="10001"/>
                  </a:ext>
                </a:extLst>
              </a:tr>
              <a:tr h="347515">
                <a:tc>
                  <a:txBody>
                    <a:bodyPr/>
                    <a:lstStyle/>
                    <a:p>
                      <a:pPr marL="38735" algn="ctr">
                        <a:lnSpc>
                          <a:spcPct val="100000"/>
                        </a:lnSpc>
                        <a:spcBef>
                          <a:spcPts val="950"/>
                        </a:spcBef>
                      </a:pPr>
                      <a:r>
                        <a:rPr sz="1000" spc="-50" dirty="0">
                          <a:latin typeface="Meiryo UI"/>
                          <a:cs typeface="Meiryo UI"/>
                        </a:rPr>
                        <a:t>4</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0" dirty="0">
                          <a:latin typeface="Meiryo UI"/>
                          <a:cs typeface="Meiryo UI"/>
                        </a:rPr>
                        <a:t>山形県</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4925" algn="ctr">
                        <a:lnSpc>
                          <a:spcPct val="100000"/>
                        </a:lnSpc>
                        <a:spcBef>
                          <a:spcPts val="950"/>
                        </a:spcBef>
                      </a:pPr>
                      <a:r>
                        <a:rPr sz="1000" spc="-20" dirty="0">
                          <a:latin typeface="Meiryo UI"/>
                          <a:cs typeface="Meiryo UI"/>
                        </a:rPr>
                        <a:t>山形市</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5" dirty="0">
                          <a:latin typeface="Meiryo UI"/>
                          <a:cs typeface="Meiryo UI"/>
                        </a:rPr>
                        <a:t>橋梁</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35"/>
                        </a:spcBef>
                      </a:pPr>
                      <a:r>
                        <a:rPr sz="1100" spc="-35" dirty="0">
                          <a:latin typeface="Meiryo UI"/>
                          <a:cs typeface="Meiryo UI"/>
                        </a:rPr>
                        <a:t>橋梁点検に関する新技術・産学官連携の仕組み導入への助言</a:t>
                      </a:r>
                      <a:endParaRPr sz="1100">
                        <a:latin typeface="Meiryo UI"/>
                        <a:cs typeface="Meiryo UI"/>
                      </a:endParaRPr>
                    </a:p>
                  </a:txBody>
                  <a:tcPr marL="0" marR="0" marT="9068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2"/>
                  </a:ext>
                </a:extLst>
              </a:tr>
              <a:tr h="403444">
                <a:tc>
                  <a:txBody>
                    <a:bodyPr/>
                    <a:lstStyle/>
                    <a:p>
                      <a:pPr marL="38735" algn="ctr">
                        <a:lnSpc>
                          <a:spcPct val="100000"/>
                        </a:lnSpc>
                        <a:spcBef>
                          <a:spcPts val="1200"/>
                        </a:spcBef>
                      </a:pPr>
                      <a:r>
                        <a:rPr sz="1000" spc="-50" dirty="0">
                          <a:latin typeface="Meiryo UI"/>
                          <a:cs typeface="Meiryo UI"/>
                        </a:rPr>
                        <a:t>5</a:t>
                      </a:r>
                      <a:endParaRPr sz="1000">
                        <a:latin typeface="Meiryo UI"/>
                        <a:cs typeface="Meiryo UI"/>
                      </a:endParaRPr>
                    </a:p>
                  </a:txBody>
                  <a:tcPr marL="0" marR="0" marT="130318"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1200"/>
                        </a:spcBef>
                      </a:pPr>
                      <a:r>
                        <a:rPr sz="1000" spc="-20" dirty="0">
                          <a:latin typeface="Meiryo UI"/>
                          <a:cs typeface="Meiryo UI"/>
                        </a:rPr>
                        <a:t>山形県</a:t>
                      </a:r>
                      <a:endParaRPr sz="1000">
                        <a:latin typeface="Meiryo UI"/>
                        <a:cs typeface="Meiryo UI"/>
                      </a:endParaRPr>
                    </a:p>
                  </a:txBody>
                  <a:tcPr marL="0" marR="0" marT="130318"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4925" algn="ctr">
                        <a:lnSpc>
                          <a:spcPct val="100000"/>
                        </a:lnSpc>
                        <a:spcBef>
                          <a:spcPts val="1200"/>
                        </a:spcBef>
                      </a:pPr>
                      <a:r>
                        <a:rPr sz="1000" spc="-20" dirty="0">
                          <a:latin typeface="Meiryo UI"/>
                          <a:cs typeface="Meiryo UI"/>
                        </a:rPr>
                        <a:t>山形市</a:t>
                      </a:r>
                      <a:endParaRPr sz="1000">
                        <a:latin typeface="Meiryo UI"/>
                        <a:cs typeface="Meiryo UI"/>
                      </a:endParaRPr>
                    </a:p>
                  </a:txBody>
                  <a:tcPr marL="0" marR="0" marT="130318"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04165" marR="260350" indent="112395">
                        <a:lnSpc>
                          <a:spcPct val="103400"/>
                        </a:lnSpc>
                        <a:spcBef>
                          <a:spcPts val="445"/>
                        </a:spcBef>
                      </a:pPr>
                      <a:r>
                        <a:rPr sz="1000" spc="-10" dirty="0">
                          <a:latin typeface="Meiryo UI"/>
                          <a:cs typeface="Meiryo UI"/>
                        </a:rPr>
                        <a:t>公園・木橋除草樹木管理</a:t>
                      </a:r>
                      <a:endParaRPr sz="1000">
                        <a:latin typeface="Meiryo UI"/>
                        <a:cs typeface="Meiryo UI"/>
                      </a:endParaRPr>
                    </a:p>
                  </a:txBody>
                  <a:tcPr marL="0" marR="0" marT="48326"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ts val="1555"/>
                        </a:lnSpc>
                        <a:spcBef>
                          <a:spcPts val="320"/>
                        </a:spcBef>
                      </a:pPr>
                      <a:r>
                        <a:rPr sz="1100" dirty="0">
                          <a:latin typeface="Meiryo UI"/>
                          <a:cs typeface="Meiryo UI"/>
                        </a:rPr>
                        <a:t>木橋:詳細調査、導入可能な新技術提案</a:t>
                      </a:r>
                      <a:endParaRPr sz="1100">
                        <a:latin typeface="Meiryo UI"/>
                        <a:cs typeface="Meiryo UI"/>
                      </a:endParaRPr>
                    </a:p>
                    <a:p>
                      <a:pPr marL="37465">
                        <a:lnSpc>
                          <a:spcPts val="1555"/>
                        </a:lnSpc>
                      </a:pPr>
                      <a:r>
                        <a:rPr sz="1100" spc="-25" dirty="0">
                          <a:latin typeface="Meiryo UI"/>
                          <a:cs typeface="Meiryo UI"/>
                        </a:rPr>
                        <a:t>公園:樹木管理に関する新技術導入、包括的民間委託検討</a:t>
                      </a:r>
                      <a:endParaRPr sz="1100">
                        <a:latin typeface="Meiryo UI"/>
                        <a:cs typeface="Meiryo UI"/>
                      </a:endParaRPr>
                    </a:p>
                  </a:txBody>
                  <a:tcPr marL="0" marR="0" marT="34752"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3"/>
                  </a:ext>
                </a:extLst>
              </a:tr>
              <a:tr h="347515">
                <a:tc>
                  <a:txBody>
                    <a:bodyPr/>
                    <a:lstStyle/>
                    <a:p>
                      <a:pPr marL="38735" algn="ctr">
                        <a:lnSpc>
                          <a:spcPct val="100000"/>
                        </a:lnSpc>
                        <a:spcBef>
                          <a:spcPts val="935"/>
                        </a:spcBef>
                      </a:pPr>
                      <a:r>
                        <a:rPr sz="1000" spc="-50" dirty="0">
                          <a:latin typeface="Meiryo UI"/>
                          <a:cs typeface="Meiryo UI"/>
                        </a:rPr>
                        <a:t>6</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35"/>
                        </a:spcBef>
                      </a:pPr>
                      <a:r>
                        <a:rPr sz="1000" spc="-20" dirty="0">
                          <a:latin typeface="Meiryo UI"/>
                          <a:cs typeface="Meiryo UI"/>
                        </a:rPr>
                        <a:t>茨城県</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4925" algn="ctr">
                        <a:lnSpc>
                          <a:spcPct val="100000"/>
                        </a:lnSpc>
                        <a:spcBef>
                          <a:spcPts val="935"/>
                        </a:spcBef>
                      </a:pPr>
                      <a:r>
                        <a:rPr sz="1000" spc="-20" dirty="0">
                          <a:latin typeface="Meiryo UI"/>
                          <a:cs typeface="Meiryo UI"/>
                        </a:rPr>
                        <a:t>桜川市</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35"/>
                        </a:spcBef>
                      </a:pPr>
                      <a:r>
                        <a:rPr sz="1000" spc="-25" dirty="0">
                          <a:latin typeface="Meiryo UI"/>
                          <a:cs typeface="Meiryo UI"/>
                        </a:rPr>
                        <a:t>舗装</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35"/>
                        </a:spcBef>
                      </a:pPr>
                      <a:r>
                        <a:rPr sz="1100" spc="-35" dirty="0">
                          <a:latin typeface="Meiryo UI"/>
                          <a:cs typeface="Meiryo UI"/>
                        </a:rPr>
                        <a:t>補修工法や維持管理の方針・基準、職員体制等含めた道路舗装管理の仕組み作り</a:t>
                      </a:r>
                      <a:endParaRPr sz="1100">
                        <a:latin typeface="Meiryo UI"/>
                        <a:cs typeface="Meiryo UI"/>
                      </a:endParaRPr>
                    </a:p>
                  </a:txBody>
                  <a:tcPr marL="0" marR="0" marT="9068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4"/>
                  </a:ext>
                </a:extLst>
              </a:tr>
              <a:tr h="347515">
                <a:tc>
                  <a:txBody>
                    <a:bodyPr/>
                    <a:lstStyle/>
                    <a:p>
                      <a:pPr marL="38735" algn="ctr">
                        <a:lnSpc>
                          <a:spcPct val="100000"/>
                        </a:lnSpc>
                        <a:spcBef>
                          <a:spcPts val="935"/>
                        </a:spcBef>
                      </a:pPr>
                      <a:r>
                        <a:rPr sz="1000" spc="-50" dirty="0">
                          <a:latin typeface="Meiryo UI"/>
                          <a:cs typeface="Meiryo UI"/>
                        </a:rPr>
                        <a:t>7</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35"/>
                        </a:spcBef>
                      </a:pPr>
                      <a:r>
                        <a:rPr sz="1000" spc="-20" dirty="0">
                          <a:latin typeface="Meiryo UI"/>
                          <a:cs typeface="Meiryo UI"/>
                        </a:rPr>
                        <a:t>新潟県</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35"/>
                        </a:spcBef>
                      </a:pPr>
                      <a:r>
                        <a:rPr sz="1000" spc="-15" dirty="0">
                          <a:latin typeface="Meiryo UI"/>
                          <a:cs typeface="Meiryo UI"/>
                        </a:rPr>
                        <a:t>十日町市</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35"/>
                        </a:spcBef>
                      </a:pPr>
                      <a:r>
                        <a:rPr sz="1000" spc="-25" dirty="0">
                          <a:latin typeface="Meiryo UI"/>
                          <a:cs typeface="Meiryo UI"/>
                        </a:rPr>
                        <a:t>除雪</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35"/>
                        </a:spcBef>
                      </a:pPr>
                      <a:r>
                        <a:rPr sz="1100" spc="-35" dirty="0">
                          <a:latin typeface="Meiryo UI"/>
                          <a:cs typeface="Meiryo UI"/>
                        </a:rPr>
                        <a:t>排雪・攪拌作業の効率化、除雪体制適正化への助言、情報提供</a:t>
                      </a:r>
                      <a:endParaRPr sz="1100">
                        <a:latin typeface="Meiryo UI"/>
                        <a:cs typeface="Meiryo UI"/>
                      </a:endParaRPr>
                    </a:p>
                  </a:txBody>
                  <a:tcPr marL="0" marR="0" marT="9068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5"/>
                  </a:ext>
                </a:extLst>
              </a:tr>
              <a:tr h="346429">
                <a:tc>
                  <a:txBody>
                    <a:bodyPr/>
                    <a:lstStyle/>
                    <a:p>
                      <a:pPr marL="38735" algn="ctr">
                        <a:lnSpc>
                          <a:spcPct val="100000"/>
                        </a:lnSpc>
                        <a:spcBef>
                          <a:spcPts val="935"/>
                        </a:spcBef>
                      </a:pPr>
                      <a:r>
                        <a:rPr sz="1000" spc="-50" dirty="0">
                          <a:latin typeface="Meiryo UI"/>
                          <a:cs typeface="Meiryo UI"/>
                        </a:rPr>
                        <a:t>8</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35"/>
                        </a:spcBef>
                      </a:pPr>
                      <a:r>
                        <a:rPr sz="1000" spc="-20" dirty="0">
                          <a:latin typeface="Meiryo UI"/>
                          <a:cs typeface="Meiryo UI"/>
                        </a:rPr>
                        <a:t>静岡県</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4925" algn="ctr">
                        <a:lnSpc>
                          <a:spcPct val="100000"/>
                        </a:lnSpc>
                        <a:spcBef>
                          <a:spcPts val="935"/>
                        </a:spcBef>
                      </a:pPr>
                      <a:r>
                        <a:rPr sz="1000" spc="-20" dirty="0">
                          <a:latin typeface="Meiryo UI"/>
                          <a:cs typeface="Meiryo UI"/>
                        </a:rPr>
                        <a:t>静岡市</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35"/>
                        </a:spcBef>
                      </a:pPr>
                      <a:r>
                        <a:rPr sz="1000" spc="-25" dirty="0">
                          <a:latin typeface="Meiryo UI"/>
                          <a:cs typeface="Meiryo UI"/>
                        </a:rPr>
                        <a:t>橋梁</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35"/>
                        </a:spcBef>
                      </a:pPr>
                      <a:r>
                        <a:rPr sz="1100" spc="-35" dirty="0">
                          <a:latin typeface="Meiryo UI"/>
                          <a:cs typeface="Meiryo UI"/>
                        </a:rPr>
                        <a:t>タブレットを活用した橋梁点検への新技術導入、要領の見直しに関する助言、情報提供</a:t>
                      </a:r>
                      <a:endParaRPr sz="1100">
                        <a:latin typeface="Meiryo UI"/>
                        <a:cs typeface="Meiryo UI"/>
                      </a:endParaRPr>
                    </a:p>
                  </a:txBody>
                  <a:tcPr marL="0" marR="0" marT="9068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6"/>
                  </a:ext>
                </a:extLst>
              </a:tr>
              <a:tr h="347515">
                <a:tc>
                  <a:txBody>
                    <a:bodyPr/>
                    <a:lstStyle/>
                    <a:p>
                      <a:pPr marL="38735" algn="ctr">
                        <a:lnSpc>
                          <a:spcPct val="100000"/>
                        </a:lnSpc>
                        <a:spcBef>
                          <a:spcPts val="950"/>
                        </a:spcBef>
                      </a:pPr>
                      <a:r>
                        <a:rPr sz="1000" spc="-50" dirty="0">
                          <a:latin typeface="Meiryo UI"/>
                          <a:cs typeface="Meiryo UI"/>
                        </a:rPr>
                        <a:t>9</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0" dirty="0">
                          <a:latin typeface="Meiryo UI"/>
                          <a:cs typeface="Meiryo UI"/>
                        </a:rPr>
                        <a:t>愛知県</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4925" algn="ctr">
                        <a:lnSpc>
                          <a:spcPct val="100000"/>
                        </a:lnSpc>
                        <a:spcBef>
                          <a:spcPts val="950"/>
                        </a:spcBef>
                      </a:pPr>
                      <a:r>
                        <a:rPr sz="1000" spc="-20" dirty="0">
                          <a:latin typeface="Meiryo UI"/>
                          <a:cs typeface="Meiryo UI"/>
                        </a:rPr>
                        <a:t>豊川市</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5" dirty="0">
                          <a:latin typeface="Meiryo UI"/>
                          <a:cs typeface="Meiryo UI"/>
                        </a:rPr>
                        <a:t>舗装</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44"/>
                        </a:spcBef>
                      </a:pPr>
                      <a:r>
                        <a:rPr sz="1100" spc="-10" dirty="0">
                          <a:latin typeface="Meiryo UI"/>
                          <a:cs typeface="Meiryo UI"/>
                        </a:rPr>
                        <a:t>AI</a:t>
                      </a:r>
                      <a:r>
                        <a:rPr sz="1100" spc="-35" dirty="0">
                          <a:latin typeface="Meiryo UI"/>
                          <a:cs typeface="Meiryo UI"/>
                        </a:rPr>
                        <a:t>カメラによる道路損傷個所検出の精度向上、日常点検の効率化</a:t>
                      </a:r>
                      <a:endParaRPr sz="1100">
                        <a:latin typeface="Meiryo UI"/>
                        <a:cs typeface="Meiryo UI"/>
                      </a:endParaRPr>
                    </a:p>
                  </a:txBody>
                  <a:tcPr marL="0" marR="0" marT="9176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7"/>
                  </a:ext>
                </a:extLst>
              </a:tr>
              <a:tr h="347515">
                <a:tc>
                  <a:txBody>
                    <a:bodyPr/>
                    <a:lstStyle/>
                    <a:p>
                      <a:pPr marL="37465" algn="ctr">
                        <a:lnSpc>
                          <a:spcPct val="100000"/>
                        </a:lnSpc>
                        <a:spcBef>
                          <a:spcPts val="950"/>
                        </a:spcBef>
                      </a:pPr>
                      <a:r>
                        <a:rPr sz="1000" spc="-25" dirty="0">
                          <a:latin typeface="Meiryo UI"/>
                          <a:cs typeface="Meiryo UI"/>
                        </a:rPr>
                        <a:t>10</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0" dirty="0">
                          <a:latin typeface="Meiryo UI"/>
                          <a:cs typeface="Meiryo UI"/>
                        </a:rPr>
                        <a:t>京都府</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15" dirty="0">
                          <a:latin typeface="Meiryo UI"/>
                          <a:cs typeface="Meiryo UI"/>
                        </a:rPr>
                        <a:t>大山崎町</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5" dirty="0">
                          <a:latin typeface="Meiryo UI"/>
                          <a:cs typeface="Meiryo UI"/>
                        </a:rPr>
                        <a:t>橋梁</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44"/>
                        </a:spcBef>
                      </a:pPr>
                      <a:r>
                        <a:rPr sz="1100" spc="-35" dirty="0">
                          <a:latin typeface="Meiryo UI"/>
                          <a:cs typeface="Meiryo UI"/>
                        </a:rPr>
                        <a:t>新技術導入による日常点検の効率化、職員の負担軽減の仕組みの構築</a:t>
                      </a:r>
                      <a:endParaRPr sz="1100">
                        <a:latin typeface="Meiryo UI"/>
                        <a:cs typeface="Meiryo UI"/>
                      </a:endParaRPr>
                    </a:p>
                  </a:txBody>
                  <a:tcPr marL="0" marR="0" marT="9176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8"/>
                  </a:ext>
                </a:extLst>
              </a:tr>
              <a:tr h="459915">
                <a:tc>
                  <a:txBody>
                    <a:bodyPr/>
                    <a:lstStyle/>
                    <a:p>
                      <a:pPr>
                        <a:lnSpc>
                          <a:spcPct val="100000"/>
                        </a:lnSpc>
                        <a:spcBef>
                          <a:spcPts val="140"/>
                        </a:spcBef>
                      </a:pPr>
                      <a:endParaRPr sz="1000">
                        <a:latin typeface="Times New Roman"/>
                        <a:cs typeface="Times New Roman"/>
                      </a:endParaRPr>
                    </a:p>
                    <a:p>
                      <a:pPr marL="37465" algn="ctr">
                        <a:lnSpc>
                          <a:spcPct val="100000"/>
                        </a:lnSpc>
                      </a:pPr>
                      <a:r>
                        <a:rPr sz="1000" spc="-25" dirty="0">
                          <a:latin typeface="Meiryo UI"/>
                          <a:cs typeface="Meiryo UI"/>
                        </a:rPr>
                        <a:t>11</a:t>
                      </a:r>
                      <a:endParaRPr sz="1000">
                        <a:latin typeface="Meiryo UI"/>
                        <a:cs typeface="Meiryo UI"/>
                      </a:endParaRPr>
                    </a:p>
                  </a:txBody>
                  <a:tcPr marL="0" marR="0" marT="1520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140"/>
                        </a:spcBef>
                      </a:pPr>
                      <a:endParaRPr sz="1000">
                        <a:latin typeface="Times New Roman"/>
                        <a:cs typeface="Times New Roman"/>
                      </a:endParaRPr>
                    </a:p>
                    <a:p>
                      <a:pPr marL="36195" algn="ctr">
                        <a:lnSpc>
                          <a:spcPct val="100000"/>
                        </a:lnSpc>
                      </a:pPr>
                      <a:r>
                        <a:rPr sz="1000" spc="-20" dirty="0">
                          <a:latin typeface="Meiryo UI"/>
                          <a:cs typeface="Meiryo UI"/>
                        </a:rPr>
                        <a:t>兵庫県</a:t>
                      </a:r>
                      <a:endParaRPr sz="1000">
                        <a:latin typeface="Meiryo UI"/>
                        <a:cs typeface="Meiryo UI"/>
                      </a:endParaRPr>
                    </a:p>
                  </a:txBody>
                  <a:tcPr marL="0" marR="0" marT="1520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spcBef>
                          <a:spcPts val="140"/>
                        </a:spcBef>
                      </a:pPr>
                      <a:endParaRPr sz="1000">
                        <a:latin typeface="Times New Roman"/>
                        <a:cs typeface="Times New Roman"/>
                      </a:endParaRPr>
                    </a:p>
                    <a:p>
                      <a:pPr marL="34925" algn="ctr">
                        <a:lnSpc>
                          <a:spcPct val="100000"/>
                        </a:lnSpc>
                      </a:pPr>
                      <a:r>
                        <a:rPr sz="1000" spc="-20" dirty="0">
                          <a:latin typeface="Meiryo UI"/>
                          <a:cs typeface="Meiryo UI"/>
                        </a:rPr>
                        <a:t>川西市</a:t>
                      </a:r>
                      <a:endParaRPr sz="1000">
                        <a:latin typeface="Meiryo UI"/>
                        <a:cs typeface="Meiryo UI"/>
                      </a:endParaRPr>
                    </a:p>
                  </a:txBody>
                  <a:tcPr marL="0" marR="0" marT="1520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gn="ctr">
                        <a:lnSpc>
                          <a:spcPct val="100000"/>
                        </a:lnSpc>
                        <a:spcBef>
                          <a:spcPts val="745"/>
                        </a:spcBef>
                      </a:pPr>
                      <a:r>
                        <a:rPr sz="1000" spc="-10" dirty="0">
                          <a:latin typeface="Meiryo UI"/>
                          <a:cs typeface="Meiryo UI"/>
                        </a:rPr>
                        <a:t>舗装、橋梁道路</a:t>
                      </a:r>
                      <a:endParaRPr sz="1000">
                        <a:latin typeface="Meiryo UI"/>
                        <a:cs typeface="Meiryo UI"/>
                      </a:endParaRPr>
                    </a:p>
                    <a:p>
                      <a:pPr algn="ctr">
                        <a:lnSpc>
                          <a:spcPct val="100000"/>
                        </a:lnSpc>
                        <a:spcBef>
                          <a:spcPts val="50"/>
                        </a:spcBef>
                      </a:pPr>
                      <a:r>
                        <a:rPr sz="1000" dirty="0">
                          <a:latin typeface="Meiryo UI"/>
                          <a:cs typeface="Meiryo UI"/>
                        </a:rPr>
                        <a:t>（法面）</a:t>
                      </a:r>
                      <a:r>
                        <a:rPr sz="1000" spc="-10" dirty="0">
                          <a:latin typeface="Meiryo UI"/>
                          <a:cs typeface="Meiryo UI"/>
                        </a:rPr>
                        <a:t>、緑地法面</a:t>
                      </a:r>
                      <a:endParaRPr sz="1000">
                        <a:latin typeface="Meiryo UI"/>
                        <a:cs typeface="Meiryo UI"/>
                      </a:endParaRPr>
                    </a:p>
                  </a:txBody>
                  <a:tcPr marL="0" marR="0" marT="80906"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1350"/>
                        </a:spcBef>
                      </a:pPr>
                      <a:r>
                        <a:rPr sz="1100" spc="-40" dirty="0">
                          <a:latin typeface="Meiryo UI"/>
                          <a:cs typeface="Meiryo UI"/>
                        </a:rPr>
                        <a:t>道路・橋梁の点検、緑地法面の除草・樹木管理に関する新技術導入への助言</a:t>
                      </a:r>
                      <a:endParaRPr sz="1100">
                        <a:latin typeface="Meiryo UI"/>
                        <a:cs typeface="Meiryo UI"/>
                      </a:endParaRPr>
                    </a:p>
                  </a:txBody>
                  <a:tcPr marL="0" marR="0" marT="146608"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09"/>
                  </a:ext>
                </a:extLst>
              </a:tr>
              <a:tr h="346429">
                <a:tc>
                  <a:txBody>
                    <a:bodyPr/>
                    <a:lstStyle/>
                    <a:p>
                      <a:pPr marL="37465" algn="ctr">
                        <a:lnSpc>
                          <a:spcPct val="100000"/>
                        </a:lnSpc>
                        <a:spcBef>
                          <a:spcPts val="935"/>
                        </a:spcBef>
                      </a:pPr>
                      <a:r>
                        <a:rPr sz="1000" spc="-25" dirty="0">
                          <a:latin typeface="Meiryo UI"/>
                          <a:cs typeface="Meiryo UI"/>
                        </a:rPr>
                        <a:t>12</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35"/>
                        </a:spcBef>
                      </a:pPr>
                      <a:r>
                        <a:rPr sz="1000" spc="-20" dirty="0">
                          <a:latin typeface="Meiryo UI"/>
                          <a:cs typeface="Meiryo UI"/>
                        </a:rPr>
                        <a:t>奈良県</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35"/>
                        </a:spcBef>
                      </a:pPr>
                      <a:r>
                        <a:rPr sz="1000" spc="-15" dirty="0">
                          <a:latin typeface="Meiryo UI"/>
                          <a:cs typeface="Meiryo UI"/>
                        </a:rPr>
                        <a:t>十津川村</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35"/>
                        </a:spcBef>
                      </a:pPr>
                      <a:r>
                        <a:rPr sz="1000" spc="-25" dirty="0">
                          <a:latin typeface="Meiryo UI"/>
                          <a:cs typeface="Meiryo UI"/>
                        </a:rPr>
                        <a:t>橋梁</a:t>
                      </a:r>
                      <a:endParaRPr sz="1000">
                        <a:latin typeface="Meiryo UI"/>
                        <a:cs typeface="Meiryo UI"/>
                      </a:endParaRPr>
                    </a:p>
                  </a:txBody>
                  <a:tcPr marL="0" marR="0" marT="10154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35"/>
                        </a:spcBef>
                      </a:pPr>
                      <a:r>
                        <a:rPr sz="1100" spc="-35" dirty="0">
                          <a:latin typeface="Meiryo UI"/>
                          <a:cs typeface="Meiryo UI"/>
                        </a:rPr>
                        <a:t>広域に点在する橋梁の日常点検の効率化、吊橋の安価な点検手法の検討</a:t>
                      </a:r>
                      <a:endParaRPr sz="1100">
                        <a:latin typeface="Meiryo UI"/>
                        <a:cs typeface="Meiryo UI"/>
                      </a:endParaRPr>
                    </a:p>
                  </a:txBody>
                  <a:tcPr marL="0" marR="0" marT="9068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0"/>
                  </a:ext>
                </a:extLst>
              </a:tr>
              <a:tr h="347515">
                <a:tc>
                  <a:txBody>
                    <a:bodyPr/>
                    <a:lstStyle/>
                    <a:p>
                      <a:pPr marL="37465" algn="ctr">
                        <a:lnSpc>
                          <a:spcPct val="100000"/>
                        </a:lnSpc>
                        <a:spcBef>
                          <a:spcPts val="950"/>
                        </a:spcBef>
                      </a:pPr>
                      <a:r>
                        <a:rPr sz="1000" spc="-25" dirty="0">
                          <a:latin typeface="Meiryo UI"/>
                          <a:cs typeface="Meiryo UI"/>
                        </a:rPr>
                        <a:t>13</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0" dirty="0">
                          <a:latin typeface="Meiryo UI"/>
                          <a:cs typeface="Meiryo UI"/>
                        </a:rPr>
                        <a:t>山口県</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4925" algn="ctr">
                        <a:lnSpc>
                          <a:spcPct val="100000"/>
                        </a:lnSpc>
                        <a:spcBef>
                          <a:spcPts val="950"/>
                        </a:spcBef>
                      </a:pPr>
                      <a:r>
                        <a:rPr sz="1000" spc="-20" dirty="0">
                          <a:latin typeface="Meiryo UI"/>
                          <a:cs typeface="Meiryo UI"/>
                        </a:rPr>
                        <a:t>周南市</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5" dirty="0">
                          <a:latin typeface="Meiryo UI"/>
                          <a:cs typeface="Meiryo UI"/>
                        </a:rPr>
                        <a:t>橋梁</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44"/>
                        </a:spcBef>
                      </a:pPr>
                      <a:r>
                        <a:rPr sz="1100" spc="-30" dirty="0">
                          <a:latin typeface="Meiryo UI"/>
                          <a:cs typeface="Meiryo UI"/>
                        </a:rPr>
                        <a:t>監視対象橋梁の措置・監視方法に対する助言および新技術導入</a:t>
                      </a:r>
                      <a:endParaRPr sz="1100">
                        <a:latin typeface="Meiryo UI"/>
                        <a:cs typeface="Meiryo UI"/>
                      </a:endParaRPr>
                    </a:p>
                  </a:txBody>
                  <a:tcPr marL="0" marR="0" marT="9176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1"/>
                  </a:ext>
                </a:extLst>
              </a:tr>
              <a:tr h="347515">
                <a:tc>
                  <a:txBody>
                    <a:bodyPr/>
                    <a:lstStyle/>
                    <a:p>
                      <a:pPr marL="37465" algn="ctr">
                        <a:lnSpc>
                          <a:spcPct val="100000"/>
                        </a:lnSpc>
                        <a:spcBef>
                          <a:spcPts val="950"/>
                        </a:spcBef>
                      </a:pPr>
                      <a:r>
                        <a:rPr sz="1000" spc="-25" dirty="0">
                          <a:latin typeface="Meiryo UI"/>
                          <a:cs typeface="Meiryo UI"/>
                        </a:rPr>
                        <a:t>14</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0" dirty="0">
                          <a:latin typeface="Meiryo UI"/>
                          <a:cs typeface="Meiryo UI"/>
                        </a:rPr>
                        <a:t>徳島県</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4925" algn="ctr">
                        <a:lnSpc>
                          <a:spcPct val="100000"/>
                        </a:lnSpc>
                        <a:spcBef>
                          <a:spcPts val="950"/>
                        </a:spcBef>
                      </a:pPr>
                      <a:r>
                        <a:rPr sz="1000" spc="-20" dirty="0">
                          <a:latin typeface="Meiryo UI"/>
                          <a:cs typeface="Meiryo UI"/>
                        </a:rPr>
                        <a:t>美波町</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5" dirty="0">
                          <a:latin typeface="Meiryo UI"/>
                          <a:cs typeface="Meiryo UI"/>
                        </a:rPr>
                        <a:t>橋梁</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44"/>
                        </a:spcBef>
                      </a:pPr>
                      <a:r>
                        <a:rPr sz="1100" spc="-35" dirty="0">
                          <a:latin typeface="Meiryo UI"/>
                          <a:cs typeface="Meiryo UI"/>
                        </a:rPr>
                        <a:t>損傷度判定に関する職員、地元企業のノウハウ向上・継承、修繕に対する方針の明確化</a:t>
                      </a:r>
                      <a:endParaRPr sz="1100">
                        <a:latin typeface="Meiryo UI"/>
                        <a:cs typeface="Meiryo UI"/>
                      </a:endParaRPr>
                    </a:p>
                  </a:txBody>
                  <a:tcPr marL="0" marR="0" marT="91765"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2"/>
                  </a:ext>
                </a:extLst>
              </a:tr>
              <a:tr h="347515">
                <a:tc>
                  <a:txBody>
                    <a:bodyPr/>
                    <a:lstStyle/>
                    <a:p>
                      <a:pPr marL="37465" algn="ctr">
                        <a:lnSpc>
                          <a:spcPct val="100000"/>
                        </a:lnSpc>
                        <a:spcBef>
                          <a:spcPts val="950"/>
                        </a:spcBef>
                      </a:pPr>
                      <a:r>
                        <a:rPr sz="1000" spc="-25" dirty="0">
                          <a:latin typeface="Meiryo UI"/>
                          <a:cs typeface="Meiryo UI"/>
                        </a:rPr>
                        <a:t>15</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0" dirty="0">
                          <a:latin typeface="Meiryo UI"/>
                          <a:cs typeface="Meiryo UI"/>
                        </a:rPr>
                        <a:t>大分県</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15" dirty="0">
                          <a:latin typeface="Meiryo UI"/>
                          <a:cs typeface="Meiryo UI"/>
                        </a:rPr>
                        <a:t>津久見市</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5" dirty="0">
                          <a:latin typeface="Meiryo UI"/>
                          <a:cs typeface="Meiryo UI"/>
                        </a:rPr>
                        <a:t>橋梁</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35"/>
                        </a:spcBef>
                      </a:pPr>
                      <a:r>
                        <a:rPr sz="1100" spc="-35" dirty="0">
                          <a:latin typeface="Meiryo UI"/>
                          <a:cs typeface="Meiryo UI"/>
                        </a:rPr>
                        <a:t>中小規模橋梁の点検・補修への新技術導入、直営点検導入に向けた支援</a:t>
                      </a:r>
                      <a:endParaRPr sz="1100">
                        <a:latin typeface="Meiryo UI"/>
                        <a:cs typeface="Meiryo UI"/>
                      </a:endParaRPr>
                    </a:p>
                  </a:txBody>
                  <a:tcPr marL="0" marR="0" marT="9068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3"/>
                  </a:ext>
                </a:extLst>
              </a:tr>
              <a:tr h="347515">
                <a:tc>
                  <a:txBody>
                    <a:bodyPr/>
                    <a:lstStyle/>
                    <a:p>
                      <a:pPr marL="37465" algn="ctr">
                        <a:lnSpc>
                          <a:spcPct val="100000"/>
                        </a:lnSpc>
                        <a:spcBef>
                          <a:spcPts val="950"/>
                        </a:spcBef>
                      </a:pPr>
                      <a:r>
                        <a:rPr sz="1000" spc="-25" dirty="0">
                          <a:latin typeface="Meiryo UI"/>
                          <a:cs typeface="Meiryo UI"/>
                        </a:rPr>
                        <a:t>16</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0" dirty="0">
                          <a:latin typeface="Meiryo UI"/>
                          <a:cs typeface="Meiryo UI"/>
                        </a:rPr>
                        <a:t>大分県</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4925" algn="ctr">
                        <a:lnSpc>
                          <a:spcPct val="100000"/>
                        </a:lnSpc>
                        <a:spcBef>
                          <a:spcPts val="950"/>
                        </a:spcBef>
                      </a:pPr>
                      <a:r>
                        <a:rPr sz="1000" spc="-20" dirty="0">
                          <a:latin typeface="Meiryo UI"/>
                          <a:cs typeface="Meiryo UI"/>
                        </a:rPr>
                        <a:t>杵築市</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6195" algn="ctr">
                        <a:lnSpc>
                          <a:spcPct val="100000"/>
                        </a:lnSpc>
                        <a:spcBef>
                          <a:spcPts val="950"/>
                        </a:spcBef>
                      </a:pPr>
                      <a:r>
                        <a:rPr sz="1000" spc="-25" dirty="0">
                          <a:latin typeface="Meiryo UI"/>
                          <a:cs typeface="Meiryo UI"/>
                        </a:rPr>
                        <a:t>橋梁</a:t>
                      </a:r>
                      <a:endParaRPr sz="1000">
                        <a:latin typeface="Meiryo UI"/>
                        <a:cs typeface="Meiryo UI"/>
                      </a:endParaRPr>
                    </a:p>
                  </a:txBody>
                  <a:tcPr marL="0" marR="0" marT="103169"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37465">
                        <a:lnSpc>
                          <a:spcPct val="100000"/>
                        </a:lnSpc>
                        <a:spcBef>
                          <a:spcPts val="835"/>
                        </a:spcBef>
                      </a:pPr>
                      <a:r>
                        <a:rPr sz="1100" spc="-25" dirty="0">
                          <a:latin typeface="Meiryo UI"/>
                          <a:cs typeface="Meiryo UI"/>
                        </a:rPr>
                        <a:t>包括的民間委託による</a:t>
                      </a:r>
                      <a:r>
                        <a:rPr sz="1100" spc="-20" dirty="0">
                          <a:latin typeface="Meiryo UI"/>
                          <a:cs typeface="Meiryo UI"/>
                        </a:rPr>
                        <a:t>3</a:t>
                      </a:r>
                      <a:r>
                        <a:rPr sz="1100" spc="-30" dirty="0">
                          <a:latin typeface="Meiryo UI"/>
                          <a:cs typeface="Meiryo UI"/>
                        </a:rPr>
                        <a:t>次元データ導入に対する発注支援</a:t>
                      </a:r>
                      <a:endParaRPr sz="1100">
                        <a:latin typeface="Meiryo UI"/>
                        <a:cs typeface="Meiryo UI"/>
                      </a:endParaRPr>
                    </a:p>
                  </a:txBody>
                  <a:tcPr marL="0" marR="0" marT="9068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extLst>
                  <a:ext uri="{0D108BD9-81ED-4DB2-BD59-A6C34878D82A}">
                    <a16:rowId xmlns:a16="http://schemas.microsoft.com/office/drawing/2014/main" val="10014"/>
                  </a:ext>
                </a:extLst>
              </a:tr>
            </a:tbl>
          </a:graphicData>
        </a:graphic>
      </p:graphicFrame>
      <p:sp>
        <p:nvSpPr>
          <p:cNvPr id="3" name="object 3"/>
          <p:cNvSpPr txBox="1"/>
          <p:nvPr/>
        </p:nvSpPr>
        <p:spPr>
          <a:xfrm>
            <a:off x="74905" y="352850"/>
            <a:ext cx="3626939" cy="266963"/>
          </a:xfrm>
          <a:prstGeom prst="rect">
            <a:avLst/>
          </a:prstGeom>
        </p:spPr>
        <p:txBody>
          <a:bodyPr vert="horz" wrap="square" lIns="0" tIns="10317" rIns="0" bIns="0" rtlCol="0">
            <a:spAutoFit/>
          </a:bodyPr>
          <a:lstStyle/>
          <a:p>
            <a:pPr marL="10860">
              <a:spcBef>
                <a:spcPts val="81"/>
              </a:spcBef>
            </a:pPr>
            <a:r>
              <a:rPr sz="1667" spc="-34" dirty="0">
                <a:solidFill>
                  <a:srgbClr val="3F87C8"/>
                </a:solidFill>
                <a:latin typeface="HGP創英角ｺﾞｼｯｸUB"/>
                <a:cs typeface="HGP創英角ｺﾞｼｯｸUB"/>
              </a:rPr>
              <a:t>モデル自治体の検討状況整理表</a:t>
            </a:r>
            <a:endParaRPr sz="1667" dirty="0">
              <a:latin typeface="HGP創英角ｺﾞｼｯｸUB"/>
              <a:cs typeface="HGP創英角ｺﾞｼｯｸUB"/>
            </a:endParaRPr>
          </a:p>
        </p:txBody>
      </p:sp>
    </p:spTree>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0" y="263244"/>
            <a:ext cx="9143457" cy="504440"/>
            <a:chOff x="0" y="79248"/>
            <a:chExt cx="10692765" cy="589915"/>
          </a:xfrm>
        </p:grpSpPr>
        <p:pic>
          <p:nvPicPr>
            <p:cNvPr id="3" name="object 3"/>
            <p:cNvPicPr/>
            <p:nvPr/>
          </p:nvPicPr>
          <p:blipFill>
            <a:blip r:embed="rId2" cstate="print"/>
            <a:stretch>
              <a:fillRect/>
            </a:stretch>
          </p:blipFill>
          <p:spPr>
            <a:xfrm>
              <a:off x="0" y="594360"/>
              <a:ext cx="10692384" cy="74675"/>
            </a:xfrm>
            <a:prstGeom prst="rect">
              <a:avLst/>
            </a:prstGeom>
          </p:spPr>
        </p:pic>
        <p:pic>
          <p:nvPicPr>
            <p:cNvPr id="4" name="object 4"/>
            <p:cNvPicPr/>
            <p:nvPr/>
          </p:nvPicPr>
          <p:blipFill>
            <a:blip r:embed="rId3" cstate="print"/>
            <a:stretch>
              <a:fillRect/>
            </a:stretch>
          </p:blipFill>
          <p:spPr>
            <a:xfrm>
              <a:off x="7158228" y="79248"/>
              <a:ext cx="3534156" cy="545591"/>
            </a:xfrm>
            <a:prstGeom prst="rect">
              <a:avLst/>
            </a:prstGeom>
          </p:spPr>
        </p:pic>
        <p:pic>
          <p:nvPicPr>
            <p:cNvPr id="5" name="object 5"/>
            <p:cNvPicPr/>
            <p:nvPr/>
          </p:nvPicPr>
          <p:blipFill>
            <a:blip r:embed="rId4" cstate="print"/>
            <a:stretch>
              <a:fillRect/>
            </a:stretch>
          </p:blipFill>
          <p:spPr>
            <a:xfrm>
              <a:off x="1937004" y="79248"/>
              <a:ext cx="5335523" cy="545591"/>
            </a:xfrm>
            <a:prstGeom prst="rect">
              <a:avLst/>
            </a:prstGeom>
          </p:spPr>
        </p:pic>
        <p:pic>
          <p:nvPicPr>
            <p:cNvPr id="6" name="object 6"/>
            <p:cNvPicPr/>
            <p:nvPr/>
          </p:nvPicPr>
          <p:blipFill>
            <a:blip r:embed="rId5" cstate="print"/>
            <a:stretch>
              <a:fillRect/>
            </a:stretch>
          </p:blipFill>
          <p:spPr>
            <a:xfrm>
              <a:off x="0" y="79248"/>
              <a:ext cx="3325367" cy="545591"/>
            </a:xfrm>
            <a:prstGeom prst="rect">
              <a:avLst/>
            </a:prstGeom>
          </p:spPr>
        </p:pic>
      </p:grpSp>
      <p:sp>
        <p:nvSpPr>
          <p:cNvPr id="7" name="object 7"/>
          <p:cNvSpPr txBox="1">
            <a:spLocks noGrp="1"/>
          </p:cNvSpPr>
          <p:nvPr>
            <p:ph type="title"/>
          </p:nvPr>
        </p:nvSpPr>
        <p:spPr>
          <a:xfrm>
            <a:off x="76555" y="352850"/>
            <a:ext cx="6872661"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青森県黒石市</a:t>
            </a:r>
            <a:r>
              <a:rPr spc="-9" dirty="0"/>
              <a:t>）</a:t>
            </a:r>
            <a:r>
              <a:rPr spc="-30" dirty="0"/>
              <a:t>除雪事業者の連携体制構築、除雪出動の判断基準の適正化</a:t>
            </a:r>
          </a:p>
        </p:txBody>
      </p:sp>
      <p:sp>
        <p:nvSpPr>
          <p:cNvPr id="8" name="object 8"/>
          <p:cNvSpPr txBox="1"/>
          <p:nvPr/>
        </p:nvSpPr>
        <p:spPr>
          <a:xfrm>
            <a:off x="250210" y="1155923"/>
            <a:ext cx="8625985" cy="1423533"/>
          </a:xfrm>
          <a:prstGeom prst="rect">
            <a:avLst/>
          </a:prstGeom>
          <a:ln w="13715">
            <a:solidFill>
              <a:srgbClr val="000000"/>
            </a:solidFill>
          </a:ln>
        </p:spPr>
        <p:txBody>
          <a:bodyPr vert="horz" wrap="square" lIns="0" tIns="170500" rIns="0" bIns="0" rtlCol="0">
            <a:spAutoFit/>
          </a:bodyPr>
          <a:lstStyle/>
          <a:p>
            <a:pPr marL="250861" marR="135747" indent="-165611">
              <a:lnSpc>
                <a:spcPts val="1462"/>
              </a:lnSpc>
              <a:spcBef>
                <a:spcPts val="1343"/>
              </a:spcBef>
            </a:pPr>
            <a:r>
              <a:rPr sz="1283" spc="-13" dirty="0">
                <a:latin typeface="ＭＳ Ｐゴシック"/>
                <a:cs typeface="ＭＳ Ｐゴシック"/>
              </a:rPr>
              <a:t>〇「除雪事業者との連絡調整システム」や「除雪車の位置情報管理システム」を導入し、パトロール業務の効率化を図る。また、除雪事業者の連携体制構築・除雪判断基準の適正化に向けた検討を進める。</a:t>
            </a:r>
            <a:endParaRPr sz="1283">
              <a:latin typeface="ＭＳ Ｐゴシック"/>
              <a:cs typeface="ＭＳ Ｐゴシック"/>
            </a:endParaRPr>
          </a:p>
          <a:p>
            <a:pPr marL="85792">
              <a:spcBef>
                <a:spcPts val="616"/>
              </a:spcBef>
            </a:pPr>
            <a:r>
              <a:rPr sz="1283" spc="-13" dirty="0">
                <a:latin typeface="ＭＳ Ｐゴシック"/>
                <a:cs typeface="ＭＳ Ｐゴシック"/>
              </a:rPr>
              <a:t>〇「除雪車の位置情報管理システム」は、６月に業者が決定。除雪業務が開始する１１月頃の稼働開始に向けて準備中。</a:t>
            </a:r>
            <a:endParaRPr sz="1283">
              <a:latin typeface="ＭＳ Ｐゴシック"/>
              <a:cs typeface="ＭＳ Ｐゴシック"/>
            </a:endParaRPr>
          </a:p>
          <a:p>
            <a:pPr marL="250861">
              <a:spcBef>
                <a:spcPts val="21"/>
              </a:spcBef>
            </a:pPr>
            <a:r>
              <a:rPr sz="1283" spc="-13" dirty="0">
                <a:latin typeface="ＭＳ Ｐゴシック"/>
                <a:cs typeface="ＭＳ Ｐゴシック"/>
              </a:rPr>
              <a:t>「除雪事業者との連絡調整システム」、連携体制構築・除雪判断基準の適正化については除雪業務開始後に検証予定。</a:t>
            </a:r>
            <a:endParaRPr sz="1283">
              <a:latin typeface="ＭＳ Ｐゴシック"/>
              <a:cs typeface="ＭＳ Ｐゴシック"/>
            </a:endParaRPr>
          </a:p>
        </p:txBody>
      </p:sp>
      <p:grpSp>
        <p:nvGrpSpPr>
          <p:cNvPr id="9" name="object 9"/>
          <p:cNvGrpSpPr/>
          <p:nvPr/>
        </p:nvGrpSpPr>
        <p:grpSpPr>
          <a:xfrm>
            <a:off x="151168" y="5009434"/>
            <a:ext cx="4670825" cy="1562733"/>
            <a:chOff x="176783" y="5629655"/>
            <a:chExt cx="5462270" cy="1827530"/>
          </a:xfrm>
        </p:grpSpPr>
        <p:sp>
          <p:nvSpPr>
            <p:cNvPr id="10" name="object 10"/>
            <p:cNvSpPr/>
            <p:nvPr/>
          </p:nvSpPr>
          <p:spPr>
            <a:xfrm>
              <a:off x="176783" y="5629655"/>
              <a:ext cx="5462270" cy="1827530"/>
            </a:xfrm>
            <a:custGeom>
              <a:avLst/>
              <a:gdLst/>
              <a:ahLst/>
              <a:cxnLst/>
              <a:rect l="l" t="t" r="r" b="b"/>
              <a:pathLst>
                <a:path w="5462270" h="1827529">
                  <a:moveTo>
                    <a:pt x="5462016" y="1827276"/>
                  </a:moveTo>
                  <a:lnTo>
                    <a:pt x="0" y="1827276"/>
                  </a:lnTo>
                  <a:lnTo>
                    <a:pt x="0" y="0"/>
                  </a:lnTo>
                  <a:lnTo>
                    <a:pt x="5462016" y="0"/>
                  </a:lnTo>
                  <a:lnTo>
                    <a:pt x="5462016" y="1827276"/>
                  </a:lnTo>
                  <a:close/>
                </a:path>
              </a:pathLst>
            </a:custGeom>
            <a:solidFill>
              <a:srgbClr val="DBE6F2"/>
            </a:solidFill>
          </p:spPr>
          <p:txBody>
            <a:bodyPr wrap="square" lIns="0" tIns="0" rIns="0" bIns="0" rtlCol="0"/>
            <a:lstStyle/>
            <a:p>
              <a:endParaRPr sz="1749"/>
            </a:p>
          </p:txBody>
        </p:sp>
        <p:pic>
          <p:nvPicPr>
            <p:cNvPr id="11" name="object 11"/>
            <p:cNvPicPr/>
            <p:nvPr/>
          </p:nvPicPr>
          <p:blipFill>
            <a:blip r:embed="rId6" cstate="print"/>
            <a:stretch>
              <a:fillRect/>
            </a:stretch>
          </p:blipFill>
          <p:spPr>
            <a:xfrm>
              <a:off x="574548" y="5981700"/>
              <a:ext cx="1670303" cy="1239012"/>
            </a:xfrm>
            <a:prstGeom prst="rect">
              <a:avLst/>
            </a:prstGeom>
          </p:spPr>
        </p:pic>
      </p:grpSp>
      <p:sp>
        <p:nvSpPr>
          <p:cNvPr id="12" name="object 12"/>
          <p:cNvSpPr txBox="1"/>
          <p:nvPr/>
        </p:nvSpPr>
        <p:spPr>
          <a:xfrm>
            <a:off x="295822" y="3625454"/>
            <a:ext cx="1625178" cy="239645"/>
          </a:xfrm>
          <a:prstGeom prst="rect">
            <a:avLst/>
          </a:prstGeom>
          <a:solidFill>
            <a:srgbClr val="B6DDE8"/>
          </a:solidFill>
          <a:ln w="10667">
            <a:solidFill>
              <a:srgbClr val="00AFEF"/>
            </a:solidFill>
          </a:ln>
        </p:spPr>
        <p:txBody>
          <a:bodyPr vert="horz" wrap="square" lIns="0" tIns="41810" rIns="0" bIns="0" rtlCol="0">
            <a:spAutoFit/>
          </a:bodyPr>
          <a:lstStyle/>
          <a:p>
            <a:pPr marL="155838">
              <a:spcBef>
                <a:spcPts val="329"/>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13" name="object 13"/>
          <p:cNvSpPr/>
          <p:nvPr/>
        </p:nvSpPr>
        <p:spPr>
          <a:xfrm>
            <a:off x="4950139" y="2430436"/>
            <a:ext cx="0" cy="4132719"/>
          </a:xfrm>
          <a:custGeom>
            <a:avLst/>
            <a:gdLst/>
            <a:ahLst/>
            <a:cxnLst/>
            <a:rect l="l" t="t" r="r" b="b"/>
            <a:pathLst>
              <a:path h="4832984">
                <a:moveTo>
                  <a:pt x="0" y="0"/>
                </a:moveTo>
                <a:lnTo>
                  <a:pt x="0" y="4832604"/>
                </a:lnTo>
              </a:path>
            </a:pathLst>
          </a:custGeom>
          <a:ln w="13716">
            <a:solidFill>
              <a:srgbClr val="000000"/>
            </a:solidFill>
            <a:prstDash val="sysDash"/>
          </a:ln>
        </p:spPr>
        <p:txBody>
          <a:bodyPr wrap="square" lIns="0" tIns="0" rIns="0" bIns="0" rtlCol="0"/>
          <a:lstStyle/>
          <a:p>
            <a:endParaRPr sz="1749"/>
          </a:p>
        </p:txBody>
      </p:sp>
      <p:sp>
        <p:nvSpPr>
          <p:cNvPr id="14" name="object 14"/>
          <p:cNvSpPr txBox="1"/>
          <p:nvPr/>
        </p:nvSpPr>
        <p:spPr>
          <a:xfrm>
            <a:off x="251524" y="6411287"/>
            <a:ext cx="1929254" cy="138130"/>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出典）https://line-</a:t>
            </a:r>
            <a:r>
              <a:rPr sz="812" spc="-9" dirty="0">
                <a:latin typeface="ＭＳ Ｐゴシック"/>
                <a:cs typeface="ＭＳ Ｐゴシック"/>
              </a:rPr>
              <a:t>works.com/feature/talk/</a:t>
            </a:r>
            <a:endParaRPr sz="812">
              <a:latin typeface="ＭＳ Ｐゴシック"/>
              <a:cs typeface="ＭＳ Ｐゴシック"/>
            </a:endParaRPr>
          </a:p>
        </p:txBody>
      </p:sp>
      <p:sp>
        <p:nvSpPr>
          <p:cNvPr id="15" name="object 15"/>
          <p:cNvSpPr txBox="1"/>
          <p:nvPr/>
        </p:nvSpPr>
        <p:spPr>
          <a:xfrm>
            <a:off x="232693" y="3931369"/>
            <a:ext cx="4630100" cy="1277239"/>
          </a:xfrm>
          <a:prstGeom prst="rect">
            <a:avLst/>
          </a:prstGeom>
        </p:spPr>
        <p:txBody>
          <a:bodyPr vert="horz" wrap="square" lIns="0" tIns="10317" rIns="0" bIns="0" rtlCol="0">
            <a:spAutoFit/>
          </a:bodyPr>
          <a:lstStyle/>
          <a:p>
            <a:pPr marL="142806" marR="29321" indent="-131946">
              <a:spcBef>
                <a:spcPts val="81"/>
              </a:spcBef>
            </a:pPr>
            <a:r>
              <a:rPr sz="1112" spc="-17" dirty="0">
                <a:latin typeface="ＭＳ Ｐゴシック"/>
                <a:cs typeface="ＭＳ Ｐゴシック"/>
              </a:rPr>
              <a:t>〇</a:t>
            </a:r>
            <a:r>
              <a:rPr sz="1112" spc="-9" dirty="0">
                <a:latin typeface="ＭＳ Ｐゴシック"/>
                <a:cs typeface="ＭＳ Ｐゴシック"/>
              </a:rPr>
              <a:t>（</a:t>
            </a:r>
            <a:r>
              <a:rPr sz="1112" spc="-17" dirty="0">
                <a:latin typeface="ＭＳ Ｐゴシック"/>
                <a:cs typeface="ＭＳ Ｐゴシック"/>
              </a:rPr>
              <a:t>事業者への連絡体制</a:t>
            </a:r>
            <a:r>
              <a:rPr sz="1112" spc="-9" dirty="0">
                <a:latin typeface="ＭＳ Ｐゴシック"/>
                <a:cs typeface="ＭＳ Ｐゴシック"/>
              </a:rPr>
              <a:t>）LINEWORKS</a:t>
            </a:r>
            <a:r>
              <a:rPr sz="1112" spc="-26" dirty="0">
                <a:latin typeface="ＭＳ Ｐゴシック"/>
                <a:cs typeface="ＭＳ Ｐゴシック"/>
              </a:rPr>
              <a:t>を用いた除雪事業者との連絡調整シス</a:t>
            </a:r>
            <a:r>
              <a:rPr sz="1112" spc="-30" dirty="0">
                <a:latin typeface="ＭＳ Ｐゴシック"/>
                <a:cs typeface="ＭＳ Ｐゴシック"/>
              </a:rPr>
              <a:t>テムを検討。</a:t>
            </a:r>
            <a:endParaRPr sz="1112">
              <a:latin typeface="ＭＳ Ｐゴシック"/>
              <a:cs typeface="ＭＳ Ｐゴシック"/>
            </a:endParaRPr>
          </a:p>
          <a:p>
            <a:pPr marL="142806" marR="4344" indent="-131946">
              <a:lnSpc>
                <a:spcPts val="1325"/>
              </a:lnSpc>
              <a:spcBef>
                <a:spcPts val="603"/>
              </a:spcBef>
            </a:pPr>
            <a:r>
              <a:rPr sz="1112" spc="-17" dirty="0">
                <a:latin typeface="ＭＳ Ｐゴシック"/>
                <a:cs typeface="ＭＳ Ｐゴシック"/>
              </a:rPr>
              <a:t>〇</a:t>
            </a:r>
            <a:r>
              <a:rPr sz="1112" spc="-9" dirty="0">
                <a:latin typeface="ＭＳ Ｐゴシック"/>
                <a:cs typeface="ＭＳ Ｐゴシック"/>
              </a:rPr>
              <a:t>（</a:t>
            </a:r>
            <a:r>
              <a:rPr sz="1112" spc="-17" dirty="0">
                <a:latin typeface="ＭＳ Ｐゴシック"/>
                <a:cs typeface="ＭＳ Ｐゴシック"/>
              </a:rPr>
              <a:t>事業者の作業状況確認</a:t>
            </a:r>
            <a:r>
              <a:rPr sz="1112" spc="-9" dirty="0">
                <a:latin typeface="ＭＳ Ｐゴシック"/>
                <a:cs typeface="ＭＳ Ｐゴシック"/>
              </a:rPr>
              <a:t>）</a:t>
            </a:r>
            <a:r>
              <a:rPr sz="1112" spc="-26" dirty="0">
                <a:latin typeface="ＭＳ Ｐゴシック"/>
                <a:cs typeface="ＭＳ Ｐゴシック"/>
              </a:rPr>
              <a:t>除雪管理システム</a:t>
            </a:r>
            <a:r>
              <a:rPr sz="1112" spc="-9" dirty="0">
                <a:latin typeface="ＭＳ Ｐゴシック"/>
                <a:cs typeface="ＭＳ Ｐゴシック"/>
              </a:rPr>
              <a:t>（</a:t>
            </a:r>
            <a:r>
              <a:rPr sz="1112" spc="-26" dirty="0">
                <a:latin typeface="ＭＳ Ｐゴシック"/>
                <a:cs typeface="ＭＳ Ｐゴシック"/>
              </a:rPr>
              <a:t>ワイズ公共データシステム㈱</a:t>
            </a:r>
            <a:r>
              <a:rPr sz="1112" spc="-43" dirty="0">
                <a:latin typeface="ＭＳ Ｐゴシック"/>
                <a:cs typeface="ＭＳ Ｐゴシック"/>
              </a:rPr>
              <a:t>）</a:t>
            </a:r>
            <a:r>
              <a:rPr sz="1112" spc="-17" dirty="0">
                <a:latin typeface="ＭＳ Ｐゴシック"/>
                <a:cs typeface="ＭＳ Ｐゴシック"/>
              </a:rPr>
              <a:t>等の</a:t>
            </a:r>
            <a:r>
              <a:rPr sz="1112" spc="-9" dirty="0">
                <a:latin typeface="ＭＳ Ｐゴシック"/>
                <a:cs typeface="ＭＳ Ｐゴシック"/>
              </a:rPr>
              <a:t>GPS</a:t>
            </a:r>
            <a:r>
              <a:rPr sz="1112" spc="-30" dirty="0">
                <a:latin typeface="ＭＳ Ｐゴシック"/>
                <a:cs typeface="ＭＳ Ｐゴシック"/>
              </a:rPr>
              <a:t>による除雪車の位置情報管理システムを検討。</a:t>
            </a:r>
            <a:endParaRPr sz="1112">
              <a:latin typeface="ＭＳ Ｐゴシック"/>
              <a:cs typeface="ＭＳ Ｐゴシック"/>
            </a:endParaRPr>
          </a:p>
          <a:p>
            <a:pPr marL="10860">
              <a:spcBef>
                <a:spcPts val="509"/>
              </a:spcBef>
            </a:pPr>
            <a:r>
              <a:rPr sz="1112" spc="-26" dirty="0">
                <a:latin typeface="ＭＳ Ｐゴシック"/>
                <a:cs typeface="ＭＳ Ｐゴシック"/>
              </a:rPr>
              <a:t>〇除雪判断を補助する新技術について探索中。</a:t>
            </a:r>
            <a:endParaRPr sz="1112">
              <a:latin typeface="ＭＳ Ｐゴシック"/>
              <a:cs typeface="ＭＳ Ｐゴシック"/>
            </a:endParaRPr>
          </a:p>
          <a:p>
            <a:pPr marL="262263">
              <a:spcBef>
                <a:spcPts val="1227"/>
              </a:spcBef>
              <a:tabLst>
                <a:tab pos="2558562" algn="l"/>
              </a:tabLst>
            </a:pPr>
            <a:r>
              <a:rPr sz="1219" baseline="5847" dirty="0">
                <a:latin typeface="ＭＳ Ｐゴシック"/>
                <a:cs typeface="ＭＳ Ｐゴシック"/>
              </a:rPr>
              <a:t>LINEWORKSを用いた出動連</a:t>
            </a:r>
            <a:r>
              <a:rPr sz="1219" spc="-64" baseline="5847" dirty="0">
                <a:latin typeface="ＭＳ Ｐゴシック"/>
                <a:cs typeface="ＭＳ Ｐゴシック"/>
              </a:rPr>
              <a:t>絡</a:t>
            </a:r>
            <a:r>
              <a:rPr sz="1219" baseline="5847" dirty="0">
                <a:latin typeface="ＭＳ Ｐゴシック"/>
                <a:cs typeface="ＭＳ Ｐゴシック"/>
              </a:rPr>
              <a:t>	</a:t>
            </a:r>
            <a:r>
              <a:rPr sz="812" dirty="0">
                <a:latin typeface="ＭＳ Ｐゴシック"/>
                <a:cs typeface="ＭＳ Ｐゴシック"/>
              </a:rPr>
              <a:t>GPSを用いた除雪管理システ</a:t>
            </a:r>
            <a:r>
              <a:rPr sz="812" spc="-43" dirty="0">
                <a:latin typeface="ＭＳ Ｐゴシック"/>
                <a:cs typeface="ＭＳ Ｐゴシック"/>
              </a:rPr>
              <a:t>ム</a:t>
            </a:r>
            <a:endParaRPr sz="812">
              <a:latin typeface="ＭＳ Ｐゴシック"/>
              <a:cs typeface="ＭＳ Ｐゴシック"/>
            </a:endParaRPr>
          </a:p>
        </p:txBody>
      </p:sp>
      <p:sp>
        <p:nvSpPr>
          <p:cNvPr id="16" name="object 16"/>
          <p:cNvSpPr txBox="1"/>
          <p:nvPr/>
        </p:nvSpPr>
        <p:spPr>
          <a:xfrm>
            <a:off x="5126721" y="2345729"/>
            <a:ext cx="1974322" cy="240193"/>
          </a:xfrm>
          <a:prstGeom prst="rect">
            <a:avLst/>
          </a:prstGeom>
          <a:solidFill>
            <a:srgbClr val="B6DDE8"/>
          </a:solidFill>
          <a:ln w="10667">
            <a:solidFill>
              <a:srgbClr val="00AFEF"/>
            </a:solidFill>
          </a:ln>
        </p:spPr>
        <p:txBody>
          <a:bodyPr vert="horz" wrap="square" lIns="0" tIns="42353" rIns="0" bIns="0" rtlCol="0">
            <a:spAutoFit/>
          </a:bodyPr>
          <a:lstStyle/>
          <a:p>
            <a:pPr marL="134118">
              <a:spcBef>
                <a:spcPts val="333"/>
              </a:spcBef>
            </a:pPr>
            <a:r>
              <a:rPr sz="1283" spc="-9" dirty="0">
                <a:latin typeface="ＭＳ Ｐゴシック"/>
                <a:cs typeface="ＭＳ Ｐゴシック"/>
              </a:rPr>
              <a:t>具体な検討スケジュール</a:t>
            </a:r>
            <a:endParaRPr sz="1283">
              <a:latin typeface="ＭＳ Ｐゴシック"/>
              <a:cs typeface="ＭＳ Ｐゴシック"/>
            </a:endParaRPr>
          </a:p>
        </p:txBody>
      </p:sp>
      <p:sp>
        <p:nvSpPr>
          <p:cNvPr id="17" name="object 17"/>
          <p:cNvSpPr txBox="1"/>
          <p:nvPr/>
        </p:nvSpPr>
        <p:spPr>
          <a:xfrm>
            <a:off x="5214802" y="2669624"/>
            <a:ext cx="3634794" cy="1750959"/>
          </a:xfrm>
          <a:prstGeom prst="rect">
            <a:avLst/>
          </a:prstGeom>
        </p:spPr>
        <p:txBody>
          <a:bodyPr vert="horz" wrap="square" lIns="0" tIns="10317" rIns="0" bIns="0" rtlCol="0">
            <a:spAutoFit/>
          </a:bodyPr>
          <a:lstStyle/>
          <a:p>
            <a:pPr marL="142263" marR="70046" indent="-131946">
              <a:spcBef>
                <a:spcPts val="81"/>
              </a:spcBef>
            </a:pPr>
            <a:r>
              <a:rPr sz="1112" spc="-17" dirty="0">
                <a:latin typeface="ＭＳ Ｐゴシック"/>
                <a:cs typeface="ＭＳ Ｐゴシック"/>
              </a:rPr>
              <a:t>〇</a:t>
            </a:r>
            <a:r>
              <a:rPr sz="1112" spc="-9" dirty="0">
                <a:latin typeface="ＭＳ Ｐゴシック"/>
                <a:cs typeface="ＭＳ Ｐゴシック"/>
              </a:rPr>
              <a:t>GPS</a:t>
            </a:r>
            <a:r>
              <a:rPr sz="1112" spc="-30" dirty="0">
                <a:latin typeface="ＭＳ Ｐゴシック"/>
                <a:cs typeface="ＭＳ Ｐゴシック"/>
              </a:rPr>
              <a:t>による除雪車の位置情報管理システムは、 導入業者</a:t>
            </a:r>
            <a:r>
              <a:rPr sz="1112" spc="-26" dirty="0">
                <a:latin typeface="ＭＳ Ｐゴシック"/>
                <a:cs typeface="ＭＳ Ｐゴシック"/>
              </a:rPr>
              <a:t>が決定。</a:t>
            </a:r>
            <a:endParaRPr sz="1112">
              <a:latin typeface="ＭＳ Ｐゴシック"/>
              <a:cs typeface="ＭＳ Ｐゴシック"/>
            </a:endParaRPr>
          </a:p>
          <a:p>
            <a:pPr marL="142263" marR="84163" indent="-38009">
              <a:lnSpc>
                <a:spcPts val="1317"/>
              </a:lnSpc>
              <a:spcBef>
                <a:spcPts val="616"/>
              </a:spcBef>
            </a:pPr>
            <a:r>
              <a:rPr sz="1112" spc="-26" dirty="0">
                <a:latin typeface="ＭＳ Ｐゴシック"/>
                <a:cs typeface="ＭＳ Ｐゴシック"/>
              </a:rPr>
              <a:t>除雪事業者との連絡調整システムは今年度の除雪事業委託時に実施予定。</a:t>
            </a:r>
            <a:endParaRPr sz="1112">
              <a:latin typeface="ＭＳ Ｐゴシック"/>
              <a:cs typeface="ＭＳ Ｐゴシック"/>
            </a:endParaRPr>
          </a:p>
          <a:p>
            <a:pPr marL="142263" marR="22262" indent="-131946">
              <a:lnSpc>
                <a:spcPts val="1317"/>
              </a:lnSpc>
              <a:spcBef>
                <a:spcPts val="577"/>
              </a:spcBef>
            </a:pPr>
            <a:r>
              <a:rPr sz="1112" spc="-21" dirty="0">
                <a:latin typeface="ＭＳ Ｐゴシック"/>
                <a:cs typeface="ＭＳ Ｐゴシック"/>
              </a:rPr>
              <a:t>〇新技術については除雪が開始される令和</a:t>
            </a:r>
            <a:r>
              <a:rPr sz="1112" spc="-9" dirty="0">
                <a:latin typeface="ＭＳ Ｐゴシック"/>
                <a:cs typeface="ＭＳ Ｐゴシック"/>
              </a:rPr>
              <a:t>6</a:t>
            </a:r>
            <a:r>
              <a:rPr sz="1112" spc="-17" dirty="0">
                <a:latin typeface="ＭＳ Ｐゴシック"/>
                <a:cs typeface="ＭＳ Ｐゴシック"/>
              </a:rPr>
              <a:t>年</a:t>
            </a:r>
            <a:r>
              <a:rPr sz="1112" spc="-9" dirty="0">
                <a:latin typeface="ＭＳ Ｐゴシック"/>
                <a:cs typeface="ＭＳ Ｐゴシック"/>
              </a:rPr>
              <a:t>11</a:t>
            </a:r>
            <a:r>
              <a:rPr sz="1112" spc="-26" dirty="0">
                <a:latin typeface="ＭＳ Ｐゴシック"/>
                <a:cs typeface="ＭＳ Ｐゴシック"/>
              </a:rPr>
              <a:t>月以降、導入技術の検証・評価を実施。</a:t>
            </a:r>
            <a:endParaRPr sz="1112">
              <a:latin typeface="ＭＳ Ｐゴシック"/>
              <a:cs typeface="ＭＳ Ｐゴシック"/>
            </a:endParaRPr>
          </a:p>
          <a:p>
            <a:pPr marL="142263" marR="4344" indent="-131946" algn="just">
              <a:lnSpc>
                <a:spcPct val="99600"/>
              </a:lnSpc>
              <a:spcBef>
                <a:spcPts val="522"/>
              </a:spcBef>
            </a:pPr>
            <a:r>
              <a:rPr sz="1112" spc="-21" dirty="0">
                <a:latin typeface="ＭＳ Ｐゴシック"/>
                <a:cs typeface="ＭＳ Ｐゴシック"/>
              </a:rPr>
              <a:t>〇除雪事業者の連携体制構築・除雪判断基準への助言は引</a:t>
            </a:r>
            <a:r>
              <a:rPr sz="1112" spc="-26" dirty="0">
                <a:latin typeface="ＭＳ Ｐゴシック"/>
                <a:cs typeface="ＭＳ Ｐゴシック"/>
              </a:rPr>
              <a:t>き続き検討し、除雪業務開始後に検討事項の検証、体制や判断基準への助言を実施する。</a:t>
            </a:r>
            <a:endParaRPr sz="1112">
              <a:latin typeface="ＭＳ Ｐゴシック"/>
              <a:cs typeface="ＭＳ Ｐゴシック"/>
            </a:endParaRPr>
          </a:p>
        </p:txBody>
      </p:sp>
      <p:sp>
        <p:nvSpPr>
          <p:cNvPr id="18" name="object 18"/>
          <p:cNvSpPr txBox="1"/>
          <p:nvPr/>
        </p:nvSpPr>
        <p:spPr>
          <a:xfrm>
            <a:off x="295822" y="2378309"/>
            <a:ext cx="2158397" cy="239096"/>
          </a:xfrm>
          <a:prstGeom prst="rect">
            <a:avLst/>
          </a:prstGeom>
          <a:solidFill>
            <a:srgbClr val="B6DDE8"/>
          </a:solidFill>
          <a:ln w="10667">
            <a:solidFill>
              <a:srgbClr val="00AFEF"/>
            </a:solidFill>
          </a:ln>
        </p:spPr>
        <p:txBody>
          <a:bodyPr vert="horz" wrap="square" lIns="0" tIns="41267" rIns="0" bIns="0" rtlCol="0">
            <a:spAutoFit/>
          </a:bodyPr>
          <a:lstStyle/>
          <a:p>
            <a:pPr marL="110769">
              <a:spcBef>
                <a:spcPts val="325"/>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19" name="object 19"/>
          <p:cNvSpPr txBox="1"/>
          <p:nvPr/>
        </p:nvSpPr>
        <p:spPr>
          <a:xfrm>
            <a:off x="246987" y="2736148"/>
            <a:ext cx="4623584" cy="817755"/>
          </a:xfrm>
          <a:prstGeom prst="rect">
            <a:avLst/>
          </a:prstGeom>
        </p:spPr>
        <p:txBody>
          <a:bodyPr vert="horz" wrap="square" lIns="0" tIns="10317" rIns="0" bIns="0" rtlCol="0">
            <a:spAutoFit/>
          </a:bodyPr>
          <a:lstStyle/>
          <a:p>
            <a:pPr marL="142806" marR="4344" indent="-131946">
              <a:spcBef>
                <a:spcPts val="81"/>
              </a:spcBef>
            </a:pPr>
            <a:r>
              <a:rPr sz="1112" spc="-21" dirty="0">
                <a:latin typeface="ＭＳ Ｐゴシック"/>
                <a:cs typeface="ＭＳ Ｐゴシック"/>
              </a:rPr>
              <a:t>〇アドバイザーから</a:t>
            </a:r>
            <a:r>
              <a:rPr sz="1112" spc="-17" dirty="0">
                <a:latin typeface="ＭＳ Ｐゴシック"/>
                <a:cs typeface="ＭＳ Ｐゴシック"/>
              </a:rPr>
              <a:t>GPS</a:t>
            </a:r>
            <a:r>
              <a:rPr sz="1112" spc="-26" dirty="0">
                <a:latin typeface="ＭＳ Ｐゴシック"/>
                <a:cs typeface="ＭＳ Ｐゴシック"/>
              </a:rPr>
              <a:t>による除雪車の位置情報管理システム導入に関して、技術選定時の留意点等の助言を実施。</a:t>
            </a:r>
            <a:endParaRPr sz="1112">
              <a:latin typeface="ＭＳ Ｐゴシック"/>
              <a:cs typeface="ＭＳ Ｐゴシック"/>
            </a:endParaRPr>
          </a:p>
          <a:p>
            <a:pPr marL="10860" marR="352943">
              <a:lnSpc>
                <a:spcPct val="140800"/>
              </a:lnSpc>
              <a:spcBef>
                <a:spcPts val="9"/>
              </a:spcBef>
            </a:pPr>
            <a:r>
              <a:rPr sz="1112" spc="-30" dirty="0">
                <a:latin typeface="ＭＳ Ｐゴシック"/>
                <a:cs typeface="ＭＳ Ｐゴシック"/>
              </a:rPr>
              <a:t>〇事務局にて技術カタログを参考に除雪システムの技術比較表を作成。</a:t>
            </a:r>
            <a:r>
              <a:rPr sz="1112" spc="-26" dirty="0">
                <a:latin typeface="ＭＳ Ｐゴシック"/>
                <a:cs typeface="ＭＳ Ｐゴシック"/>
              </a:rPr>
              <a:t>〇自治体にて導入検討技術のデモを実施。</a:t>
            </a:r>
            <a:endParaRPr sz="1112">
              <a:latin typeface="ＭＳ Ｐゴシック"/>
              <a:cs typeface="ＭＳ Ｐゴシック"/>
            </a:endParaRPr>
          </a:p>
        </p:txBody>
      </p:sp>
      <p:sp>
        <p:nvSpPr>
          <p:cNvPr id="20" name="object 20"/>
          <p:cNvSpPr txBox="1"/>
          <p:nvPr/>
        </p:nvSpPr>
        <p:spPr>
          <a:xfrm>
            <a:off x="1869756" y="851685"/>
            <a:ext cx="1089244" cy="406914"/>
          </a:xfrm>
          <a:prstGeom prst="rect">
            <a:avLst/>
          </a:prstGeom>
        </p:spPr>
        <p:txBody>
          <a:bodyPr vert="horz" wrap="square" lIns="0" tIns="11946" rIns="0" bIns="0" rtlCol="0">
            <a:spAutoFit/>
          </a:bodyPr>
          <a:lstStyle/>
          <a:p>
            <a:pPr marL="10860">
              <a:spcBef>
                <a:spcPts val="94"/>
              </a:spcBef>
            </a:pPr>
            <a:r>
              <a:rPr sz="1283" spc="-9" dirty="0">
                <a:latin typeface="ＭＳ Ｐゴシック"/>
                <a:cs typeface="ＭＳ Ｐゴシック"/>
              </a:rPr>
              <a:t>支援対象：除雪</a:t>
            </a:r>
            <a:endParaRPr sz="1283">
              <a:latin typeface="ＭＳ Ｐゴシック"/>
              <a:cs typeface="ＭＳ Ｐゴシック"/>
            </a:endParaRPr>
          </a:p>
        </p:txBody>
      </p:sp>
      <p:sp>
        <p:nvSpPr>
          <p:cNvPr id="21" name="object 21"/>
          <p:cNvSpPr txBox="1"/>
          <p:nvPr/>
        </p:nvSpPr>
        <p:spPr>
          <a:xfrm>
            <a:off x="3510619" y="6394381"/>
            <a:ext cx="1014854" cy="263099"/>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出典）</a:t>
            </a:r>
            <a:r>
              <a:rPr sz="812" spc="-9" dirty="0">
                <a:latin typeface="ＭＳ Ｐゴシック"/>
                <a:cs typeface="ＭＳ Ｐゴシック"/>
              </a:rPr>
              <a:t>黒石市提供資料</a:t>
            </a:r>
            <a:endParaRPr sz="812">
              <a:latin typeface="ＭＳ Ｐゴシック"/>
              <a:cs typeface="ＭＳ Ｐゴシック"/>
            </a:endParaRPr>
          </a:p>
        </p:txBody>
      </p:sp>
      <p:sp>
        <p:nvSpPr>
          <p:cNvPr id="22" name="object 22"/>
          <p:cNvSpPr/>
          <p:nvPr/>
        </p:nvSpPr>
        <p:spPr>
          <a:xfrm>
            <a:off x="7101044" y="4825686"/>
            <a:ext cx="1719115" cy="1737577"/>
          </a:xfrm>
          <a:custGeom>
            <a:avLst/>
            <a:gdLst/>
            <a:ahLst/>
            <a:cxnLst/>
            <a:rect l="l" t="t" r="r" b="b"/>
            <a:pathLst>
              <a:path w="2010409" h="2032000">
                <a:moveTo>
                  <a:pt x="2010155" y="2031492"/>
                </a:moveTo>
                <a:lnTo>
                  <a:pt x="0" y="2031492"/>
                </a:lnTo>
                <a:lnTo>
                  <a:pt x="0" y="0"/>
                </a:lnTo>
                <a:lnTo>
                  <a:pt x="2010155" y="0"/>
                </a:lnTo>
                <a:lnTo>
                  <a:pt x="2010155" y="2031492"/>
                </a:lnTo>
                <a:close/>
              </a:path>
            </a:pathLst>
          </a:custGeom>
          <a:solidFill>
            <a:srgbClr val="DBE6F2"/>
          </a:solidFill>
        </p:spPr>
        <p:txBody>
          <a:bodyPr wrap="square" lIns="0" tIns="0" rIns="0" bIns="0" rtlCol="0"/>
          <a:lstStyle/>
          <a:p>
            <a:endParaRPr sz="1749"/>
          </a:p>
        </p:txBody>
      </p:sp>
      <p:grpSp>
        <p:nvGrpSpPr>
          <p:cNvPr id="23" name="object 23"/>
          <p:cNvGrpSpPr/>
          <p:nvPr/>
        </p:nvGrpSpPr>
        <p:grpSpPr>
          <a:xfrm>
            <a:off x="5087626" y="4832202"/>
            <a:ext cx="1905362" cy="1731061"/>
            <a:chOff x="5949696" y="5422392"/>
            <a:chExt cx="2228215" cy="2024380"/>
          </a:xfrm>
        </p:grpSpPr>
        <p:sp>
          <p:nvSpPr>
            <p:cNvPr id="24" name="object 24"/>
            <p:cNvSpPr/>
            <p:nvPr/>
          </p:nvSpPr>
          <p:spPr>
            <a:xfrm>
              <a:off x="5949696" y="5422392"/>
              <a:ext cx="2228215" cy="2024380"/>
            </a:xfrm>
            <a:custGeom>
              <a:avLst/>
              <a:gdLst/>
              <a:ahLst/>
              <a:cxnLst/>
              <a:rect l="l" t="t" r="r" b="b"/>
              <a:pathLst>
                <a:path w="2228215" h="2024379">
                  <a:moveTo>
                    <a:pt x="2228087" y="2023871"/>
                  </a:moveTo>
                  <a:lnTo>
                    <a:pt x="0" y="2023871"/>
                  </a:lnTo>
                  <a:lnTo>
                    <a:pt x="0" y="0"/>
                  </a:lnTo>
                  <a:lnTo>
                    <a:pt x="2228087" y="0"/>
                  </a:lnTo>
                  <a:lnTo>
                    <a:pt x="2228087" y="2023871"/>
                  </a:lnTo>
                  <a:close/>
                </a:path>
              </a:pathLst>
            </a:custGeom>
            <a:solidFill>
              <a:srgbClr val="DBE6F2"/>
            </a:solidFill>
          </p:spPr>
          <p:txBody>
            <a:bodyPr wrap="square" lIns="0" tIns="0" rIns="0" bIns="0" rtlCol="0"/>
            <a:lstStyle/>
            <a:p>
              <a:endParaRPr sz="1749"/>
            </a:p>
          </p:txBody>
        </p:sp>
        <p:sp>
          <p:nvSpPr>
            <p:cNvPr id="25" name="object 25"/>
            <p:cNvSpPr/>
            <p:nvPr/>
          </p:nvSpPr>
          <p:spPr>
            <a:xfrm>
              <a:off x="6073139" y="6018276"/>
              <a:ext cx="309880" cy="1376680"/>
            </a:xfrm>
            <a:custGeom>
              <a:avLst/>
              <a:gdLst/>
              <a:ahLst/>
              <a:cxnLst/>
              <a:rect l="l" t="t" r="r" b="b"/>
              <a:pathLst>
                <a:path w="309879" h="1376679">
                  <a:moveTo>
                    <a:pt x="155448" y="1376171"/>
                  </a:moveTo>
                  <a:lnTo>
                    <a:pt x="0" y="1220723"/>
                  </a:lnTo>
                  <a:lnTo>
                    <a:pt x="0" y="0"/>
                  </a:lnTo>
                  <a:lnTo>
                    <a:pt x="155448" y="155447"/>
                  </a:lnTo>
                  <a:lnTo>
                    <a:pt x="309372" y="0"/>
                  </a:lnTo>
                  <a:lnTo>
                    <a:pt x="309372" y="1220723"/>
                  </a:lnTo>
                  <a:lnTo>
                    <a:pt x="155448" y="1376171"/>
                  </a:lnTo>
                  <a:close/>
                </a:path>
              </a:pathLst>
            </a:custGeom>
            <a:solidFill>
              <a:srgbClr val="4F80BC"/>
            </a:solidFill>
          </p:spPr>
          <p:txBody>
            <a:bodyPr wrap="square" lIns="0" tIns="0" rIns="0" bIns="0" rtlCol="0"/>
            <a:lstStyle/>
            <a:p>
              <a:endParaRPr sz="1749"/>
            </a:p>
          </p:txBody>
        </p:sp>
        <p:sp>
          <p:nvSpPr>
            <p:cNvPr id="26" name="object 26"/>
            <p:cNvSpPr/>
            <p:nvPr/>
          </p:nvSpPr>
          <p:spPr>
            <a:xfrm>
              <a:off x="6073139" y="6018276"/>
              <a:ext cx="309880" cy="1376680"/>
            </a:xfrm>
            <a:custGeom>
              <a:avLst/>
              <a:gdLst/>
              <a:ahLst/>
              <a:cxnLst/>
              <a:rect l="l" t="t" r="r" b="b"/>
              <a:pathLst>
                <a:path w="309879" h="1376679">
                  <a:moveTo>
                    <a:pt x="309372" y="0"/>
                  </a:moveTo>
                  <a:lnTo>
                    <a:pt x="309372" y="1220723"/>
                  </a:lnTo>
                  <a:lnTo>
                    <a:pt x="155448" y="1376171"/>
                  </a:lnTo>
                  <a:lnTo>
                    <a:pt x="0" y="1220723"/>
                  </a:lnTo>
                  <a:lnTo>
                    <a:pt x="0" y="0"/>
                  </a:lnTo>
                  <a:lnTo>
                    <a:pt x="155448" y="155447"/>
                  </a:lnTo>
                  <a:lnTo>
                    <a:pt x="309372" y="0"/>
                  </a:lnTo>
                  <a:close/>
                </a:path>
              </a:pathLst>
            </a:custGeom>
            <a:ln w="27432">
              <a:solidFill>
                <a:srgbClr val="1C334D"/>
              </a:solidFill>
            </a:ln>
          </p:spPr>
          <p:txBody>
            <a:bodyPr wrap="square" lIns="0" tIns="0" rIns="0" bIns="0" rtlCol="0"/>
            <a:lstStyle/>
            <a:p>
              <a:endParaRPr sz="1749"/>
            </a:p>
          </p:txBody>
        </p:sp>
      </p:grpSp>
      <p:sp>
        <p:nvSpPr>
          <p:cNvPr id="27" name="object 27"/>
          <p:cNvSpPr txBox="1"/>
          <p:nvPr/>
        </p:nvSpPr>
        <p:spPr>
          <a:xfrm>
            <a:off x="5282615" y="5798798"/>
            <a:ext cx="102083" cy="290614"/>
          </a:xfrm>
          <a:prstGeom prst="rect">
            <a:avLst/>
          </a:prstGeom>
        </p:spPr>
        <p:txBody>
          <a:bodyPr vert="horz" wrap="square" lIns="0" tIns="14118" rIns="0" bIns="0" rtlCol="0">
            <a:spAutoFit/>
          </a:bodyPr>
          <a:lstStyle/>
          <a:p>
            <a:pPr marL="14661">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graphicFrame>
        <p:nvGraphicFramePr>
          <p:cNvPr id="28" name="object 28"/>
          <p:cNvGraphicFramePr>
            <a:graphicFrameLocks noGrp="1"/>
          </p:cNvGraphicFramePr>
          <p:nvPr/>
        </p:nvGraphicFramePr>
        <p:xfrm>
          <a:off x="5543089" y="5335883"/>
          <a:ext cx="1365627" cy="1176121"/>
        </p:xfrm>
        <a:graphic>
          <a:graphicData uri="http://schemas.openxmlformats.org/drawingml/2006/table">
            <a:tbl>
              <a:tblPr firstRow="1" bandRow="1">
                <a:tableStyleId>{2D5ABB26-0587-4C30-8999-92F81FD0307C}</a:tableStyleId>
              </a:tblPr>
              <a:tblGrid>
                <a:gridCol w="1365627">
                  <a:extLst>
                    <a:ext uri="{9D8B030D-6E8A-4147-A177-3AD203B41FA5}">
                      <a16:colId xmlns:a16="http://schemas.microsoft.com/office/drawing/2014/main" val="20000"/>
                    </a:ext>
                  </a:extLst>
                </a:gridCol>
              </a:tblGrid>
              <a:tr h="372492">
                <a:tc>
                  <a:txBody>
                    <a:bodyPr/>
                    <a:lstStyle/>
                    <a:p>
                      <a:pPr marL="99060" marR="91440">
                        <a:lnSpc>
                          <a:spcPct val="101899"/>
                        </a:lnSpc>
                        <a:spcBef>
                          <a:spcPts val="525"/>
                        </a:spcBef>
                      </a:pPr>
                      <a:r>
                        <a:rPr sz="800" spc="-5" dirty="0">
                          <a:latin typeface="ＭＳ Ｐゴシック"/>
                          <a:cs typeface="ＭＳ Ｐゴシック"/>
                        </a:rPr>
                        <a:t>システム性能比較、要件整</a:t>
                      </a:r>
                      <a:r>
                        <a:rPr sz="800" spc="-25" dirty="0">
                          <a:latin typeface="ＭＳ Ｐゴシック"/>
                          <a:cs typeface="ＭＳ Ｐゴシック"/>
                        </a:rPr>
                        <a:t>理等</a:t>
                      </a:r>
                      <a:endParaRPr sz="800">
                        <a:latin typeface="ＭＳ Ｐゴシック"/>
                        <a:cs typeface="ＭＳ Ｐゴシック"/>
                      </a:endParaRPr>
                    </a:p>
                  </a:txBody>
                  <a:tcPr marL="0" marR="0" marT="57014"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0"/>
                  </a:ext>
                </a:extLst>
              </a:tr>
              <a:tr h="516929">
                <a:tc>
                  <a:txBody>
                    <a:bodyPr/>
                    <a:lstStyle/>
                    <a:p>
                      <a:pPr marL="99060" marR="152400" algn="just">
                        <a:lnSpc>
                          <a:spcPts val="969"/>
                        </a:lnSpc>
                        <a:spcBef>
                          <a:spcPts val="950"/>
                        </a:spcBef>
                      </a:pPr>
                      <a:r>
                        <a:rPr sz="800" spc="-5" dirty="0">
                          <a:latin typeface="ＭＳ Ｐゴシック"/>
                          <a:cs typeface="ＭＳ Ｐゴシック"/>
                        </a:rPr>
                        <a:t>除雪業務への新システム</a:t>
                      </a:r>
                      <a:r>
                        <a:rPr sz="800" dirty="0">
                          <a:latin typeface="ＭＳ Ｐゴシック"/>
                          <a:cs typeface="ＭＳ Ｐゴシック"/>
                        </a:rPr>
                        <a:t>導入（</a:t>
                      </a:r>
                      <a:r>
                        <a:rPr sz="800" spc="-10" dirty="0">
                          <a:latin typeface="ＭＳ Ｐゴシック"/>
                          <a:cs typeface="ＭＳ Ｐゴシック"/>
                        </a:rPr>
                        <a:t>連絡調整システム、</a:t>
                      </a:r>
                      <a:r>
                        <a:rPr sz="800" spc="-50" dirty="0">
                          <a:latin typeface="ＭＳ Ｐゴシック"/>
                          <a:cs typeface="ＭＳ Ｐゴシック"/>
                        </a:rPr>
                        <a:t> </a:t>
                      </a:r>
                      <a:r>
                        <a:rPr sz="800" dirty="0">
                          <a:latin typeface="ＭＳ Ｐゴシック"/>
                          <a:cs typeface="ＭＳ Ｐゴシック"/>
                        </a:rPr>
                        <a:t>GPS</a:t>
                      </a:r>
                      <a:r>
                        <a:rPr sz="800" spc="10" dirty="0">
                          <a:latin typeface="ＭＳ Ｐゴシック"/>
                          <a:cs typeface="ＭＳ Ｐゴシック"/>
                        </a:rPr>
                        <a:t> システム</a:t>
                      </a:r>
                      <a:r>
                        <a:rPr sz="800" spc="-50" dirty="0">
                          <a:latin typeface="ＭＳ Ｐゴシック"/>
                          <a:cs typeface="ＭＳ Ｐゴシック"/>
                        </a:rPr>
                        <a:t>）</a:t>
                      </a:r>
                      <a:endParaRPr sz="800">
                        <a:latin typeface="ＭＳ Ｐゴシック"/>
                        <a:cs typeface="ＭＳ Ｐゴシック"/>
                      </a:endParaRPr>
                    </a:p>
                  </a:txBody>
                  <a:tcPr marL="0" marR="0" marT="103169"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1"/>
                  </a:ext>
                </a:extLst>
              </a:tr>
              <a:tr h="286700">
                <a:tc>
                  <a:txBody>
                    <a:bodyPr/>
                    <a:lstStyle/>
                    <a:p>
                      <a:pPr marL="99060">
                        <a:lnSpc>
                          <a:spcPct val="100000"/>
                        </a:lnSpc>
                        <a:spcBef>
                          <a:spcPts val="875"/>
                        </a:spcBef>
                      </a:pPr>
                      <a:r>
                        <a:rPr sz="800" dirty="0">
                          <a:latin typeface="ＭＳ Ｐゴシック"/>
                          <a:cs typeface="ＭＳ Ｐゴシック"/>
                        </a:rPr>
                        <a:t>R6</a:t>
                      </a:r>
                      <a:r>
                        <a:rPr sz="800" spc="-10" dirty="0">
                          <a:latin typeface="ＭＳ Ｐゴシック"/>
                          <a:cs typeface="ＭＳ Ｐゴシック"/>
                        </a:rPr>
                        <a:t>冬技術導入、検証</a:t>
                      </a:r>
                      <a:endParaRPr sz="800">
                        <a:latin typeface="ＭＳ Ｐゴシック"/>
                        <a:cs typeface="ＭＳ Ｐゴシック"/>
                      </a:endParaRPr>
                    </a:p>
                  </a:txBody>
                  <a:tcPr marL="0" marR="0" marT="95024"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2"/>
                  </a:ext>
                </a:extLst>
              </a:tr>
            </a:tbl>
          </a:graphicData>
        </a:graphic>
      </p:graphicFrame>
      <p:sp>
        <p:nvSpPr>
          <p:cNvPr id="29" name="object 29"/>
          <p:cNvSpPr txBox="1"/>
          <p:nvPr/>
        </p:nvSpPr>
        <p:spPr>
          <a:xfrm>
            <a:off x="7554552" y="4916909"/>
            <a:ext cx="1136484" cy="430325"/>
          </a:xfrm>
          <a:prstGeom prst="rect">
            <a:avLst/>
          </a:prstGeom>
          <a:solidFill>
            <a:srgbClr val="FFFFFF"/>
          </a:solidFill>
          <a:ln w="13715">
            <a:solidFill>
              <a:srgbClr val="1C334D"/>
            </a:solidFill>
          </a:ln>
        </p:spPr>
        <p:txBody>
          <a:bodyPr vert="horz" wrap="square" lIns="0" tIns="50497" rIns="0" bIns="0" rtlCol="0">
            <a:spAutoFit/>
          </a:bodyPr>
          <a:lstStyle/>
          <a:p>
            <a:pPr marL="84706">
              <a:spcBef>
                <a:spcPts val="397"/>
              </a:spcBef>
            </a:pPr>
            <a:r>
              <a:rPr sz="812" spc="-9" dirty="0">
                <a:latin typeface="ＭＳ Ｐゴシック"/>
                <a:cs typeface="ＭＳ Ｐゴシック"/>
              </a:rPr>
              <a:t>課題の認識共有</a:t>
            </a:r>
            <a:endParaRPr sz="812">
              <a:latin typeface="ＭＳ Ｐゴシック"/>
              <a:cs typeface="ＭＳ Ｐゴシック"/>
            </a:endParaRPr>
          </a:p>
          <a:p>
            <a:pPr marL="84706" marR="150951">
              <a:lnSpc>
                <a:spcPct val="102200"/>
              </a:lnSpc>
            </a:pPr>
            <a:r>
              <a:rPr sz="812" spc="-9" dirty="0">
                <a:latin typeface="ＭＳ Ｐゴシック"/>
                <a:cs typeface="ＭＳ Ｐゴシック"/>
              </a:rPr>
              <a:t>ニーズに応じた支援</a:t>
            </a:r>
            <a:r>
              <a:rPr sz="812" spc="-13" dirty="0">
                <a:latin typeface="ＭＳ Ｐゴシック"/>
                <a:cs typeface="ＭＳ Ｐゴシック"/>
              </a:rPr>
              <a:t>策の検討</a:t>
            </a:r>
            <a:endParaRPr sz="812">
              <a:latin typeface="ＭＳ Ｐゴシック"/>
              <a:cs typeface="ＭＳ Ｐゴシック"/>
            </a:endParaRPr>
          </a:p>
        </p:txBody>
      </p:sp>
      <p:grpSp>
        <p:nvGrpSpPr>
          <p:cNvPr id="30" name="object 30"/>
          <p:cNvGrpSpPr/>
          <p:nvPr/>
        </p:nvGrpSpPr>
        <p:grpSpPr>
          <a:xfrm>
            <a:off x="7188356" y="4927335"/>
            <a:ext cx="297560" cy="1596399"/>
            <a:chOff x="8406383" y="5533644"/>
            <a:chExt cx="347980" cy="1866900"/>
          </a:xfrm>
        </p:grpSpPr>
        <p:sp>
          <p:nvSpPr>
            <p:cNvPr id="31" name="object 31"/>
            <p:cNvSpPr/>
            <p:nvPr/>
          </p:nvSpPr>
          <p:spPr>
            <a:xfrm>
              <a:off x="8420099" y="6106668"/>
              <a:ext cx="309880" cy="1280160"/>
            </a:xfrm>
            <a:custGeom>
              <a:avLst/>
              <a:gdLst/>
              <a:ahLst/>
              <a:cxnLst/>
              <a:rect l="l" t="t" r="r" b="b"/>
              <a:pathLst>
                <a:path w="309879" h="1280159">
                  <a:moveTo>
                    <a:pt x="153923" y="1280160"/>
                  </a:moveTo>
                  <a:lnTo>
                    <a:pt x="0" y="1124712"/>
                  </a:lnTo>
                  <a:lnTo>
                    <a:pt x="0" y="0"/>
                  </a:lnTo>
                  <a:lnTo>
                    <a:pt x="153923" y="155448"/>
                  </a:lnTo>
                  <a:lnTo>
                    <a:pt x="309371" y="0"/>
                  </a:lnTo>
                  <a:lnTo>
                    <a:pt x="309371" y="1124712"/>
                  </a:lnTo>
                  <a:lnTo>
                    <a:pt x="153923" y="1280160"/>
                  </a:lnTo>
                  <a:close/>
                </a:path>
              </a:pathLst>
            </a:custGeom>
            <a:solidFill>
              <a:srgbClr val="4F80BC"/>
            </a:solidFill>
          </p:spPr>
          <p:txBody>
            <a:bodyPr wrap="square" lIns="0" tIns="0" rIns="0" bIns="0" rtlCol="0"/>
            <a:lstStyle/>
            <a:p>
              <a:endParaRPr sz="1749"/>
            </a:p>
          </p:txBody>
        </p:sp>
        <p:sp>
          <p:nvSpPr>
            <p:cNvPr id="32" name="object 32"/>
            <p:cNvSpPr/>
            <p:nvPr/>
          </p:nvSpPr>
          <p:spPr>
            <a:xfrm>
              <a:off x="8420099" y="6106668"/>
              <a:ext cx="309880" cy="1280160"/>
            </a:xfrm>
            <a:custGeom>
              <a:avLst/>
              <a:gdLst/>
              <a:ahLst/>
              <a:cxnLst/>
              <a:rect l="l" t="t" r="r" b="b"/>
              <a:pathLst>
                <a:path w="309879" h="1280159">
                  <a:moveTo>
                    <a:pt x="309371" y="0"/>
                  </a:moveTo>
                  <a:lnTo>
                    <a:pt x="309371" y="1124712"/>
                  </a:lnTo>
                  <a:lnTo>
                    <a:pt x="153923" y="1280160"/>
                  </a:lnTo>
                  <a:lnTo>
                    <a:pt x="0" y="1124712"/>
                  </a:lnTo>
                  <a:lnTo>
                    <a:pt x="0" y="0"/>
                  </a:lnTo>
                  <a:lnTo>
                    <a:pt x="153923" y="155448"/>
                  </a:lnTo>
                  <a:lnTo>
                    <a:pt x="309371" y="0"/>
                  </a:lnTo>
                  <a:close/>
                </a:path>
              </a:pathLst>
            </a:custGeom>
            <a:ln w="27432">
              <a:solidFill>
                <a:srgbClr val="1C334D"/>
              </a:solidFill>
            </a:ln>
          </p:spPr>
          <p:txBody>
            <a:bodyPr wrap="square" lIns="0" tIns="0" rIns="0" bIns="0" rtlCol="0"/>
            <a:lstStyle/>
            <a:p>
              <a:endParaRPr sz="1749"/>
            </a:p>
          </p:txBody>
        </p:sp>
        <p:sp>
          <p:nvSpPr>
            <p:cNvPr id="33" name="object 33"/>
            <p:cNvSpPr/>
            <p:nvPr/>
          </p:nvSpPr>
          <p:spPr>
            <a:xfrm>
              <a:off x="8426195" y="5547360"/>
              <a:ext cx="314325" cy="570230"/>
            </a:xfrm>
            <a:custGeom>
              <a:avLst/>
              <a:gdLst/>
              <a:ahLst/>
              <a:cxnLst/>
              <a:rect l="l" t="t" r="r" b="b"/>
              <a:pathLst>
                <a:path w="314325" h="570229">
                  <a:moveTo>
                    <a:pt x="156971" y="569975"/>
                  </a:moveTo>
                  <a:lnTo>
                    <a:pt x="0" y="414527"/>
                  </a:lnTo>
                  <a:lnTo>
                    <a:pt x="0" y="0"/>
                  </a:lnTo>
                  <a:lnTo>
                    <a:pt x="313943" y="0"/>
                  </a:lnTo>
                  <a:lnTo>
                    <a:pt x="313943" y="414527"/>
                  </a:lnTo>
                  <a:lnTo>
                    <a:pt x="156971" y="569975"/>
                  </a:lnTo>
                  <a:close/>
                </a:path>
              </a:pathLst>
            </a:custGeom>
            <a:solidFill>
              <a:srgbClr val="4F80BC"/>
            </a:solidFill>
          </p:spPr>
          <p:txBody>
            <a:bodyPr wrap="square" lIns="0" tIns="0" rIns="0" bIns="0" rtlCol="0"/>
            <a:lstStyle/>
            <a:p>
              <a:endParaRPr sz="1749"/>
            </a:p>
          </p:txBody>
        </p:sp>
        <p:sp>
          <p:nvSpPr>
            <p:cNvPr id="34" name="object 34"/>
            <p:cNvSpPr/>
            <p:nvPr/>
          </p:nvSpPr>
          <p:spPr>
            <a:xfrm>
              <a:off x="8426195" y="5547360"/>
              <a:ext cx="314325" cy="570230"/>
            </a:xfrm>
            <a:custGeom>
              <a:avLst/>
              <a:gdLst/>
              <a:ahLst/>
              <a:cxnLst/>
              <a:rect l="l" t="t" r="r" b="b"/>
              <a:pathLst>
                <a:path w="314325" h="570229">
                  <a:moveTo>
                    <a:pt x="313943" y="0"/>
                  </a:moveTo>
                  <a:lnTo>
                    <a:pt x="313943" y="414527"/>
                  </a:lnTo>
                  <a:lnTo>
                    <a:pt x="156971" y="569975"/>
                  </a:lnTo>
                  <a:lnTo>
                    <a:pt x="0" y="414527"/>
                  </a:lnTo>
                  <a:lnTo>
                    <a:pt x="0" y="0"/>
                  </a:lnTo>
                  <a:lnTo>
                    <a:pt x="313943" y="0"/>
                  </a:lnTo>
                  <a:close/>
                </a:path>
              </a:pathLst>
            </a:custGeom>
            <a:ln w="27432">
              <a:solidFill>
                <a:srgbClr val="1C334D"/>
              </a:solidFill>
            </a:ln>
          </p:spPr>
          <p:txBody>
            <a:bodyPr wrap="square" lIns="0" tIns="0" rIns="0" bIns="0" rtlCol="0"/>
            <a:lstStyle/>
            <a:p>
              <a:endParaRPr sz="1749"/>
            </a:p>
          </p:txBody>
        </p:sp>
      </p:grpSp>
      <p:sp>
        <p:nvSpPr>
          <p:cNvPr id="35" name="object 35"/>
          <p:cNvSpPr txBox="1"/>
          <p:nvPr/>
        </p:nvSpPr>
        <p:spPr>
          <a:xfrm>
            <a:off x="7554552" y="5426453"/>
            <a:ext cx="1136484" cy="460733"/>
          </a:xfrm>
          <a:prstGeom prst="rect">
            <a:avLst/>
          </a:prstGeom>
          <a:solidFill>
            <a:srgbClr val="FFFFFF"/>
          </a:solidFill>
          <a:ln w="13715">
            <a:solidFill>
              <a:srgbClr val="1C334D"/>
            </a:solidFill>
          </a:ln>
        </p:spPr>
        <p:txBody>
          <a:bodyPr vert="horz" wrap="square" lIns="0" tIns="79277" rIns="0" bIns="0" rtlCol="0">
            <a:spAutoFit/>
          </a:bodyPr>
          <a:lstStyle/>
          <a:p>
            <a:pPr marL="84706">
              <a:spcBef>
                <a:spcPts val="624"/>
              </a:spcBef>
            </a:pPr>
            <a:r>
              <a:rPr sz="812" spc="-9" dirty="0">
                <a:latin typeface="ＭＳ Ｐゴシック"/>
                <a:cs typeface="ＭＳ Ｐゴシック"/>
              </a:rPr>
              <a:t>支援策の具体化</a:t>
            </a:r>
            <a:endParaRPr sz="812">
              <a:latin typeface="ＭＳ Ｐゴシック"/>
              <a:cs typeface="ＭＳ Ｐゴシック"/>
            </a:endParaRPr>
          </a:p>
          <a:p>
            <a:pPr marL="84706" marR="110769">
              <a:lnSpc>
                <a:spcPts val="1000"/>
              </a:lnSpc>
              <a:spcBef>
                <a:spcPts val="30"/>
              </a:spcBef>
            </a:pPr>
            <a:r>
              <a:rPr sz="812" spc="-9" dirty="0">
                <a:latin typeface="ＭＳ Ｐゴシック"/>
                <a:cs typeface="ＭＳ Ｐゴシック"/>
              </a:rPr>
              <a:t>実際の除雪業務を通じた対応策の検証</a:t>
            </a:r>
            <a:endParaRPr sz="812">
              <a:latin typeface="ＭＳ Ｐゴシック"/>
              <a:cs typeface="ＭＳ Ｐゴシック"/>
            </a:endParaRPr>
          </a:p>
        </p:txBody>
      </p:sp>
      <p:sp>
        <p:nvSpPr>
          <p:cNvPr id="36" name="object 36"/>
          <p:cNvSpPr txBox="1"/>
          <p:nvPr/>
        </p:nvSpPr>
        <p:spPr>
          <a:xfrm>
            <a:off x="7554552" y="6016795"/>
            <a:ext cx="1136484" cy="444890"/>
          </a:xfrm>
          <a:prstGeom prst="rect">
            <a:avLst/>
          </a:prstGeom>
          <a:solidFill>
            <a:srgbClr val="FFFFFF"/>
          </a:solidFill>
          <a:ln w="13715">
            <a:solidFill>
              <a:srgbClr val="1C334D"/>
            </a:solidFill>
          </a:ln>
        </p:spPr>
        <p:txBody>
          <a:bodyPr vert="horz" wrap="square" lIns="0" tIns="62444" rIns="0" bIns="0" rtlCol="0">
            <a:spAutoFit/>
          </a:bodyPr>
          <a:lstStyle/>
          <a:p>
            <a:pPr marL="84706" marR="95023">
              <a:lnSpc>
                <a:spcPct val="102099"/>
              </a:lnSpc>
              <a:spcBef>
                <a:spcPts val="492"/>
              </a:spcBef>
            </a:pPr>
            <a:r>
              <a:rPr sz="812" spc="13" dirty="0">
                <a:latin typeface="ＭＳ Ｐゴシック"/>
                <a:cs typeface="ＭＳ Ｐゴシック"/>
              </a:rPr>
              <a:t>除雪業務の実施成果</a:t>
            </a:r>
            <a:r>
              <a:rPr sz="812" dirty="0">
                <a:latin typeface="ＭＳ Ｐゴシック"/>
                <a:cs typeface="ＭＳ Ｐゴシック"/>
              </a:rPr>
              <a:t>を踏まえた体制、判</a:t>
            </a:r>
            <a:r>
              <a:rPr sz="812" spc="13" dirty="0">
                <a:latin typeface="ＭＳ Ｐゴシック"/>
                <a:cs typeface="ＭＳ Ｐゴシック"/>
              </a:rPr>
              <a:t>断基準への助言</a:t>
            </a:r>
            <a:endParaRPr sz="812">
              <a:latin typeface="ＭＳ Ｐゴシック"/>
              <a:cs typeface="ＭＳ Ｐゴシック"/>
            </a:endParaRPr>
          </a:p>
        </p:txBody>
      </p:sp>
      <p:sp>
        <p:nvSpPr>
          <p:cNvPr id="37" name="object 37"/>
          <p:cNvSpPr txBox="1"/>
          <p:nvPr/>
        </p:nvSpPr>
        <p:spPr>
          <a:xfrm>
            <a:off x="7101044" y="4825686"/>
            <a:ext cx="1719115" cy="1234372"/>
          </a:xfrm>
          <a:prstGeom prst="rect">
            <a:avLst/>
          </a:prstGeom>
        </p:spPr>
        <p:txBody>
          <a:bodyPr vert="horz" wrap="square" lIns="0" tIns="89594" rIns="0" bIns="0" rtlCol="0">
            <a:spAutoFit/>
          </a:bodyPr>
          <a:lstStyle/>
          <a:p>
            <a:pPr>
              <a:spcBef>
                <a:spcPts val="705"/>
              </a:spcBef>
            </a:pPr>
            <a:endParaRPr sz="898">
              <a:latin typeface="Times New Roman"/>
              <a:cs typeface="Times New Roman"/>
            </a:endParaRPr>
          </a:p>
          <a:p>
            <a:pPr marL="209594"/>
            <a:r>
              <a:rPr sz="898" spc="-43" dirty="0">
                <a:solidFill>
                  <a:srgbClr val="FFFFFF"/>
                </a:solidFill>
                <a:latin typeface="ＭＳ Ｐゴシック"/>
                <a:cs typeface="ＭＳ Ｐゴシック"/>
              </a:rPr>
              <a:t>R</a:t>
            </a:r>
            <a:endParaRPr sz="898">
              <a:latin typeface="ＭＳ Ｐゴシック"/>
              <a:cs typeface="ＭＳ Ｐゴシック"/>
            </a:endParaRPr>
          </a:p>
          <a:p>
            <a:pPr marL="205793">
              <a:spcBef>
                <a:spcPts val="34"/>
              </a:spcBef>
            </a:pPr>
            <a:r>
              <a:rPr sz="898" spc="-43" dirty="0">
                <a:solidFill>
                  <a:srgbClr val="FFFFFF"/>
                </a:solidFill>
                <a:latin typeface="ＭＳ Ｐゴシック"/>
                <a:cs typeface="ＭＳ Ｐゴシック"/>
              </a:rPr>
              <a:t>５</a:t>
            </a:r>
            <a:endParaRPr sz="898">
              <a:latin typeface="ＭＳ Ｐゴシック"/>
              <a:cs typeface="ＭＳ Ｐゴシック"/>
            </a:endParaRPr>
          </a:p>
          <a:p>
            <a:pPr>
              <a:lnSpc>
                <a:spcPct val="100000"/>
              </a:lnSpc>
            </a:pP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299"/>
              </a:spcBef>
            </a:pPr>
            <a:endParaRPr sz="898">
              <a:latin typeface="ＭＳ Ｐゴシック"/>
              <a:cs typeface="ＭＳ Ｐゴシック"/>
            </a:endParaRPr>
          </a:p>
          <a:p>
            <a:pPr marL="203078"/>
            <a:r>
              <a:rPr sz="898" spc="-43" dirty="0">
                <a:solidFill>
                  <a:srgbClr val="FFFFFF"/>
                </a:solidFill>
                <a:latin typeface="ＭＳ Ｐゴシック"/>
                <a:cs typeface="ＭＳ Ｐゴシック"/>
              </a:rPr>
              <a:t>R</a:t>
            </a:r>
            <a:endParaRPr sz="898">
              <a:latin typeface="ＭＳ Ｐゴシック"/>
              <a:cs typeface="ＭＳ Ｐゴシック"/>
            </a:endParaRPr>
          </a:p>
          <a:p>
            <a:pPr marL="199277">
              <a:spcBef>
                <a:spcPts val="34"/>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grpSp>
        <p:nvGrpSpPr>
          <p:cNvPr id="38" name="object 38"/>
          <p:cNvGrpSpPr/>
          <p:nvPr/>
        </p:nvGrpSpPr>
        <p:grpSpPr>
          <a:xfrm>
            <a:off x="5180152" y="4916909"/>
            <a:ext cx="292130" cy="512585"/>
            <a:chOff x="6057900" y="5521452"/>
            <a:chExt cx="341630" cy="599440"/>
          </a:xfrm>
        </p:grpSpPr>
        <p:sp>
          <p:nvSpPr>
            <p:cNvPr id="39" name="object 39"/>
            <p:cNvSpPr/>
            <p:nvPr/>
          </p:nvSpPr>
          <p:spPr>
            <a:xfrm>
              <a:off x="6071616" y="5535168"/>
              <a:ext cx="314325" cy="571500"/>
            </a:xfrm>
            <a:custGeom>
              <a:avLst/>
              <a:gdLst/>
              <a:ahLst/>
              <a:cxnLst/>
              <a:rect l="l" t="t" r="r" b="b"/>
              <a:pathLst>
                <a:path w="314325" h="571500">
                  <a:moveTo>
                    <a:pt x="156971" y="571500"/>
                  </a:moveTo>
                  <a:lnTo>
                    <a:pt x="0" y="414528"/>
                  </a:lnTo>
                  <a:lnTo>
                    <a:pt x="0" y="0"/>
                  </a:lnTo>
                  <a:lnTo>
                    <a:pt x="313944" y="0"/>
                  </a:lnTo>
                  <a:lnTo>
                    <a:pt x="313944" y="414528"/>
                  </a:lnTo>
                  <a:lnTo>
                    <a:pt x="156971" y="571500"/>
                  </a:lnTo>
                  <a:close/>
                </a:path>
              </a:pathLst>
            </a:custGeom>
            <a:solidFill>
              <a:srgbClr val="4F80BC"/>
            </a:solidFill>
          </p:spPr>
          <p:txBody>
            <a:bodyPr wrap="square" lIns="0" tIns="0" rIns="0" bIns="0" rtlCol="0"/>
            <a:lstStyle/>
            <a:p>
              <a:endParaRPr sz="1749"/>
            </a:p>
          </p:txBody>
        </p:sp>
        <p:sp>
          <p:nvSpPr>
            <p:cNvPr id="40" name="object 40"/>
            <p:cNvSpPr/>
            <p:nvPr/>
          </p:nvSpPr>
          <p:spPr>
            <a:xfrm>
              <a:off x="6071616" y="5535168"/>
              <a:ext cx="314325" cy="571500"/>
            </a:xfrm>
            <a:custGeom>
              <a:avLst/>
              <a:gdLst/>
              <a:ahLst/>
              <a:cxnLst/>
              <a:rect l="l" t="t" r="r" b="b"/>
              <a:pathLst>
                <a:path w="314325" h="571500">
                  <a:moveTo>
                    <a:pt x="313944" y="0"/>
                  </a:moveTo>
                  <a:lnTo>
                    <a:pt x="313944" y="414528"/>
                  </a:lnTo>
                  <a:lnTo>
                    <a:pt x="156971" y="571500"/>
                  </a:lnTo>
                  <a:lnTo>
                    <a:pt x="0" y="414528"/>
                  </a:lnTo>
                  <a:lnTo>
                    <a:pt x="0" y="0"/>
                  </a:lnTo>
                  <a:lnTo>
                    <a:pt x="313944" y="0"/>
                  </a:lnTo>
                  <a:close/>
                </a:path>
              </a:pathLst>
            </a:custGeom>
            <a:ln w="27432">
              <a:solidFill>
                <a:srgbClr val="1C334D"/>
              </a:solidFill>
            </a:ln>
          </p:spPr>
          <p:txBody>
            <a:bodyPr wrap="square" lIns="0" tIns="0" rIns="0" bIns="0" rtlCol="0"/>
            <a:lstStyle/>
            <a:p>
              <a:endParaRPr sz="1749"/>
            </a:p>
          </p:txBody>
        </p:sp>
      </p:grpSp>
      <p:sp>
        <p:nvSpPr>
          <p:cNvPr id="41" name="object 41"/>
          <p:cNvSpPr txBox="1"/>
          <p:nvPr/>
        </p:nvSpPr>
        <p:spPr>
          <a:xfrm>
            <a:off x="5282615" y="5022233"/>
            <a:ext cx="102083" cy="290614"/>
          </a:xfrm>
          <a:prstGeom prst="rect">
            <a:avLst/>
          </a:prstGeom>
        </p:spPr>
        <p:txBody>
          <a:bodyPr vert="horz" wrap="square" lIns="0" tIns="14118" rIns="0" bIns="0" rtlCol="0">
            <a:spAutoFit/>
          </a:bodyPr>
          <a:lstStyle/>
          <a:p>
            <a:pPr marL="14661">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p:txBody>
      </p:sp>
      <p:sp>
        <p:nvSpPr>
          <p:cNvPr id="42" name="object 42"/>
          <p:cNvSpPr txBox="1"/>
          <p:nvPr/>
        </p:nvSpPr>
        <p:spPr>
          <a:xfrm>
            <a:off x="5542436" y="4927334"/>
            <a:ext cx="1367256" cy="310253"/>
          </a:xfrm>
          <a:prstGeom prst="rect">
            <a:avLst/>
          </a:prstGeom>
          <a:solidFill>
            <a:srgbClr val="FFFFFF"/>
          </a:solidFill>
          <a:ln w="13715">
            <a:solidFill>
              <a:srgbClr val="1C334D"/>
            </a:solidFill>
          </a:ln>
        </p:spPr>
        <p:txBody>
          <a:bodyPr vert="horz" wrap="square" lIns="0" tIns="59729" rIns="0" bIns="0" rtlCol="0">
            <a:spAutoFit/>
          </a:bodyPr>
          <a:lstStyle/>
          <a:p>
            <a:pPr marL="66245">
              <a:spcBef>
                <a:spcPts val="470"/>
              </a:spcBef>
            </a:pPr>
            <a:r>
              <a:rPr sz="812" spc="-9" dirty="0">
                <a:latin typeface="ＭＳ Ｐゴシック"/>
                <a:cs typeface="ＭＳ Ｐゴシック"/>
              </a:rPr>
              <a:t>課題の認識共有</a:t>
            </a:r>
            <a:endParaRPr sz="812">
              <a:latin typeface="ＭＳ Ｐゴシック"/>
              <a:cs typeface="ＭＳ Ｐゴシック"/>
            </a:endParaRPr>
          </a:p>
          <a:p>
            <a:pPr marL="66245">
              <a:spcBef>
                <a:spcPts val="17"/>
              </a:spcBef>
            </a:pPr>
            <a:r>
              <a:rPr sz="812" spc="-4" dirty="0">
                <a:latin typeface="ＭＳ Ｐゴシック"/>
                <a:cs typeface="ＭＳ Ｐゴシック"/>
              </a:rPr>
              <a:t>市の発注スケジュール確認</a:t>
            </a:r>
            <a:endParaRPr sz="812">
              <a:latin typeface="ＭＳ Ｐゴシック"/>
              <a:cs typeface="ＭＳ Ｐゴシック"/>
            </a:endParaRPr>
          </a:p>
        </p:txBody>
      </p:sp>
      <p:sp>
        <p:nvSpPr>
          <p:cNvPr id="43" name="object 43"/>
          <p:cNvSpPr txBox="1"/>
          <p:nvPr/>
        </p:nvSpPr>
        <p:spPr>
          <a:xfrm>
            <a:off x="250211" y="821005"/>
            <a:ext cx="1484542" cy="239096"/>
          </a:xfrm>
          <a:prstGeom prst="rect">
            <a:avLst/>
          </a:prstGeom>
          <a:ln w="13715">
            <a:solidFill>
              <a:srgbClr val="000000"/>
            </a:solidFill>
          </a:ln>
        </p:spPr>
        <p:txBody>
          <a:bodyPr vert="horz" wrap="square" lIns="0" tIns="41267" rIns="0" bIns="0" rtlCol="0">
            <a:spAutoFit/>
          </a:bodyPr>
          <a:lstStyle/>
          <a:p>
            <a:pPr marL="176471">
              <a:spcBef>
                <a:spcPts val="325"/>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44" name="object 44"/>
          <p:cNvSpPr txBox="1"/>
          <p:nvPr/>
        </p:nvSpPr>
        <p:spPr>
          <a:xfrm>
            <a:off x="5069109" y="4452562"/>
            <a:ext cx="1851606" cy="352691"/>
          </a:xfrm>
          <a:prstGeom prst="rect">
            <a:avLst/>
          </a:prstGeom>
        </p:spPr>
        <p:txBody>
          <a:bodyPr vert="horz" wrap="square" lIns="0" tIns="10317" rIns="0" bIns="0" rtlCol="0">
            <a:spAutoFit/>
          </a:bodyPr>
          <a:lstStyle/>
          <a:p>
            <a:pPr marL="141720" marR="4344" indent="-131403">
              <a:spcBef>
                <a:spcPts val="81"/>
              </a:spcBef>
            </a:pPr>
            <a:r>
              <a:rPr sz="1112" spc="-21" dirty="0">
                <a:latin typeface="ＭＳ Ｐゴシック"/>
                <a:cs typeface="ＭＳ Ｐゴシック"/>
              </a:rPr>
              <a:t>①除雪出動時の職員作業効率化に向けた新技術の導入</a:t>
            </a:r>
            <a:endParaRPr sz="1112">
              <a:latin typeface="ＭＳ Ｐゴシック"/>
              <a:cs typeface="ＭＳ Ｐゴシック"/>
            </a:endParaRPr>
          </a:p>
        </p:txBody>
      </p:sp>
      <p:sp>
        <p:nvSpPr>
          <p:cNvPr id="45" name="object 45"/>
          <p:cNvSpPr txBox="1"/>
          <p:nvPr/>
        </p:nvSpPr>
        <p:spPr>
          <a:xfrm>
            <a:off x="7104395" y="4452562"/>
            <a:ext cx="1851606" cy="352691"/>
          </a:xfrm>
          <a:prstGeom prst="rect">
            <a:avLst/>
          </a:prstGeom>
        </p:spPr>
        <p:txBody>
          <a:bodyPr vert="horz" wrap="square" lIns="0" tIns="10317" rIns="0" bIns="0" rtlCol="0">
            <a:spAutoFit/>
          </a:bodyPr>
          <a:lstStyle/>
          <a:p>
            <a:pPr marL="104797" marR="4344" indent="-94479">
              <a:spcBef>
                <a:spcPts val="81"/>
              </a:spcBef>
            </a:pPr>
            <a:r>
              <a:rPr sz="1112" spc="-21" dirty="0">
                <a:latin typeface="ＭＳ Ｐゴシック"/>
                <a:cs typeface="ＭＳ Ｐゴシック"/>
              </a:rPr>
              <a:t>②除雪事業者の連携体制構築除雪判断基準への助言</a:t>
            </a:r>
            <a:endParaRPr sz="1112">
              <a:latin typeface="ＭＳ Ｐゴシック"/>
              <a:cs typeface="ＭＳ Ｐゴシック"/>
            </a:endParaRPr>
          </a:p>
        </p:txBody>
      </p:sp>
      <p:sp>
        <p:nvSpPr>
          <p:cNvPr id="46" name="object 46"/>
          <p:cNvSpPr txBox="1"/>
          <p:nvPr/>
        </p:nvSpPr>
        <p:spPr>
          <a:xfrm>
            <a:off x="8941029" y="6292310"/>
            <a:ext cx="115657" cy="237487"/>
          </a:xfrm>
          <a:prstGeom prst="rect">
            <a:avLst/>
          </a:prstGeom>
        </p:spPr>
        <p:txBody>
          <a:bodyPr vert="horz" wrap="square" lIns="0" tIns="13575" rIns="0" bIns="0" rtlCol="0">
            <a:spAutoFit/>
          </a:bodyPr>
          <a:lstStyle/>
          <a:p>
            <a:pPr marL="10860">
              <a:spcBef>
                <a:spcPts val="107"/>
              </a:spcBef>
            </a:pPr>
            <a:r>
              <a:rPr sz="1454" spc="-43" dirty="0">
                <a:latin typeface="ＭＳ Ｐゴシック"/>
                <a:cs typeface="ＭＳ Ｐゴシック"/>
              </a:rPr>
              <a:t>3</a:t>
            </a:r>
            <a:endParaRPr sz="1454">
              <a:latin typeface="ＭＳ Ｐゴシック"/>
              <a:cs typeface="ＭＳ Ｐゴシック"/>
            </a:endParaRPr>
          </a:p>
        </p:txBody>
      </p:sp>
      <p:pic>
        <p:nvPicPr>
          <p:cNvPr id="47" name="object 47"/>
          <p:cNvPicPr/>
          <p:nvPr/>
        </p:nvPicPr>
        <p:blipFill>
          <a:blip r:embed="rId7" cstate="print"/>
          <a:stretch>
            <a:fillRect/>
          </a:stretch>
        </p:blipFill>
        <p:spPr>
          <a:xfrm>
            <a:off x="2778385" y="5340444"/>
            <a:ext cx="1510389" cy="1041243"/>
          </a:xfrm>
          <a:prstGeom prst="rect">
            <a:avLst/>
          </a:prstGeom>
        </p:spPr>
      </p:pic>
    </p:spTree>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74906" y="352850"/>
            <a:ext cx="6969856"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山形県山形市</a:t>
            </a:r>
            <a:r>
              <a:rPr spc="-9" dirty="0"/>
              <a:t>）</a:t>
            </a:r>
            <a:r>
              <a:rPr spc="-34" dirty="0"/>
              <a:t>橋梁点検に関する新技術・産学官連携の仕組み導入への助言</a:t>
            </a:r>
          </a:p>
        </p:txBody>
      </p:sp>
      <p:sp>
        <p:nvSpPr>
          <p:cNvPr id="3" name="object 3"/>
          <p:cNvSpPr txBox="1"/>
          <p:nvPr/>
        </p:nvSpPr>
        <p:spPr>
          <a:xfrm>
            <a:off x="250210" y="1152014"/>
            <a:ext cx="8625985" cy="928666"/>
          </a:xfrm>
          <a:prstGeom prst="rect">
            <a:avLst/>
          </a:prstGeom>
          <a:ln w="13715">
            <a:solidFill>
              <a:srgbClr val="000000"/>
            </a:solidFill>
          </a:ln>
        </p:spPr>
        <p:txBody>
          <a:bodyPr vert="horz" wrap="square" lIns="0" tIns="66245" rIns="0" bIns="0" rtlCol="0">
            <a:spAutoFit/>
          </a:bodyPr>
          <a:lstStyle/>
          <a:p>
            <a:pPr marL="248146" marR="191132" indent="-163983">
              <a:lnSpc>
                <a:spcPct val="100699"/>
              </a:lnSpc>
              <a:spcBef>
                <a:spcPts val="522"/>
              </a:spcBef>
              <a:buSzPct val="93333"/>
              <a:buChar char="○"/>
              <a:tabLst>
                <a:tab pos="249775" algn="l"/>
              </a:tabLst>
            </a:pPr>
            <a:r>
              <a:rPr sz="1283" spc="-17" dirty="0">
                <a:latin typeface="ＭＳ Ｐゴシック"/>
                <a:cs typeface="ＭＳ Ｐゴシック"/>
              </a:rPr>
              <a:t>市全体での導入コスト低減のため、市内の橋梁をグルーピングしたうえで導入する新技術を検討。特殊橋梁の管理手法</a:t>
            </a:r>
            <a:r>
              <a:rPr sz="1283" spc="-9" dirty="0">
                <a:latin typeface="ＭＳ Ｐゴシック"/>
                <a:cs typeface="ＭＳ Ｐゴシック"/>
              </a:rPr>
              <a:t>の	確立や新技術導入に向け、産学官連携の仕組みを検討。</a:t>
            </a:r>
            <a:endParaRPr sz="1283">
              <a:latin typeface="ＭＳ Ｐゴシック"/>
              <a:cs typeface="ＭＳ Ｐゴシック"/>
            </a:endParaRPr>
          </a:p>
          <a:p>
            <a:pPr marL="248146" marR="102082" indent="-163983">
              <a:lnSpc>
                <a:spcPct val="101400"/>
              </a:lnSpc>
              <a:spcBef>
                <a:spcPts val="539"/>
              </a:spcBef>
              <a:buSzPct val="93333"/>
              <a:buChar char="○"/>
              <a:tabLst>
                <a:tab pos="249775" algn="l"/>
              </a:tabLst>
            </a:pPr>
            <a:r>
              <a:rPr sz="1283" spc="-13" dirty="0">
                <a:latin typeface="ＭＳ Ｐゴシック"/>
                <a:cs typeface="ＭＳ Ｐゴシック"/>
              </a:rPr>
              <a:t>令和７年度に特殊橋点検を予定しており、活用可能な新技術を検討し、試行・導入する方針。その他の橋梁種別についても	、点検に関する新技術の導入を検討中。併せて、産学官連携の仕組みについても検討を行う。</a:t>
            </a:r>
            <a:endParaRPr sz="1283">
              <a:latin typeface="ＭＳ Ｐゴシック"/>
              <a:cs typeface="ＭＳ Ｐゴシック"/>
            </a:endParaRPr>
          </a:p>
        </p:txBody>
      </p:sp>
      <p:grpSp>
        <p:nvGrpSpPr>
          <p:cNvPr id="4" name="object 4"/>
          <p:cNvGrpSpPr/>
          <p:nvPr/>
        </p:nvGrpSpPr>
        <p:grpSpPr>
          <a:xfrm>
            <a:off x="151168" y="4842627"/>
            <a:ext cx="4670825" cy="1700654"/>
            <a:chOff x="176783" y="5434584"/>
            <a:chExt cx="5462270" cy="1988820"/>
          </a:xfrm>
        </p:grpSpPr>
        <p:sp>
          <p:nvSpPr>
            <p:cNvPr id="5" name="object 5"/>
            <p:cNvSpPr/>
            <p:nvPr/>
          </p:nvSpPr>
          <p:spPr>
            <a:xfrm>
              <a:off x="176783" y="5434584"/>
              <a:ext cx="5462270" cy="1988820"/>
            </a:xfrm>
            <a:custGeom>
              <a:avLst/>
              <a:gdLst/>
              <a:ahLst/>
              <a:cxnLst/>
              <a:rect l="l" t="t" r="r" b="b"/>
              <a:pathLst>
                <a:path w="5462270" h="1988820">
                  <a:moveTo>
                    <a:pt x="5462016" y="1988819"/>
                  </a:moveTo>
                  <a:lnTo>
                    <a:pt x="0" y="1988819"/>
                  </a:lnTo>
                  <a:lnTo>
                    <a:pt x="0" y="0"/>
                  </a:lnTo>
                  <a:lnTo>
                    <a:pt x="5462016" y="0"/>
                  </a:lnTo>
                  <a:lnTo>
                    <a:pt x="5462016" y="1988819"/>
                  </a:lnTo>
                  <a:close/>
                </a:path>
              </a:pathLst>
            </a:custGeom>
            <a:solidFill>
              <a:srgbClr val="DBE6F2"/>
            </a:solidFill>
          </p:spPr>
          <p:txBody>
            <a:bodyPr wrap="square" lIns="0" tIns="0" rIns="0" bIns="0" rtlCol="0"/>
            <a:lstStyle/>
            <a:p>
              <a:endParaRPr sz="1749"/>
            </a:p>
          </p:txBody>
        </p:sp>
        <p:pic>
          <p:nvPicPr>
            <p:cNvPr id="6" name="object 6"/>
            <p:cNvPicPr/>
            <p:nvPr/>
          </p:nvPicPr>
          <p:blipFill>
            <a:blip r:embed="rId2" cstate="print"/>
            <a:stretch>
              <a:fillRect/>
            </a:stretch>
          </p:blipFill>
          <p:spPr>
            <a:xfrm>
              <a:off x="231647" y="5728716"/>
              <a:ext cx="2025395" cy="1540763"/>
            </a:xfrm>
            <a:prstGeom prst="rect">
              <a:avLst/>
            </a:prstGeom>
          </p:spPr>
        </p:pic>
      </p:grpSp>
      <p:sp>
        <p:nvSpPr>
          <p:cNvPr id="7" name="object 7"/>
          <p:cNvSpPr txBox="1"/>
          <p:nvPr/>
        </p:nvSpPr>
        <p:spPr>
          <a:xfrm>
            <a:off x="304944" y="3403914"/>
            <a:ext cx="1625178" cy="238000"/>
          </a:xfrm>
          <a:prstGeom prst="rect">
            <a:avLst/>
          </a:prstGeom>
          <a:solidFill>
            <a:srgbClr val="B6DDE8"/>
          </a:solidFill>
          <a:ln w="10667">
            <a:solidFill>
              <a:srgbClr val="00AFEF"/>
            </a:solidFill>
          </a:ln>
        </p:spPr>
        <p:txBody>
          <a:bodyPr vert="horz" wrap="square" lIns="0" tIns="40181" rIns="0" bIns="0" rtlCol="0">
            <a:spAutoFit/>
          </a:bodyPr>
          <a:lstStyle/>
          <a:p>
            <a:pPr marL="154752">
              <a:spcBef>
                <a:spcPts val="316"/>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8" name="object 8"/>
          <p:cNvSpPr txBox="1"/>
          <p:nvPr/>
        </p:nvSpPr>
        <p:spPr>
          <a:xfrm>
            <a:off x="317359" y="3807669"/>
            <a:ext cx="4472632" cy="943045"/>
          </a:xfrm>
          <a:prstGeom prst="rect">
            <a:avLst/>
          </a:prstGeom>
        </p:spPr>
        <p:txBody>
          <a:bodyPr vert="horz" wrap="square" lIns="0" tIns="10317" rIns="0" bIns="0" rtlCol="0">
            <a:spAutoFit/>
          </a:bodyPr>
          <a:lstStyle/>
          <a:p>
            <a:pPr marL="142806" marR="4344" indent="-132489">
              <a:spcBef>
                <a:spcPts val="81"/>
              </a:spcBef>
              <a:buSzPct val="92307"/>
              <a:buChar char="○"/>
              <a:tabLst>
                <a:tab pos="142806" algn="l"/>
                <a:tab pos="151494" algn="l"/>
              </a:tabLst>
            </a:pPr>
            <a:r>
              <a:rPr sz="1112" dirty="0">
                <a:latin typeface="ＭＳ Ｐゴシック"/>
                <a:cs typeface="ＭＳ Ｐゴシック"/>
              </a:rPr>
              <a:t>	</a:t>
            </a:r>
            <a:r>
              <a:rPr sz="1112" spc="-21" dirty="0">
                <a:latin typeface="ＭＳ Ｐゴシック"/>
                <a:cs typeface="ＭＳ Ｐゴシック"/>
              </a:rPr>
              <a:t>特殊橋の維持管理にあたり、橋梁点検車</a:t>
            </a:r>
            <a:r>
              <a:rPr sz="1112" spc="-9" dirty="0">
                <a:latin typeface="ＭＳ Ｐゴシック"/>
                <a:cs typeface="ＭＳ Ｐゴシック"/>
              </a:rPr>
              <a:t>MBI70</a:t>
            </a:r>
            <a:r>
              <a:rPr sz="1112" spc="-26" dirty="0">
                <a:latin typeface="ＭＳ Ｐゴシック"/>
                <a:cs typeface="ＭＳ Ｐゴシック"/>
              </a:rPr>
              <a:t>、橋梁点検支援ロボットな</a:t>
            </a:r>
            <a:r>
              <a:rPr sz="1112" spc="-30" dirty="0">
                <a:latin typeface="ＭＳ Ｐゴシック"/>
                <a:cs typeface="ＭＳ Ｐゴシック"/>
              </a:rPr>
              <a:t>どの新技術を検討。</a:t>
            </a:r>
            <a:endParaRPr sz="1112">
              <a:latin typeface="ＭＳ Ｐゴシック"/>
              <a:cs typeface="ＭＳ Ｐゴシック"/>
            </a:endParaRPr>
          </a:p>
          <a:p>
            <a:pPr marL="142806" marR="39638" indent="-132489" algn="just">
              <a:lnSpc>
                <a:spcPct val="99600"/>
              </a:lnSpc>
              <a:spcBef>
                <a:spcPts val="556"/>
              </a:spcBef>
              <a:buSzPct val="92307"/>
              <a:buChar char="○"/>
              <a:tabLst>
                <a:tab pos="142806" algn="l"/>
                <a:tab pos="151494" algn="l"/>
              </a:tabLst>
            </a:pPr>
            <a:r>
              <a:rPr sz="1112" dirty="0">
                <a:latin typeface="ＭＳ Ｐゴシック"/>
                <a:cs typeface="ＭＳ Ｐゴシック"/>
              </a:rPr>
              <a:t>	</a:t>
            </a:r>
            <a:r>
              <a:rPr sz="1112" spc="-21" dirty="0">
                <a:latin typeface="ＭＳ Ｐゴシック"/>
                <a:cs typeface="ＭＳ Ｐゴシック"/>
              </a:rPr>
              <a:t>小規模橋梁や溝橋の維持管理に、</a:t>
            </a:r>
            <a:r>
              <a:rPr sz="1112" spc="-9" dirty="0">
                <a:latin typeface="ＭＳ Ｐゴシック"/>
                <a:cs typeface="ＭＳ Ｐゴシック"/>
              </a:rPr>
              <a:t>Dr.Bridge</a:t>
            </a:r>
            <a:r>
              <a:rPr sz="1112" spc="-26" dirty="0">
                <a:latin typeface="ＭＳ Ｐゴシック"/>
                <a:cs typeface="ＭＳ Ｐゴシック"/>
              </a:rPr>
              <a:t>、点検ロボットカメラ、</a:t>
            </a:r>
            <a:r>
              <a:rPr sz="1112" spc="-17" dirty="0">
                <a:latin typeface="ＭＳ Ｐゴシック"/>
                <a:cs typeface="ＭＳ Ｐゴシック"/>
              </a:rPr>
              <a:t>MCS</a:t>
            </a:r>
            <a:r>
              <a:rPr sz="1112" spc="-43" dirty="0">
                <a:latin typeface="ＭＳ Ｐゴシック"/>
                <a:cs typeface="ＭＳ Ｐゴシック"/>
              </a:rPr>
              <a:t>に</a:t>
            </a:r>
            <a:r>
              <a:rPr sz="1112" spc="-21" dirty="0">
                <a:latin typeface="ＭＳ Ｐゴシック"/>
                <a:cs typeface="ＭＳ Ｐゴシック"/>
              </a:rPr>
              <a:t>よる</a:t>
            </a:r>
            <a:r>
              <a:rPr sz="1112" spc="-9" dirty="0">
                <a:latin typeface="ＭＳ Ｐゴシック"/>
                <a:cs typeface="ＭＳ Ｐゴシック"/>
              </a:rPr>
              <a:t>3D</a:t>
            </a:r>
            <a:r>
              <a:rPr sz="1112" spc="-26" dirty="0">
                <a:latin typeface="ＭＳ Ｐゴシック"/>
                <a:cs typeface="ＭＳ Ｐゴシック"/>
              </a:rPr>
              <a:t>データを活用した橋梁点検技術、点検調書作成支援のためのアレリオ橋梁点検などの提案あり。</a:t>
            </a:r>
            <a:endParaRPr sz="1112">
              <a:latin typeface="ＭＳ Ｐゴシック"/>
              <a:cs typeface="ＭＳ Ｐゴシック"/>
            </a:endParaRPr>
          </a:p>
        </p:txBody>
      </p:sp>
      <p:sp>
        <p:nvSpPr>
          <p:cNvPr id="9" name="object 9"/>
          <p:cNvSpPr/>
          <p:nvPr/>
        </p:nvSpPr>
        <p:spPr>
          <a:xfrm>
            <a:off x="4950139" y="2529478"/>
            <a:ext cx="0" cy="4049098"/>
          </a:xfrm>
          <a:custGeom>
            <a:avLst/>
            <a:gdLst/>
            <a:ahLst/>
            <a:cxnLst/>
            <a:rect l="l" t="t" r="r" b="b"/>
            <a:pathLst>
              <a:path h="4735195">
                <a:moveTo>
                  <a:pt x="0" y="0"/>
                </a:moveTo>
                <a:lnTo>
                  <a:pt x="0" y="4735068"/>
                </a:lnTo>
              </a:path>
            </a:pathLst>
          </a:custGeom>
          <a:ln w="13716">
            <a:solidFill>
              <a:srgbClr val="000000"/>
            </a:solidFill>
            <a:prstDash val="sysDash"/>
          </a:ln>
        </p:spPr>
        <p:txBody>
          <a:bodyPr wrap="square" lIns="0" tIns="0" rIns="0" bIns="0" rtlCol="0"/>
          <a:lstStyle/>
          <a:p>
            <a:endParaRPr sz="1749"/>
          </a:p>
        </p:txBody>
      </p:sp>
      <p:sp>
        <p:nvSpPr>
          <p:cNvPr id="10" name="object 10"/>
          <p:cNvSpPr txBox="1"/>
          <p:nvPr/>
        </p:nvSpPr>
        <p:spPr>
          <a:xfrm>
            <a:off x="5193910" y="2538227"/>
            <a:ext cx="3858507" cy="1922544"/>
          </a:xfrm>
          <a:prstGeom prst="rect">
            <a:avLst/>
          </a:prstGeom>
        </p:spPr>
        <p:txBody>
          <a:bodyPr vert="horz" wrap="square" lIns="0" tIns="10317" rIns="0" bIns="0" rtlCol="0">
            <a:spAutoFit/>
          </a:bodyPr>
          <a:lstStyle/>
          <a:p>
            <a:pPr marL="197104" marR="144978" indent="-131946">
              <a:spcBef>
                <a:spcPts val="81"/>
              </a:spcBef>
              <a:buSzPct val="92307"/>
              <a:buChar char="○"/>
              <a:tabLst>
                <a:tab pos="197104" algn="l"/>
                <a:tab pos="206336" algn="l"/>
              </a:tabLst>
            </a:pPr>
            <a:r>
              <a:rPr sz="1112" dirty="0">
                <a:latin typeface="ＭＳ Ｐゴシック"/>
                <a:cs typeface="ＭＳ Ｐゴシック"/>
              </a:rPr>
              <a:t>	</a:t>
            </a:r>
            <a:r>
              <a:rPr sz="1112" spc="-30" dirty="0">
                <a:latin typeface="ＭＳ Ｐゴシック"/>
                <a:cs typeface="ＭＳ Ｐゴシック"/>
              </a:rPr>
              <a:t>令和７年度の特殊橋点検での新技術の導入を目指し、山形市にて整理検討、仕様書作成などの準備を進める。</a:t>
            </a:r>
            <a:endParaRPr sz="1112">
              <a:latin typeface="ＭＳ Ｐゴシック"/>
              <a:cs typeface="ＭＳ Ｐゴシック"/>
            </a:endParaRPr>
          </a:p>
          <a:p>
            <a:pPr marL="197104" marR="82534" indent="-131946">
              <a:lnSpc>
                <a:spcPct val="99600"/>
              </a:lnSpc>
              <a:spcBef>
                <a:spcPts val="556"/>
              </a:spcBef>
              <a:buSzPct val="92307"/>
              <a:buChar char="○"/>
              <a:tabLst>
                <a:tab pos="197104" algn="l"/>
                <a:tab pos="206336" algn="l"/>
              </a:tabLst>
            </a:pPr>
            <a:r>
              <a:rPr sz="1112" dirty="0">
                <a:latin typeface="ＭＳ Ｐゴシック"/>
                <a:cs typeface="ＭＳ Ｐゴシック"/>
              </a:rPr>
              <a:t>	</a:t>
            </a:r>
            <a:r>
              <a:rPr sz="1112" spc="-26" dirty="0">
                <a:latin typeface="ＭＳ Ｐゴシック"/>
                <a:cs typeface="ＭＳ Ｐゴシック"/>
              </a:rPr>
              <a:t>その他の橋梁種別への新技術の導入可能性はアドバイザーからの提案内容をもとに山形市にて継続して検討を行う。</a:t>
            </a:r>
            <a:r>
              <a:rPr sz="1112" spc="-21" dirty="0">
                <a:latin typeface="ＭＳ Ｐゴシック"/>
                <a:cs typeface="ＭＳ Ｐゴシック"/>
              </a:rPr>
              <a:t>（7月頃に検討状況を確認</a:t>
            </a:r>
            <a:r>
              <a:rPr sz="1112" spc="-43" dirty="0">
                <a:latin typeface="ＭＳ Ｐゴシック"/>
                <a:cs typeface="ＭＳ Ｐゴシック"/>
              </a:rPr>
              <a:t>）</a:t>
            </a:r>
            <a:endParaRPr sz="1112">
              <a:latin typeface="ＭＳ Ｐゴシック"/>
              <a:cs typeface="ＭＳ Ｐゴシック"/>
            </a:endParaRPr>
          </a:p>
          <a:p>
            <a:pPr marL="197104" marR="74389" indent="-131946">
              <a:spcBef>
                <a:spcPts val="547"/>
              </a:spcBef>
              <a:buSzPct val="92307"/>
              <a:buChar char="○"/>
              <a:tabLst>
                <a:tab pos="197104" algn="l"/>
                <a:tab pos="206336" algn="l"/>
              </a:tabLst>
            </a:pPr>
            <a:r>
              <a:rPr sz="1112" dirty="0">
                <a:latin typeface="ＭＳ Ｐゴシック"/>
                <a:cs typeface="ＭＳ Ｐゴシック"/>
              </a:rPr>
              <a:t>	</a:t>
            </a:r>
            <a:r>
              <a:rPr sz="1112" spc="-26" dirty="0">
                <a:latin typeface="ＭＳ Ｐゴシック"/>
                <a:cs typeface="ＭＳ Ｐゴシック"/>
              </a:rPr>
              <a:t>アドバイザーから上記検討にあたり必要に応じて見積取得や</a:t>
            </a:r>
            <a:r>
              <a:rPr sz="1112" spc="-30" dirty="0">
                <a:latin typeface="ＭＳ Ｐゴシック"/>
                <a:cs typeface="ＭＳ Ｐゴシック"/>
              </a:rPr>
              <a:t>仕様書の作成について助言を予定。</a:t>
            </a:r>
            <a:endParaRPr sz="1112">
              <a:latin typeface="ＭＳ Ｐゴシック"/>
              <a:cs typeface="ＭＳ Ｐゴシック"/>
            </a:endParaRPr>
          </a:p>
          <a:p>
            <a:pPr marL="206336" indent="-141177">
              <a:spcBef>
                <a:spcPts val="552"/>
              </a:spcBef>
              <a:buSzPct val="92307"/>
              <a:buChar char="○"/>
              <a:tabLst>
                <a:tab pos="206336" algn="l"/>
              </a:tabLst>
            </a:pPr>
            <a:r>
              <a:rPr sz="1112" spc="-26" dirty="0">
                <a:latin typeface="ＭＳ Ｐゴシック"/>
                <a:cs typeface="ＭＳ Ｐゴシック"/>
              </a:rPr>
              <a:t>産学官連携方法を整理のうえ山形市に提案、協議する。</a:t>
            </a:r>
            <a:endParaRPr sz="1112">
              <a:latin typeface="ＭＳ Ｐゴシック"/>
              <a:cs typeface="ＭＳ Ｐゴシック"/>
            </a:endParaRPr>
          </a:p>
          <a:p>
            <a:pPr marL="10860">
              <a:spcBef>
                <a:spcPts val="1214"/>
              </a:spcBef>
              <a:tabLst>
                <a:tab pos="2017745" algn="l"/>
              </a:tabLst>
            </a:pPr>
            <a:r>
              <a:rPr sz="1112" spc="-17" dirty="0">
                <a:latin typeface="ＭＳ Ｐゴシック"/>
                <a:cs typeface="ＭＳ Ｐゴシック"/>
              </a:rPr>
              <a:t>①橋梁点検新技術導</a:t>
            </a:r>
            <a:r>
              <a:rPr sz="1112" spc="-43" dirty="0">
                <a:latin typeface="ＭＳ Ｐゴシック"/>
                <a:cs typeface="ＭＳ Ｐゴシック"/>
              </a:rPr>
              <a:t>入</a:t>
            </a:r>
            <a:r>
              <a:rPr sz="1112" dirty="0">
                <a:latin typeface="ＭＳ Ｐゴシック"/>
                <a:cs typeface="ＭＳ Ｐゴシック"/>
              </a:rPr>
              <a:t>	</a:t>
            </a:r>
            <a:r>
              <a:rPr sz="1112" spc="-17" dirty="0">
                <a:latin typeface="ＭＳ Ｐゴシック"/>
                <a:cs typeface="ＭＳ Ｐゴシック"/>
              </a:rPr>
              <a:t>②産学官連携の仕組みの検</a:t>
            </a:r>
            <a:r>
              <a:rPr sz="1112" spc="-43" dirty="0">
                <a:latin typeface="ＭＳ Ｐゴシック"/>
                <a:cs typeface="ＭＳ Ｐゴシック"/>
              </a:rPr>
              <a:t>討</a:t>
            </a:r>
            <a:endParaRPr sz="1112">
              <a:latin typeface="ＭＳ Ｐゴシック"/>
              <a:cs typeface="ＭＳ Ｐゴシック"/>
            </a:endParaRPr>
          </a:p>
        </p:txBody>
      </p:sp>
      <p:sp>
        <p:nvSpPr>
          <p:cNvPr id="11" name="object 11"/>
          <p:cNvSpPr txBox="1"/>
          <p:nvPr/>
        </p:nvSpPr>
        <p:spPr>
          <a:xfrm>
            <a:off x="295822" y="2198470"/>
            <a:ext cx="2158397" cy="238000"/>
          </a:xfrm>
          <a:prstGeom prst="rect">
            <a:avLst/>
          </a:prstGeom>
          <a:solidFill>
            <a:srgbClr val="B6DDE8"/>
          </a:solidFill>
          <a:ln w="10667">
            <a:solidFill>
              <a:srgbClr val="00AFEF"/>
            </a:solidFill>
          </a:ln>
        </p:spPr>
        <p:txBody>
          <a:bodyPr vert="horz" wrap="square" lIns="0" tIns="40181" rIns="0" bIns="0" rtlCol="0">
            <a:spAutoFit/>
          </a:bodyPr>
          <a:lstStyle/>
          <a:p>
            <a:pPr marL="110769">
              <a:spcBef>
                <a:spcPts val="316"/>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12" name="object 12"/>
          <p:cNvSpPr txBox="1"/>
          <p:nvPr/>
        </p:nvSpPr>
        <p:spPr>
          <a:xfrm>
            <a:off x="317358" y="2590456"/>
            <a:ext cx="4271182" cy="764150"/>
          </a:xfrm>
          <a:prstGeom prst="rect">
            <a:avLst/>
          </a:prstGeom>
        </p:spPr>
        <p:txBody>
          <a:bodyPr vert="horz" wrap="square" lIns="0" tIns="10317" rIns="0" bIns="0" rtlCol="0">
            <a:spAutoFit/>
          </a:bodyPr>
          <a:lstStyle/>
          <a:p>
            <a:pPr marL="142806" marR="28235" indent="-132489">
              <a:spcBef>
                <a:spcPts val="81"/>
              </a:spcBef>
              <a:buSzPct val="92307"/>
              <a:buChar char="○"/>
              <a:tabLst>
                <a:tab pos="142806" algn="l"/>
                <a:tab pos="151494" algn="l"/>
              </a:tabLst>
            </a:pPr>
            <a:r>
              <a:rPr sz="1112" dirty="0">
                <a:latin typeface="ＭＳ Ｐゴシック"/>
                <a:cs typeface="ＭＳ Ｐゴシック"/>
              </a:rPr>
              <a:t>	</a:t>
            </a:r>
            <a:r>
              <a:rPr sz="1112" spc="-26" dirty="0">
                <a:latin typeface="ＭＳ Ｐゴシック"/>
                <a:cs typeface="ＭＳ Ｐゴシック"/>
              </a:rPr>
              <a:t>市内の全橋梁について、新技術の優位性が高い①特殊橋、②小規模橋梁、③溝橋、④不可視部がある橋梁の観点で分類。</a:t>
            </a:r>
            <a:endParaRPr sz="1112">
              <a:latin typeface="ＭＳ Ｐゴシック"/>
              <a:cs typeface="ＭＳ Ｐゴシック"/>
            </a:endParaRPr>
          </a:p>
          <a:p>
            <a:pPr marL="142806" marR="4344" indent="-132489">
              <a:lnSpc>
                <a:spcPts val="1325"/>
              </a:lnSpc>
              <a:spcBef>
                <a:spcPts val="603"/>
              </a:spcBef>
              <a:buSzPct val="92307"/>
              <a:buChar char="○"/>
              <a:tabLst>
                <a:tab pos="142806" algn="l"/>
                <a:tab pos="151494" algn="l"/>
              </a:tabLst>
            </a:pPr>
            <a:r>
              <a:rPr sz="1112" dirty="0">
                <a:latin typeface="ＭＳ Ｐゴシック"/>
                <a:cs typeface="ＭＳ Ｐゴシック"/>
              </a:rPr>
              <a:t>	</a:t>
            </a:r>
            <a:r>
              <a:rPr sz="1112" spc="-30" dirty="0">
                <a:latin typeface="ＭＳ Ｐゴシック"/>
                <a:cs typeface="ＭＳ Ｐゴシック"/>
              </a:rPr>
              <a:t>アドバイザーが、分類ごとに新技術候補を紹介。新技術導入の方向性を協議。</a:t>
            </a:r>
            <a:endParaRPr sz="1112">
              <a:latin typeface="ＭＳ Ｐゴシック"/>
              <a:cs typeface="ＭＳ Ｐゴシック"/>
            </a:endParaRPr>
          </a:p>
        </p:txBody>
      </p:sp>
      <p:grpSp>
        <p:nvGrpSpPr>
          <p:cNvPr id="13" name="object 13"/>
          <p:cNvGrpSpPr/>
          <p:nvPr/>
        </p:nvGrpSpPr>
        <p:grpSpPr>
          <a:xfrm>
            <a:off x="5053743" y="4447763"/>
            <a:ext cx="1905362" cy="2095952"/>
            <a:chOff x="5910071" y="4972812"/>
            <a:chExt cx="2228215" cy="2451100"/>
          </a:xfrm>
        </p:grpSpPr>
        <p:sp>
          <p:nvSpPr>
            <p:cNvPr id="14" name="object 14"/>
            <p:cNvSpPr/>
            <p:nvPr/>
          </p:nvSpPr>
          <p:spPr>
            <a:xfrm>
              <a:off x="5910071" y="4972812"/>
              <a:ext cx="2228215" cy="2451100"/>
            </a:xfrm>
            <a:custGeom>
              <a:avLst/>
              <a:gdLst/>
              <a:ahLst/>
              <a:cxnLst/>
              <a:rect l="l" t="t" r="r" b="b"/>
              <a:pathLst>
                <a:path w="2228215" h="2451100">
                  <a:moveTo>
                    <a:pt x="2228088" y="2450591"/>
                  </a:moveTo>
                  <a:lnTo>
                    <a:pt x="0" y="2450591"/>
                  </a:lnTo>
                  <a:lnTo>
                    <a:pt x="0" y="0"/>
                  </a:lnTo>
                  <a:lnTo>
                    <a:pt x="2228088" y="0"/>
                  </a:lnTo>
                  <a:lnTo>
                    <a:pt x="2228088" y="2450591"/>
                  </a:lnTo>
                  <a:close/>
                </a:path>
              </a:pathLst>
            </a:custGeom>
            <a:solidFill>
              <a:srgbClr val="DBE6F2"/>
            </a:solidFill>
          </p:spPr>
          <p:txBody>
            <a:bodyPr wrap="square" lIns="0" tIns="0" rIns="0" bIns="0" rtlCol="0"/>
            <a:lstStyle/>
            <a:p>
              <a:endParaRPr sz="1749"/>
            </a:p>
          </p:txBody>
        </p:sp>
        <p:sp>
          <p:nvSpPr>
            <p:cNvPr id="15" name="object 15"/>
            <p:cNvSpPr/>
            <p:nvPr/>
          </p:nvSpPr>
          <p:spPr>
            <a:xfrm>
              <a:off x="6454139" y="5558028"/>
              <a:ext cx="1598930" cy="570230"/>
            </a:xfrm>
            <a:custGeom>
              <a:avLst/>
              <a:gdLst/>
              <a:ahLst/>
              <a:cxnLst/>
              <a:rect l="l" t="t" r="r" b="b"/>
              <a:pathLst>
                <a:path w="1598929" h="570229">
                  <a:moveTo>
                    <a:pt x="0" y="0"/>
                  </a:moveTo>
                  <a:lnTo>
                    <a:pt x="1598676" y="0"/>
                  </a:lnTo>
                  <a:lnTo>
                    <a:pt x="1598676" y="569975"/>
                  </a:lnTo>
                  <a:lnTo>
                    <a:pt x="0" y="569975"/>
                  </a:lnTo>
                  <a:lnTo>
                    <a:pt x="0" y="0"/>
                  </a:lnTo>
                  <a:close/>
                </a:path>
              </a:pathLst>
            </a:custGeom>
            <a:ln w="13716">
              <a:solidFill>
                <a:srgbClr val="1C334D"/>
              </a:solidFill>
            </a:ln>
          </p:spPr>
          <p:txBody>
            <a:bodyPr wrap="square" lIns="0" tIns="0" rIns="0" bIns="0" rtlCol="0"/>
            <a:lstStyle/>
            <a:p>
              <a:endParaRPr sz="1749"/>
            </a:p>
          </p:txBody>
        </p:sp>
      </p:grpSp>
      <p:sp>
        <p:nvSpPr>
          <p:cNvPr id="16" name="object 16"/>
          <p:cNvSpPr txBox="1"/>
          <p:nvPr/>
        </p:nvSpPr>
        <p:spPr>
          <a:xfrm>
            <a:off x="5518979" y="4948186"/>
            <a:ext cx="1367256" cy="317929"/>
          </a:xfrm>
          <a:prstGeom prst="rect">
            <a:avLst/>
          </a:prstGeom>
          <a:solidFill>
            <a:srgbClr val="FFFFFF"/>
          </a:solidFill>
        </p:spPr>
        <p:txBody>
          <a:bodyPr vert="horz" wrap="square" lIns="0" tIns="67331" rIns="0" bIns="0" rtlCol="0">
            <a:spAutoFit/>
          </a:bodyPr>
          <a:lstStyle/>
          <a:p>
            <a:pPr>
              <a:spcBef>
                <a:spcPts val="530"/>
              </a:spcBef>
            </a:pPr>
            <a:endParaRPr sz="812">
              <a:latin typeface="Times New Roman"/>
              <a:cs typeface="Times New Roman"/>
            </a:endParaRPr>
          </a:p>
          <a:p>
            <a:pPr marL="83077"/>
            <a:r>
              <a:rPr sz="812" spc="-4" dirty="0">
                <a:latin typeface="ＭＳ Ｐゴシック"/>
                <a:cs typeface="ＭＳ Ｐゴシック"/>
              </a:rPr>
              <a:t>市内橋梁のグルーピング</a:t>
            </a:r>
            <a:endParaRPr sz="812">
              <a:latin typeface="ＭＳ Ｐゴシック"/>
              <a:cs typeface="ＭＳ Ｐゴシック"/>
            </a:endParaRPr>
          </a:p>
        </p:txBody>
      </p:sp>
      <p:grpSp>
        <p:nvGrpSpPr>
          <p:cNvPr id="17" name="object 17"/>
          <p:cNvGrpSpPr/>
          <p:nvPr/>
        </p:nvGrpSpPr>
        <p:grpSpPr>
          <a:xfrm>
            <a:off x="5152568" y="4963606"/>
            <a:ext cx="288872" cy="1044718"/>
            <a:chOff x="6025642" y="5576061"/>
            <a:chExt cx="337820" cy="1221740"/>
          </a:xfrm>
        </p:grpSpPr>
        <p:sp>
          <p:nvSpPr>
            <p:cNvPr id="18" name="object 18"/>
            <p:cNvSpPr/>
            <p:nvPr/>
          </p:nvSpPr>
          <p:spPr>
            <a:xfrm>
              <a:off x="6039612" y="5590031"/>
              <a:ext cx="309880" cy="1193800"/>
            </a:xfrm>
            <a:custGeom>
              <a:avLst/>
              <a:gdLst/>
              <a:ahLst/>
              <a:cxnLst/>
              <a:rect l="l" t="t" r="r" b="b"/>
              <a:pathLst>
                <a:path w="309879" h="1193800">
                  <a:moveTo>
                    <a:pt x="153923" y="1193291"/>
                  </a:moveTo>
                  <a:lnTo>
                    <a:pt x="0" y="1037844"/>
                  </a:lnTo>
                  <a:lnTo>
                    <a:pt x="0" y="0"/>
                  </a:lnTo>
                  <a:lnTo>
                    <a:pt x="153923" y="155448"/>
                  </a:lnTo>
                  <a:lnTo>
                    <a:pt x="309371" y="0"/>
                  </a:lnTo>
                  <a:lnTo>
                    <a:pt x="309371" y="1037844"/>
                  </a:lnTo>
                  <a:lnTo>
                    <a:pt x="153923" y="1193291"/>
                  </a:lnTo>
                  <a:close/>
                </a:path>
              </a:pathLst>
            </a:custGeom>
            <a:solidFill>
              <a:srgbClr val="4F80BC"/>
            </a:solidFill>
          </p:spPr>
          <p:txBody>
            <a:bodyPr wrap="square" lIns="0" tIns="0" rIns="0" bIns="0" rtlCol="0"/>
            <a:lstStyle/>
            <a:p>
              <a:endParaRPr sz="1749"/>
            </a:p>
          </p:txBody>
        </p:sp>
        <p:sp>
          <p:nvSpPr>
            <p:cNvPr id="19" name="object 19"/>
            <p:cNvSpPr/>
            <p:nvPr/>
          </p:nvSpPr>
          <p:spPr>
            <a:xfrm>
              <a:off x="6039612" y="5590031"/>
              <a:ext cx="309880" cy="1193800"/>
            </a:xfrm>
            <a:custGeom>
              <a:avLst/>
              <a:gdLst/>
              <a:ahLst/>
              <a:cxnLst/>
              <a:rect l="l" t="t" r="r" b="b"/>
              <a:pathLst>
                <a:path w="309879" h="1193800">
                  <a:moveTo>
                    <a:pt x="309371" y="0"/>
                  </a:moveTo>
                  <a:lnTo>
                    <a:pt x="309371" y="1037844"/>
                  </a:lnTo>
                  <a:lnTo>
                    <a:pt x="153923" y="1193291"/>
                  </a:lnTo>
                  <a:lnTo>
                    <a:pt x="0" y="1037844"/>
                  </a:lnTo>
                  <a:lnTo>
                    <a:pt x="0" y="0"/>
                  </a:lnTo>
                  <a:lnTo>
                    <a:pt x="153923" y="155448"/>
                  </a:lnTo>
                  <a:lnTo>
                    <a:pt x="309371" y="0"/>
                  </a:lnTo>
                  <a:close/>
                </a:path>
              </a:pathLst>
            </a:custGeom>
            <a:ln w="27432">
              <a:solidFill>
                <a:srgbClr val="1C334D"/>
              </a:solidFill>
            </a:ln>
          </p:spPr>
          <p:txBody>
            <a:bodyPr wrap="square" lIns="0" tIns="0" rIns="0" bIns="0" rtlCol="0"/>
            <a:lstStyle/>
            <a:p>
              <a:endParaRPr sz="1749"/>
            </a:p>
          </p:txBody>
        </p:sp>
      </p:grpSp>
      <p:sp>
        <p:nvSpPr>
          <p:cNvPr id="20" name="object 20"/>
          <p:cNvSpPr txBox="1"/>
          <p:nvPr/>
        </p:nvSpPr>
        <p:spPr>
          <a:xfrm>
            <a:off x="5252835" y="5328278"/>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21" name="object 21"/>
          <p:cNvSpPr txBox="1"/>
          <p:nvPr/>
        </p:nvSpPr>
        <p:spPr>
          <a:xfrm>
            <a:off x="5518979" y="5959455"/>
            <a:ext cx="1367256" cy="317380"/>
          </a:xfrm>
          <a:prstGeom prst="rect">
            <a:avLst/>
          </a:prstGeom>
          <a:solidFill>
            <a:srgbClr val="FFFFFF"/>
          </a:solidFill>
          <a:ln w="13715">
            <a:solidFill>
              <a:srgbClr val="1C334D"/>
            </a:solidFill>
          </a:ln>
        </p:spPr>
        <p:txBody>
          <a:bodyPr vert="horz" wrap="square" lIns="0" tIns="66788" rIns="0" bIns="0" rtlCol="0">
            <a:spAutoFit/>
          </a:bodyPr>
          <a:lstStyle/>
          <a:p>
            <a:pPr>
              <a:spcBef>
                <a:spcPts val="526"/>
              </a:spcBef>
            </a:pPr>
            <a:endParaRPr sz="812">
              <a:latin typeface="Times New Roman"/>
              <a:cs typeface="Times New Roman"/>
            </a:endParaRPr>
          </a:p>
          <a:p>
            <a:pPr marL="83077">
              <a:spcBef>
                <a:spcPts val="4"/>
              </a:spcBef>
            </a:pPr>
            <a:r>
              <a:rPr sz="812" spc="-9" dirty="0">
                <a:latin typeface="ＭＳ Ｐゴシック"/>
                <a:cs typeface="ＭＳ Ｐゴシック"/>
              </a:rPr>
              <a:t>運用・評価</a:t>
            </a:r>
            <a:endParaRPr sz="812">
              <a:latin typeface="ＭＳ Ｐゴシック"/>
              <a:cs typeface="ＭＳ Ｐゴシック"/>
            </a:endParaRPr>
          </a:p>
        </p:txBody>
      </p:sp>
      <p:sp>
        <p:nvSpPr>
          <p:cNvPr id="22" name="object 22"/>
          <p:cNvSpPr/>
          <p:nvPr/>
        </p:nvSpPr>
        <p:spPr>
          <a:xfrm>
            <a:off x="5518979" y="5472066"/>
            <a:ext cx="1367256" cy="425163"/>
          </a:xfrm>
          <a:custGeom>
            <a:avLst/>
            <a:gdLst/>
            <a:ahLst/>
            <a:cxnLst/>
            <a:rect l="l" t="t" r="r" b="b"/>
            <a:pathLst>
              <a:path w="1598929" h="497204">
                <a:moveTo>
                  <a:pt x="0" y="0"/>
                </a:moveTo>
                <a:lnTo>
                  <a:pt x="1598676" y="0"/>
                </a:lnTo>
                <a:lnTo>
                  <a:pt x="1598676" y="496823"/>
                </a:lnTo>
                <a:lnTo>
                  <a:pt x="0" y="496823"/>
                </a:lnTo>
                <a:lnTo>
                  <a:pt x="0" y="0"/>
                </a:lnTo>
                <a:close/>
              </a:path>
            </a:pathLst>
          </a:custGeom>
          <a:ln w="13715">
            <a:solidFill>
              <a:srgbClr val="1C334D"/>
            </a:solidFill>
          </a:ln>
        </p:spPr>
        <p:txBody>
          <a:bodyPr wrap="square" lIns="0" tIns="0" rIns="0" bIns="0" rtlCol="0"/>
          <a:lstStyle/>
          <a:p>
            <a:endParaRPr sz="1749"/>
          </a:p>
        </p:txBody>
      </p:sp>
      <p:sp>
        <p:nvSpPr>
          <p:cNvPr id="23" name="object 23"/>
          <p:cNvSpPr txBox="1"/>
          <p:nvPr/>
        </p:nvSpPr>
        <p:spPr>
          <a:xfrm>
            <a:off x="5524843" y="5459684"/>
            <a:ext cx="1355310" cy="356348"/>
          </a:xfrm>
          <a:prstGeom prst="rect">
            <a:avLst/>
          </a:prstGeom>
          <a:solidFill>
            <a:srgbClr val="FFFFFF"/>
          </a:solidFill>
        </p:spPr>
        <p:txBody>
          <a:bodyPr vert="horz" wrap="square" lIns="0" tIns="100997" rIns="0" bIns="0" rtlCol="0">
            <a:spAutoFit/>
          </a:bodyPr>
          <a:lstStyle/>
          <a:p>
            <a:pPr marL="77104" marR="320906">
              <a:lnSpc>
                <a:spcPct val="101899"/>
              </a:lnSpc>
              <a:spcBef>
                <a:spcPts val="795"/>
              </a:spcBef>
            </a:pPr>
            <a:r>
              <a:rPr sz="812" spc="-9" dirty="0">
                <a:latin typeface="ＭＳ Ｐゴシック"/>
                <a:cs typeface="ＭＳ Ｐゴシック"/>
              </a:rPr>
              <a:t>導入技術候補の整理技術の試行</a:t>
            </a:r>
            <a:endParaRPr sz="812">
              <a:latin typeface="ＭＳ Ｐゴシック"/>
              <a:cs typeface="ＭＳ Ｐゴシック"/>
            </a:endParaRPr>
          </a:p>
        </p:txBody>
      </p:sp>
      <p:grpSp>
        <p:nvGrpSpPr>
          <p:cNvPr id="24" name="object 24"/>
          <p:cNvGrpSpPr/>
          <p:nvPr/>
        </p:nvGrpSpPr>
        <p:grpSpPr>
          <a:xfrm>
            <a:off x="5152568" y="5952723"/>
            <a:ext cx="288872" cy="573943"/>
            <a:chOff x="6025642" y="6732778"/>
            <a:chExt cx="337820" cy="671195"/>
          </a:xfrm>
        </p:grpSpPr>
        <p:sp>
          <p:nvSpPr>
            <p:cNvPr id="25" name="object 25"/>
            <p:cNvSpPr/>
            <p:nvPr/>
          </p:nvSpPr>
          <p:spPr>
            <a:xfrm>
              <a:off x="6039612" y="6746748"/>
              <a:ext cx="309880" cy="643255"/>
            </a:xfrm>
            <a:custGeom>
              <a:avLst/>
              <a:gdLst/>
              <a:ahLst/>
              <a:cxnLst/>
              <a:rect l="l" t="t" r="r" b="b"/>
              <a:pathLst>
                <a:path w="309879" h="643254">
                  <a:moveTo>
                    <a:pt x="153923" y="643128"/>
                  </a:moveTo>
                  <a:lnTo>
                    <a:pt x="0" y="487680"/>
                  </a:lnTo>
                  <a:lnTo>
                    <a:pt x="0" y="0"/>
                  </a:lnTo>
                  <a:lnTo>
                    <a:pt x="153923" y="153923"/>
                  </a:lnTo>
                  <a:lnTo>
                    <a:pt x="309371" y="0"/>
                  </a:lnTo>
                  <a:lnTo>
                    <a:pt x="309371" y="487680"/>
                  </a:lnTo>
                  <a:lnTo>
                    <a:pt x="153923" y="643128"/>
                  </a:lnTo>
                  <a:close/>
                </a:path>
              </a:pathLst>
            </a:custGeom>
            <a:solidFill>
              <a:srgbClr val="4F80BC"/>
            </a:solidFill>
          </p:spPr>
          <p:txBody>
            <a:bodyPr wrap="square" lIns="0" tIns="0" rIns="0" bIns="0" rtlCol="0"/>
            <a:lstStyle/>
            <a:p>
              <a:endParaRPr sz="1749"/>
            </a:p>
          </p:txBody>
        </p:sp>
        <p:sp>
          <p:nvSpPr>
            <p:cNvPr id="26" name="object 26"/>
            <p:cNvSpPr/>
            <p:nvPr/>
          </p:nvSpPr>
          <p:spPr>
            <a:xfrm>
              <a:off x="6039612" y="6746748"/>
              <a:ext cx="309880" cy="643255"/>
            </a:xfrm>
            <a:custGeom>
              <a:avLst/>
              <a:gdLst/>
              <a:ahLst/>
              <a:cxnLst/>
              <a:rect l="l" t="t" r="r" b="b"/>
              <a:pathLst>
                <a:path w="309879" h="643254">
                  <a:moveTo>
                    <a:pt x="309371" y="0"/>
                  </a:moveTo>
                  <a:lnTo>
                    <a:pt x="309371" y="487680"/>
                  </a:lnTo>
                  <a:lnTo>
                    <a:pt x="153923" y="643128"/>
                  </a:lnTo>
                  <a:lnTo>
                    <a:pt x="0" y="487680"/>
                  </a:lnTo>
                  <a:lnTo>
                    <a:pt x="0" y="0"/>
                  </a:lnTo>
                  <a:lnTo>
                    <a:pt x="153923" y="153923"/>
                  </a:lnTo>
                  <a:lnTo>
                    <a:pt x="309371" y="0"/>
                  </a:lnTo>
                  <a:close/>
                </a:path>
              </a:pathLst>
            </a:custGeom>
            <a:ln w="27432">
              <a:solidFill>
                <a:srgbClr val="1C334D"/>
              </a:solidFill>
            </a:ln>
          </p:spPr>
          <p:txBody>
            <a:bodyPr wrap="square" lIns="0" tIns="0" rIns="0" bIns="0" rtlCol="0"/>
            <a:lstStyle/>
            <a:p>
              <a:endParaRPr sz="1749"/>
            </a:p>
          </p:txBody>
        </p:sp>
      </p:grpSp>
      <p:sp>
        <p:nvSpPr>
          <p:cNvPr id="27" name="object 27"/>
          <p:cNvSpPr txBox="1"/>
          <p:nvPr/>
        </p:nvSpPr>
        <p:spPr>
          <a:xfrm>
            <a:off x="5252835" y="6121795"/>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grpSp>
        <p:nvGrpSpPr>
          <p:cNvPr id="28" name="object 28"/>
          <p:cNvGrpSpPr/>
          <p:nvPr/>
        </p:nvGrpSpPr>
        <p:grpSpPr>
          <a:xfrm>
            <a:off x="7137532" y="4447763"/>
            <a:ext cx="1905362" cy="2084007"/>
            <a:chOff x="8346947" y="4972812"/>
            <a:chExt cx="2228215" cy="2437130"/>
          </a:xfrm>
        </p:grpSpPr>
        <p:sp>
          <p:nvSpPr>
            <p:cNvPr id="29" name="object 29"/>
            <p:cNvSpPr/>
            <p:nvPr/>
          </p:nvSpPr>
          <p:spPr>
            <a:xfrm>
              <a:off x="8346947" y="4972812"/>
              <a:ext cx="2228215" cy="2437130"/>
            </a:xfrm>
            <a:custGeom>
              <a:avLst/>
              <a:gdLst/>
              <a:ahLst/>
              <a:cxnLst/>
              <a:rect l="l" t="t" r="r" b="b"/>
              <a:pathLst>
                <a:path w="2228215" h="2437129">
                  <a:moveTo>
                    <a:pt x="2228087" y="2436875"/>
                  </a:moveTo>
                  <a:lnTo>
                    <a:pt x="0" y="2436875"/>
                  </a:lnTo>
                  <a:lnTo>
                    <a:pt x="0" y="0"/>
                  </a:lnTo>
                  <a:lnTo>
                    <a:pt x="2228087" y="0"/>
                  </a:lnTo>
                  <a:lnTo>
                    <a:pt x="2228087" y="2436875"/>
                  </a:lnTo>
                  <a:close/>
                </a:path>
              </a:pathLst>
            </a:custGeom>
            <a:solidFill>
              <a:srgbClr val="DBE6F2"/>
            </a:solidFill>
          </p:spPr>
          <p:txBody>
            <a:bodyPr wrap="square" lIns="0" tIns="0" rIns="0" bIns="0" rtlCol="0"/>
            <a:lstStyle/>
            <a:p>
              <a:endParaRPr sz="1749"/>
            </a:p>
          </p:txBody>
        </p:sp>
        <p:sp>
          <p:nvSpPr>
            <p:cNvPr id="30" name="object 30"/>
            <p:cNvSpPr/>
            <p:nvPr/>
          </p:nvSpPr>
          <p:spPr>
            <a:xfrm>
              <a:off x="8470392" y="5590032"/>
              <a:ext cx="309880" cy="1193800"/>
            </a:xfrm>
            <a:custGeom>
              <a:avLst/>
              <a:gdLst/>
              <a:ahLst/>
              <a:cxnLst/>
              <a:rect l="l" t="t" r="r" b="b"/>
              <a:pathLst>
                <a:path w="309879" h="1193800">
                  <a:moveTo>
                    <a:pt x="155447" y="1193291"/>
                  </a:moveTo>
                  <a:lnTo>
                    <a:pt x="0" y="1037844"/>
                  </a:lnTo>
                  <a:lnTo>
                    <a:pt x="0" y="0"/>
                  </a:lnTo>
                  <a:lnTo>
                    <a:pt x="155447" y="155448"/>
                  </a:lnTo>
                  <a:lnTo>
                    <a:pt x="309371" y="0"/>
                  </a:lnTo>
                  <a:lnTo>
                    <a:pt x="309371" y="1037844"/>
                  </a:lnTo>
                  <a:lnTo>
                    <a:pt x="155447" y="1193291"/>
                  </a:lnTo>
                  <a:close/>
                </a:path>
              </a:pathLst>
            </a:custGeom>
            <a:solidFill>
              <a:srgbClr val="4F80BC"/>
            </a:solidFill>
          </p:spPr>
          <p:txBody>
            <a:bodyPr wrap="square" lIns="0" tIns="0" rIns="0" bIns="0" rtlCol="0"/>
            <a:lstStyle/>
            <a:p>
              <a:endParaRPr sz="1749"/>
            </a:p>
          </p:txBody>
        </p:sp>
        <p:sp>
          <p:nvSpPr>
            <p:cNvPr id="31" name="object 31"/>
            <p:cNvSpPr/>
            <p:nvPr/>
          </p:nvSpPr>
          <p:spPr>
            <a:xfrm>
              <a:off x="8470392" y="5590032"/>
              <a:ext cx="309880" cy="1193800"/>
            </a:xfrm>
            <a:custGeom>
              <a:avLst/>
              <a:gdLst/>
              <a:ahLst/>
              <a:cxnLst/>
              <a:rect l="l" t="t" r="r" b="b"/>
              <a:pathLst>
                <a:path w="309879" h="1193800">
                  <a:moveTo>
                    <a:pt x="309371" y="0"/>
                  </a:moveTo>
                  <a:lnTo>
                    <a:pt x="309371" y="1037844"/>
                  </a:lnTo>
                  <a:lnTo>
                    <a:pt x="155447" y="1193291"/>
                  </a:lnTo>
                  <a:lnTo>
                    <a:pt x="0" y="1037844"/>
                  </a:lnTo>
                  <a:lnTo>
                    <a:pt x="0" y="0"/>
                  </a:lnTo>
                  <a:lnTo>
                    <a:pt x="155447" y="155448"/>
                  </a:lnTo>
                  <a:lnTo>
                    <a:pt x="309371" y="0"/>
                  </a:lnTo>
                  <a:close/>
                </a:path>
              </a:pathLst>
            </a:custGeom>
            <a:ln w="27432">
              <a:solidFill>
                <a:srgbClr val="1C334D"/>
              </a:solidFill>
            </a:ln>
          </p:spPr>
          <p:txBody>
            <a:bodyPr wrap="square" lIns="0" tIns="0" rIns="0" bIns="0" rtlCol="0"/>
            <a:lstStyle/>
            <a:p>
              <a:endParaRPr sz="1749"/>
            </a:p>
          </p:txBody>
        </p:sp>
      </p:grpSp>
      <p:sp>
        <p:nvSpPr>
          <p:cNvPr id="32" name="object 32"/>
          <p:cNvSpPr txBox="1"/>
          <p:nvPr/>
        </p:nvSpPr>
        <p:spPr>
          <a:xfrm>
            <a:off x="7332381" y="5328278"/>
            <a:ext cx="102083" cy="290614"/>
          </a:xfrm>
          <a:prstGeom prst="rect">
            <a:avLst/>
          </a:prstGeom>
        </p:spPr>
        <p:txBody>
          <a:bodyPr vert="horz" wrap="square" lIns="0" tIns="14118" rIns="0" bIns="0" rtlCol="0">
            <a:spAutoFit/>
          </a:bodyPr>
          <a:lstStyle/>
          <a:p>
            <a:pPr marL="14661">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grpSp>
        <p:nvGrpSpPr>
          <p:cNvPr id="33" name="object 33"/>
          <p:cNvGrpSpPr/>
          <p:nvPr/>
        </p:nvGrpSpPr>
        <p:grpSpPr>
          <a:xfrm>
            <a:off x="7592887" y="5953483"/>
            <a:ext cx="1378116" cy="499553"/>
            <a:chOff x="8879459" y="6733667"/>
            <a:chExt cx="1611630" cy="584200"/>
          </a:xfrm>
        </p:grpSpPr>
        <p:sp>
          <p:nvSpPr>
            <p:cNvPr id="34" name="object 34"/>
            <p:cNvSpPr/>
            <p:nvPr/>
          </p:nvSpPr>
          <p:spPr>
            <a:xfrm>
              <a:off x="8886444" y="6740652"/>
              <a:ext cx="1597660" cy="570230"/>
            </a:xfrm>
            <a:custGeom>
              <a:avLst/>
              <a:gdLst/>
              <a:ahLst/>
              <a:cxnLst/>
              <a:rect l="l" t="t" r="r" b="b"/>
              <a:pathLst>
                <a:path w="1597659" h="570229">
                  <a:moveTo>
                    <a:pt x="1597151" y="569976"/>
                  </a:moveTo>
                  <a:lnTo>
                    <a:pt x="0" y="569976"/>
                  </a:lnTo>
                  <a:lnTo>
                    <a:pt x="0" y="0"/>
                  </a:lnTo>
                  <a:lnTo>
                    <a:pt x="1597151" y="0"/>
                  </a:lnTo>
                  <a:lnTo>
                    <a:pt x="1597151" y="569976"/>
                  </a:lnTo>
                  <a:close/>
                </a:path>
              </a:pathLst>
            </a:custGeom>
            <a:solidFill>
              <a:srgbClr val="FFFFFF"/>
            </a:solidFill>
          </p:spPr>
          <p:txBody>
            <a:bodyPr wrap="square" lIns="0" tIns="0" rIns="0" bIns="0" rtlCol="0"/>
            <a:lstStyle/>
            <a:p>
              <a:endParaRPr sz="1749"/>
            </a:p>
          </p:txBody>
        </p:sp>
        <p:sp>
          <p:nvSpPr>
            <p:cNvPr id="35" name="object 35"/>
            <p:cNvSpPr/>
            <p:nvPr/>
          </p:nvSpPr>
          <p:spPr>
            <a:xfrm>
              <a:off x="8886444" y="6740652"/>
              <a:ext cx="1597660" cy="570230"/>
            </a:xfrm>
            <a:custGeom>
              <a:avLst/>
              <a:gdLst/>
              <a:ahLst/>
              <a:cxnLst/>
              <a:rect l="l" t="t" r="r" b="b"/>
              <a:pathLst>
                <a:path w="1597659" h="570229">
                  <a:moveTo>
                    <a:pt x="0" y="0"/>
                  </a:moveTo>
                  <a:lnTo>
                    <a:pt x="1597151" y="0"/>
                  </a:lnTo>
                  <a:lnTo>
                    <a:pt x="1597151" y="569976"/>
                  </a:lnTo>
                  <a:lnTo>
                    <a:pt x="0" y="569976"/>
                  </a:lnTo>
                  <a:lnTo>
                    <a:pt x="0" y="0"/>
                  </a:lnTo>
                  <a:close/>
                </a:path>
              </a:pathLst>
            </a:custGeom>
            <a:ln w="13716">
              <a:solidFill>
                <a:srgbClr val="1C334D"/>
              </a:solidFill>
            </a:ln>
          </p:spPr>
          <p:txBody>
            <a:bodyPr wrap="square" lIns="0" tIns="0" rIns="0" bIns="0" rtlCol="0"/>
            <a:lstStyle/>
            <a:p>
              <a:endParaRPr sz="1749"/>
            </a:p>
          </p:txBody>
        </p:sp>
      </p:grpSp>
      <p:sp>
        <p:nvSpPr>
          <p:cNvPr id="36" name="object 36"/>
          <p:cNvSpPr txBox="1"/>
          <p:nvPr/>
        </p:nvSpPr>
        <p:spPr>
          <a:xfrm>
            <a:off x="7671352" y="6132136"/>
            <a:ext cx="497924" cy="263099"/>
          </a:xfrm>
          <a:prstGeom prst="rect">
            <a:avLst/>
          </a:prstGeom>
        </p:spPr>
        <p:txBody>
          <a:bodyPr vert="horz" wrap="square" lIns="0" tIns="13032" rIns="0" bIns="0" rtlCol="0">
            <a:spAutoFit/>
          </a:bodyPr>
          <a:lstStyle/>
          <a:p>
            <a:pPr marL="10860">
              <a:spcBef>
                <a:spcPts val="103"/>
              </a:spcBef>
            </a:pPr>
            <a:r>
              <a:rPr sz="812" spc="-9" dirty="0">
                <a:latin typeface="ＭＳ Ｐゴシック"/>
                <a:cs typeface="ＭＳ Ｐゴシック"/>
              </a:rPr>
              <a:t>運用・評価</a:t>
            </a:r>
            <a:endParaRPr sz="812">
              <a:latin typeface="ＭＳ Ｐゴシック"/>
              <a:cs typeface="ＭＳ Ｐゴシック"/>
            </a:endParaRPr>
          </a:p>
        </p:txBody>
      </p:sp>
      <p:grpSp>
        <p:nvGrpSpPr>
          <p:cNvPr id="37" name="object 37"/>
          <p:cNvGrpSpPr/>
          <p:nvPr/>
        </p:nvGrpSpPr>
        <p:grpSpPr>
          <a:xfrm>
            <a:off x="7231145" y="5960541"/>
            <a:ext cx="288872" cy="557111"/>
            <a:chOff x="8456422" y="6741922"/>
            <a:chExt cx="337820" cy="651510"/>
          </a:xfrm>
        </p:grpSpPr>
        <p:sp>
          <p:nvSpPr>
            <p:cNvPr id="38" name="object 38"/>
            <p:cNvSpPr/>
            <p:nvPr/>
          </p:nvSpPr>
          <p:spPr>
            <a:xfrm>
              <a:off x="8470392" y="6755892"/>
              <a:ext cx="309880" cy="623570"/>
            </a:xfrm>
            <a:custGeom>
              <a:avLst/>
              <a:gdLst/>
              <a:ahLst/>
              <a:cxnLst/>
              <a:rect l="l" t="t" r="r" b="b"/>
              <a:pathLst>
                <a:path w="309879" h="623570">
                  <a:moveTo>
                    <a:pt x="155447" y="623315"/>
                  </a:moveTo>
                  <a:lnTo>
                    <a:pt x="0" y="467867"/>
                  </a:lnTo>
                  <a:lnTo>
                    <a:pt x="0" y="0"/>
                  </a:lnTo>
                  <a:lnTo>
                    <a:pt x="155447" y="155447"/>
                  </a:lnTo>
                  <a:lnTo>
                    <a:pt x="309371" y="0"/>
                  </a:lnTo>
                  <a:lnTo>
                    <a:pt x="309371" y="467867"/>
                  </a:lnTo>
                  <a:lnTo>
                    <a:pt x="155447" y="623315"/>
                  </a:lnTo>
                  <a:close/>
                </a:path>
              </a:pathLst>
            </a:custGeom>
            <a:solidFill>
              <a:srgbClr val="4F80BC"/>
            </a:solidFill>
          </p:spPr>
          <p:txBody>
            <a:bodyPr wrap="square" lIns="0" tIns="0" rIns="0" bIns="0" rtlCol="0"/>
            <a:lstStyle/>
            <a:p>
              <a:endParaRPr sz="1749"/>
            </a:p>
          </p:txBody>
        </p:sp>
        <p:sp>
          <p:nvSpPr>
            <p:cNvPr id="39" name="object 39"/>
            <p:cNvSpPr/>
            <p:nvPr/>
          </p:nvSpPr>
          <p:spPr>
            <a:xfrm>
              <a:off x="8470392" y="6755892"/>
              <a:ext cx="309880" cy="623570"/>
            </a:xfrm>
            <a:custGeom>
              <a:avLst/>
              <a:gdLst/>
              <a:ahLst/>
              <a:cxnLst/>
              <a:rect l="l" t="t" r="r" b="b"/>
              <a:pathLst>
                <a:path w="309879" h="623570">
                  <a:moveTo>
                    <a:pt x="309371" y="0"/>
                  </a:moveTo>
                  <a:lnTo>
                    <a:pt x="309371" y="467867"/>
                  </a:lnTo>
                  <a:lnTo>
                    <a:pt x="155447" y="623315"/>
                  </a:lnTo>
                  <a:lnTo>
                    <a:pt x="0" y="467867"/>
                  </a:lnTo>
                  <a:lnTo>
                    <a:pt x="0" y="0"/>
                  </a:lnTo>
                  <a:lnTo>
                    <a:pt x="155447" y="155447"/>
                  </a:lnTo>
                  <a:lnTo>
                    <a:pt x="309371" y="0"/>
                  </a:lnTo>
                  <a:close/>
                </a:path>
              </a:pathLst>
            </a:custGeom>
            <a:ln w="27432">
              <a:solidFill>
                <a:srgbClr val="1C334D"/>
              </a:solidFill>
            </a:ln>
          </p:spPr>
          <p:txBody>
            <a:bodyPr wrap="square" lIns="0" tIns="0" rIns="0" bIns="0" rtlCol="0"/>
            <a:lstStyle/>
            <a:p>
              <a:endParaRPr sz="1749"/>
            </a:p>
          </p:txBody>
        </p:sp>
      </p:grpSp>
      <p:sp>
        <p:nvSpPr>
          <p:cNvPr id="40" name="object 40"/>
          <p:cNvSpPr txBox="1"/>
          <p:nvPr/>
        </p:nvSpPr>
        <p:spPr>
          <a:xfrm>
            <a:off x="7332381" y="6106218"/>
            <a:ext cx="102083" cy="290614"/>
          </a:xfrm>
          <a:prstGeom prst="rect">
            <a:avLst/>
          </a:prstGeom>
        </p:spPr>
        <p:txBody>
          <a:bodyPr vert="horz" wrap="square" lIns="0" tIns="14118" rIns="0" bIns="0" rtlCol="0">
            <a:spAutoFit/>
          </a:bodyPr>
          <a:lstStyle/>
          <a:p>
            <a:pPr marL="14661">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graphicFrame>
        <p:nvGraphicFramePr>
          <p:cNvPr id="41" name="object 41"/>
          <p:cNvGraphicFramePr>
            <a:graphicFrameLocks noGrp="1"/>
          </p:cNvGraphicFramePr>
          <p:nvPr/>
        </p:nvGraphicFramePr>
        <p:xfrm>
          <a:off x="7592995" y="4495329"/>
          <a:ext cx="1365627" cy="1394405"/>
        </p:xfrm>
        <a:graphic>
          <a:graphicData uri="http://schemas.openxmlformats.org/drawingml/2006/table">
            <a:tbl>
              <a:tblPr firstRow="1" bandRow="1">
                <a:tableStyleId>{2D5ABB26-0587-4C30-8999-92F81FD0307C}</a:tableStyleId>
              </a:tblPr>
              <a:tblGrid>
                <a:gridCol w="1365627">
                  <a:extLst>
                    <a:ext uri="{9D8B030D-6E8A-4147-A177-3AD203B41FA5}">
                      <a16:colId xmlns:a16="http://schemas.microsoft.com/office/drawing/2014/main" val="20000"/>
                    </a:ext>
                  </a:extLst>
                </a:gridCol>
              </a:tblGrid>
              <a:tr h="426249">
                <a:tc>
                  <a:txBody>
                    <a:bodyPr/>
                    <a:lstStyle/>
                    <a:p>
                      <a:pPr>
                        <a:lnSpc>
                          <a:spcPct val="100000"/>
                        </a:lnSpc>
                        <a:spcBef>
                          <a:spcPts val="245"/>
                        </a:spcBef>
                      </a:pPr>
                      <a:endParaRPr sz="800">
                        <a:latin typeface="Times New Roman"/>
                        <a:cs typeface="Times New Roman"/>
                      </a:endParaRPr>
                    </a:p>
                    <a:p>
                      <a:pPr marL="97155">
                        <a:lnSpc>
                          <a:spcPct val="100000"/>
                        </a:lnSpc>
                        <a:spcBef>
                          <a:spcPts val="5"/>
                        </a:spcBef>
                      </a:pPr>
                      <a:r>
                        <a:rPr sz="800" spc="-10" dirty="0">
                          <a:latin typeface="ＭＳ Ｐゴシック"/>
                          <a:cs typeface="ＭＳ Ｐゴシック"/>
                        </a:rPr>
                        <a:t>課題の整理</a:t>
                      </a:r>
                      <a:endParaRPr sz="800">
                        <a:latin typeface="ＭＳ Ｐゴシック"/>
                        <a:cs typeface="ＭＳ Ｐゴシック"/>
                      </a:endParaRPr>
                    </a:p>
                  </a:txBody>
                  <a:tcPr marL="0" marR="0" marT="26607"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0"/>
                  </a:ext>
                </a:extLst>
              </a:tr>
              <a:tr h="525617">
                <a:tc>
                  <a:txBody>
                    <a:bodyPr/>
                    <a:lstStyle/>
                    <a:p>
                      <a:pPr>
                        <a:lnSpc>
                          <a:spcPct val="100000"/>
                        </a:lnSpc>
                        <a:spcBef>
                          <a:spcPts val="805"/>
                        </a:spcBef>
                      </a:pPr>
                      <a:endParaRPr sz="800">
                        <a:latin typeface="Times New Roman"/>
                        <a:cs typeface="Times New Roman"/>
                      </a:endParaRPr>
                    </a:p>
                    <a:p>
                      <a:pPr marL="97155">
                        <a:lnSpc>
                          <a:spcPct val="100000"/>
                        </a:lnSpc>
                      </a:pPr>
                      <a:r>
                        <a:rPr sz="800" spc="-10" dirty="0">
                          <a:latin typeface="ＭＳ Ｐゴシック"/>
                          <a:cs typeface="ＭＳ Ｐゴシック"/>
                        </a:rPr>
                        <a:t>仕組みの検討</a:t>
                      </a:r>
                      <a:endParaRPr sz="800">
                        <a:latin typeface="ＭＳ Ｐゴシック"/>
                        <a:cs typeface="ＭＳ Ｐゴシック"/>
                      </a:endParaRPr>
                    </a:p>
                  </a:txBody>
                  <a:tcPr marL="0" marR="0" marT="87422"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1"/>
                  </a:ext>
                </a:extLst>
              </a:tr>
              <a:tr h="442539">
                <a:tc>
                  <a:txBody>
                    <a:bodyPr/>
                    <a:lstStyle/>
                    <a:p>
                      <a:pPr>
                        <a:lnSpc>
                          <a:spcPct val="100000"/>
                        </a:lnSpc>
                        <a:spcBef>
                          <a:spcPts val="500"/>
                        </a:spcBef>
                      </a:pPr>
                      <a:endParaRPr sz="800">
                        <a:latin typeface="Times New Roman"/>
                        <a:cs typeface="Times New Roman"/>
                      </a:endParaRPr>
                    </a:p>
                    <a:p>
                      <a:pPr marL="97155">
                        <a:lnSpc>
                          <a:spcPct val="100000"/>
                        </a:lnSpc>
                      </a:pPr>
                      <a:r>
                        <a:rPr sz="800" spc="-10" dirty="0">
                          <a:latin typeface="ＭＳ Ｐゴシック"/>
                          <a:cs typeface="ＭＳ Ｐゴシック"/>
                        </a:rPr>
                        <a:t>導入技術候補の整理</a:t>
                      </a:r>
                      <a:endParaRPr sz="800">
                        <a:latin typeface="ＭＳ Ｐゴシック"/>
                        <a:cs typeface="ＭＳ Ｐゴシック"/>
                      </a:endParaRPr>
                    </a:p>
                  </a:txBody>
                  <a:tcPr marL="0" marR="0" marT="54299"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2"/>
                  </a:ext>
                </a:extLst>
              </a:tr>
            </a:tbl>
          </a:graphicData>
        </a:graphic>
      </p:graphicFrame>
      <p:grpSp>
        <p:nvGrpSpPr>
          <p:cNvPr id="42" name="object 42"/>
          <p:cNvGrpSpPr/>
          <p:nvPr/>
        </p:nvGrpSpPr>
        <p:grpSpPr>
          <a:xfrm>
            <a:off x="5142359" y="4459492"/>
            <a:ext cx="1760383" cy="588061"/>
            <a:chOff x="6013703" y="4986528"/>
            <a:chExt cx="2058670" cy="687705"/>
          </a:xfrm>
        </p:grpSpPr>
        <p:sp>
          <p:nvSpPr>
            <p:cNvPr id="43" name="object 43"/>
            <p:cNvSpPr/>
            <p:nvPr/>
          </p:nvSpPr>
          <p:spPr>
            <a:xfrm>
              <a:off x="6027419" y="5000244"/>
              <a:ext cx="314325" cy="660400"/>
            </a:xfrm>
            <a:custGeom>
              <a:avLst/>
              <a:gdLst/>
              <a:ahLst/>
              <a:cxnLst/>
              <a:rect l="l" t="t" r="r" b="b"/>
              <a:pathLst>
                <a:path w="314325" h="660400">
                  <a:moveTo>
                    <a:pt x="156972" y="659891"/>
                  </a:moveTo>
                  <a:lnTo>
                    <a:pt x="0" y="502919"/>
                  </a:lnTo>
                  <a:lnTo>
                    <a:pt x="0" y="0"/>
                  </a:lnTo>
                  <a:lnTo>
                    <a:pt x="313944" y="0"/>
                  </a:lnTo>
                  <a:lnTo>
                    <a:pt x="313944" y="502919"/>
                  </a:lnTo>
                  <a:lnTo>
                    <a:pt x="156972" y="659891"/>
                  </a:lnTo>
                  <a:close/>
                </a:path>
              </a:pathLst>
            </a:custGeom>
            <a:solidFill>
              <a:srgbClr val="4F80BC"/>
            </a:solidFill>
          </p:spPr>
          <p:txBody>
            <a:bodyPr wrap="square" lIns="0" tIns="0" rIns="0" bIns="0" rtlCol="0"/>
            <a:lstStyle/>
            <a:p>
              <a:endParaRPr sz="1749"/>
            </a:p>
          </p:txBody>
        </p:sp>
        <p:sp>
          <p:nvSpPr>
            <p:cNvPr id="44" name="object 44"/>
            <p:cNvSpPr/>
            <p:nvPr/>
          </p:nvSpPr>
          <p:spPr>
            <a:xfrm>
              <a:off x="6027419" y="5000244"/>
              <a:ext cx="314325" cy="660400"/>
            </a:xfrm>
            <a:custGeom>
              <a:avLst/>
              <a:gdLst/>
              <a:ahLst/>
              <a:cxnLst/>
              <a:rect l="l" t="t" r="r" b="b"/>
              <a:pathLst>
                <a:path w="314325" h="660400">
                  <a:moveTo>
                    <a:pt x="313944" y="0"/>
                  </a:moveTo>
                  <a:lnTo>
                    <a:pt x="313944" y="502919"/>
                  </a:lnTo>
                  <a:lnTo>
                    <a:pt x="156972" y="659891"/>
                  </a:lnTo>
                  <a:lnTo>
                    <a:pt x="0" y="502919"/>
                  </a:lnTo>
                  <a:lnTo>
                    <a:pt x="0" y="0"/>
                  </a:lnTo>
                  <a:lnTo>
                    <a:pt x="313944" y="0"/>
                  </a:lnTo>
                  <a:close/>
                </a:path>
              </a:pathLst>
            </a:custGeom>
            <a:ln w="27432">
              <a:solidFill>
                <a:srgbClr val="1C334D"/>
              </a:solidFill>
            </a:ln>
          </p:spPr>
          <p:txBody>
            <a:bodyPr wrap="square" lIns="0" tIns="0" rIns="0" bIns="0" rtlCol="0"/>
            <a:lstStyle/>
            <a:p>
              <a:endParaRPr sz="1749"/>
            </a:p>
          </p:txBody>
        </p:sp>
        <p:sp>
          <p:nvSpPr>
            <p:cNvPr id="45" name="object 45"/>
            <p:cNvSpPr/>
            <p:nvPr/>
          </p:nvSpPr>
          <p:spPr>
            <a:xfrm>
              <a:off x="6454139" y="5000244"/>
              <a:ext cx="1610995" cy="475615"/>
            </a:xfrm>
            <a:custGeom>
              <a:avLst/>
              <a:gdLst/>
              <a:ahLst/>
              <a:cxnLst/>
              <a:rect l="l" t="t" r="r" b="b"/>
              <a:pathLst>
                <a:path w="1610995" h="475614">
                  <a:moveTo>
                    <a:pt x="1610867" y="475487"/>
                  </a:moveTo>
                  <a:lnTo>
                    <a:pt x="0" y="475487"/>
                  </a:lnTo>
                  <a:lnTo>
                    <a:pt x="0" y="0"/>
                  </a:lnTo>
                  <a:lnTo>
                    <a:pt x="1610867" y="0"/>
                  </a:lnTo>
                  <a:lnTo>
                    <a:pt x="1610867" y="475487"/>
                  </a:lnTo>
                  <a:close/>
                </a:path>
              </a:pathLst>
            </a:custGeom>
            <a:solidFill>
              <a:srgbClr val="FFFFFF"/>
            </a:solidFill>
          </p:spPr>
          <p:txBody>
            <a:bodyPr wrap="square" lIns="0" tIns="0" rIns="0" bIns="0" rtlCol="0"/>
            <a:lstStyle/>
            <a:p>
              <a:endParaRPr sz="1749"/>
            </a:p>
          </p:txBody>
        </p:sp>
        <p:sp>
          <p:nvSpPr>
            <p:cNvPr id="46" name="object 46"/>
            <p:cNvSpPr/>
            <p:nvPr/>
          </p:nvSpPr>
          <p:spPr>
            <a:xfrm>
              <a:off x="6454139" y="5000244"/>
              <a:ext cx="1610995" cy="475615"/>
            </a:xfrm>
            <a:custGeom>
              <a:avLst/>
              <a:gdLst/>
              <a:ahLst/>
              <a:cxnLst/>
              <a:rect l="l" t="t" r="r" b="b"/>
              <a:pathLst>
                <a:path w="1610995" h="475614">
                  <a:moveTo>
                    <a:pt x="0" y="0"/>
                  </a:moveTo>
                  <a:lnTo>
                    <a:pt x="1610867" y="0"/>
                  </a:lnTo>
                  <a:lnTo>
                    <a:pt x="1610867" y="475487"/>
                  </a:lnTo>
                  <a:lnTo>
                    <a:pt x="0" y="475487"/>
                  </a:lnTo>
                  <a:lnTo>
                    <a:pt x="0" y="0"/>
                  </a:lnTo>
                  <a:close/>
                </a:path>
              </a:pathLst>
            </a:custGeom>
            <a:ln w="13716">
              <a:solidFill>
                <a:srgbClr val="1C334D"/>
              </a:solidFill>
            </a:ln>
          </p:spPr>
          <p:txBody>
            <a:bodyPr wrap="square" lIns="0" tIns="0" rIns="0" bIns="0" rtlCol="0"/>
            <a:lstStyle/>
            <a:p>
              <a:endParaRPr sz="1749"/>
            </a:p>
          </p:txBody>
        </p:sp>
      </p:grpSp>
      <p:sp>
        <p:nvSpPr>
          <p:cNvPr id="47" name="object 47"/>
          <p:cNvSpPr txBox="1"/>
          <p:nvPr/>
        </p:nvSpPr>
        <p:spPr>
          <a:xfrm>
            <a:off x="5591534" y="4603611"/>
            <a:ext cx="549509" cy="138130"/>
          </a:xfrm>
          <a:prstGeom prst="rect">
            <a:avLst/>
          </a:prstGeom>
        </p:spPr>
        <p:txBody>
          <a:bodyPr vert="horz" wrap="square" lIns="0" tIns="13032" rIns="0" bIns="0" rtlCol="0">
            <a:spAutoFit/>
          </a:bodyPr>
          <a:lstStyle/>
          <a:p>
            <a:pPr marL="10860">
              <a:spcBef>
                <a:spcPts val="103"/>
              </a:spcBef>
            </a:pPr>
            <a:r>
              <a:rPr sz="812" spc="-9" dirty="0">
                <a:latin typeface="ＭＳ Ｐゴシック"/>
                <a:cs typeface="ＭＳ Ｐゴシック"/>
              </a:rPr>
              <a:t>課題の整理</a:t>
            </a:r>
            <a:endParaRPr sz="812">
              <a:latin typeface="ＭＳ Ｐゴシック"/>
              <a:cs typeface="ＭＳ Ｐゴシック"/>
            </a:endParaRPr>
          </a:p>
        </p:txBody>
      </p:sp>
      <p:sp>
        <p:nvSpPr>
          <p:cNvPr id="48" name="object 48"/>
          <p:cNvSpPr txBox="1"/>
          <p:nvPr/>
        </p:nvSpPr>
        <p:spPr>
          <a:xfrm>
            <a:off x="5243672" y="4543923"/>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p:txBody>
      </p:sp>
      <p:grpSp>
        <p:nvGrpSpPr>
          <p:cNvPr id="49" name="object 49"/>
          <p:cNvGrpSpPr/>
          <p:nvPr/>
        </p:nvGrpSpPr>
        <p:grpSpPr>
          <a:xfrm>
            <a:off x="7228756" y="4480343"/>
            <a:ext cx="291044" cy="586432"/>
            <a:chOff x="8453628" y="5010912"/>
            <a:chExt cx="340360" cy="685800"/>
          </a:xfrm>
        </p:grpSpPr>
        <p:sp>
          <p:nvSpPr>
            <p:cNvPr id="50" name="object 50"/>
            <p:cNvSpPr/>
            <p:nvPr/>
          </p:nvSpPr>
          <p:spPr>
            <a:xfrm>
              <a:off x="8467344" y="5024628"/>
              <a:ext cx="312420" cy="658495"/>
            </a:xfrm>
            <a:custGeom>
              <a:avLst/>
              <a:gdLst/>
              <a:ahLst/>
              <a:cxnLst/>
              <a:rect l="l" t="t" r="r" b="b"/>
              <a:pathLst>
                <a:path w="312420" h="658495">
                  <a:moveTo>
                    <a:pt x="155448" y="658367"/>
                  </a:moveTo>
                  <a:lnTo>
                    <a:pt x="0" y="501395"/>
                  </a:lnTo>
                  <a:lnTo>
                    <a:pt x="0" y="0"/>
                  </a:lnTo>
                  <a:lnTo>
                    <a:pt x="312419" y="0"/>
                  </a:lnTo>
                  <a:lnTo>
                    <a:pt x="312419" y="501395"/>
                  </a:lnTo>
                  <a:lnTo>
                    <a:pt x="155448" y="658367"/>
                  </a:lnTo>
                  <a:close/>
                </a:path>
              </a:pathLst>
            </a:custGeom>
            <a:solidFill>
              <a:srgbClr val="4F80BC"/>
            </a:solidFill>
          </p:spPr>
          <p:txBody>
            <a:bodyPr wrap="square" lIns="0" tIns="0" rIns="0" bIns="0" rtlCol="0"/>
            <a:lstStyle/>
            <a:p>
              <a:endParaRPr sz="1749"/>
            </a:p>
          </p:txBody>
        </p:sp>
        <p:sp>
          <p:nvSpPr>
            <p:cNvPr id="51" name="object 51"/>
            <p:cNvSpPr/>
            <p:nvPr/>
          </p:nvSpPr>
          <p:spPr>
            <a:xfrm>
              <a:off x="8467344" y="5024628"/>
              <a:ext cx="312420" cy="658495"/>
            </a:xfrm>
            <a:custGeom>
              <a:avLst/>
              <a:gdLst/>
              <a:ahLst/>
              <a:cxnLst/>
              <a:rect l="l" t="t" r="r" b="b"/>
              <a:pathLst>
                <a:path w="312420" h="658495">
                  <a:moveTo>
                    <a:pt x="312419" y="0"/>
                  </a:moveTo>
                  <a:lnTo>
                    <a:pt x="312419" y="501395"/>
                  </a:lnTo>
                  <a:lnTo>
                    <a:pt x="155448" y="658367"/>
                  </a:lnTo>
                  <a:lnTo>
                    <a:pt x="0" y="501395"/>
                  </a:lnTo>
                  <a:lnTo>
                    <a:pt x="0" y="0"/>
                  </a:lnTo>
                  <a:lnTo>
                    <a:pt x="312419" y="0"/>
                  </a:lnTo>
                  <a:close/>
                </a:path>
              </a:pathLst>
            </a:custGeom>
            <a:ln w="27432">
              <a:solidFill>
                <a:srgbClr val="1C334D"/>
              </a:solidFill>
            </a:ln>
          </p:spPr>
          <p:txBody>
            <a:bodyPr wrap="square" lIns="0" tIns="0" rIns="0" bIns="0" rtlCol="0"/>
            <a:lstStyle/>
            <a:p>
              <a:endParaRPr sz="1749"/>
            </a:p>
          </p:txBody>
        </p:sp>
      </p:grpSp>
      <p:sp>
        <p:nvSpPr>
          <p:cNvPr id="52" name="object 52"/>
          <p:cNvSpPr txBox="1"/>
          <p:nvPr/>
        </p:nvSpPr>
        <p:spPr>
          <a:xfrm>
            <a:off x="7320928" y="4599818"/>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p:txBody>
      </p:sp>
      <p:sp>
        <p:nvSpPr>
          <p:cNvPr id="53" name="object 53"/>
          <p:cNvSpPr txBox="1"/>
          <p:nvPr/>
        </p:nvSpPr>
        <p:spPr>
          <a:xfrm>
            <a:off x="3234355" y="6379949"/>
            <a:ext cx="1478570" cy="263099"/>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出典）</a:t>
            </a:r>
            <a:r>
              <a:rPr sz="812" spc="-9" dirty="0">
                <a:latin typeface="ＭＳ Ｐゴシック"/>
                <a:cs typeface="ＭＳ Ｐゴシック"/>
              </a:rPr>
              <a:t>佐藤アドバイザー提供資料</a:t>
            </a:r>
            <a:endParaRPr sz="812">
              <a:latin typeface="ＭＳ Ｐゴシック"/>
              <a:cs typeface="ＭＳ Ｐゴシック"/>
            </a:endParaRPr>
          </a:p>
        </p:txBody>
      </p:sp>
      <p:sp>
        <p:nvSpPr>
          <p:cNvPr id="54" name="object 54"/>
          <p:cNvSpPr txBox="1"/>
          <p:nvPr/>
        </p:nvSpPr>
        <p:spPr>
          <a:xfrm>
            <a:off x="599534" y="4870804"/>
            <a:ext cx="817747" cy="138130"/>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橋梁点検車</a:t>
            </a:r>
            <a:r>
              <a:rPr sz="812" spc="-17" dirty="0">
                <a:latin typeface="ＭＳ Ｐゴシック"/>
                <a:cs typeface="ＭＳ Ｐゴシック"/>
              </a:rPr>
              <a:t>MBI70</a:t>
            </a:r>
            <a:endParaRPr sz="812">
              <a:latin typeface="ＭＳ Ｐゴシック"/>
              <a:cs typeface="ＭＳ Ｐゴシック"/>
            </a:endParaRPr>
          </a:p>
        </p:txBody>
      </p:sp>
      <p:pic>
        <p:nvPicPr>
          <p:cNvPr id="55" name="object 55"/>
          <p:cNvPicPr/>
          <p:nvPr/>
        </p:nvPicPr>
        <p:blipFill>
          <a:blip r:embed="rId3" cstate="print"/>
          <a:stretch>
            <a:fillRect/>
          </a:stretch>
        </p:blipFill>
        <p:spPr>
          <a:xfrm>
            <a:off x="2133311" y="5019861"/>
            <a:ext cx="2653280" cy="1333155"/>
          </a:xfrm>
          <a:prstGeom prst="rect">
            <a:avLst/>
          </a:prstGeom>
        </p:spPr>
      </p:pic>
      <p:sp>
        <p:nvSpPr>
          <p:cNvPr id="56" name="object 56"/>
          <p:cNvSpPr txBox="1"/>
          <p:nvPr/>
        </p:nvSpPr>
        <p:spPr>
          <a:xfrm>
            <a:off x="2739140" y="4859258"/>
            <a:ext cx="1617575" cy="263099"/>
          </a:xfrm>
          <a:prstGeom prst="rect">
            <a:avLst/>
          </a:prstGeom>
        </p:spPr>
        <p:txBody>
          <a:bodyPr vert="horz" wrap="square" lIns="0" tIns="13032" rIns="0" bIns="0" rtlCol="0">
            <a:spAutoFit/>
          </a:bodyPr>
          <a:lstStyle/>
          <a:p>
            <a:pPr>
              <a:spcBef>
                <a:spcPts val="103"/>
              </a:spcBef>
            </a:pPr>
            <a:r>
              <a:rPr sz="812" spc="-4" dirty="0">
                <a:latin typeface="ＭＳ Ｐゴシック"/>
                <a:cs typeface="ＭＳ Ｐゴシック"/>
              </a:rPr>
              <a:t>グルーピング種別ごとの新技術の例</a:t>
            </a:r>
            <a:endParaRPr sz="812">
              <a:latin typeface="ＭＳ Ｐゴシック"/>
              <a:cs typeface="ＭＳ Ｐゴシック"/>
            </a:endParaRPr>
          </a:p>
        </p:txBody>
      </p:sp>
      <p:sp>
        <p:nvSpPr>
          <p:cNvPr id="57" name="object 57"/>
          <p:cNvSpPr txBox="1"/>
          <p:nvPr/>
        </p:nvSpPr>
        <p:spPr>
          <a:xfrm>
            <a:off x="1868473" y="850402"/>
            <a:ext cx="1089244" cy="406914"/>
          </a:xfrm>
          <a:prstGeom prst="rect">
            <a:avLst/>
          </a:prstGeom>
        </p:spPr>
        <p:txBody>
          <a:bodyPr vert="horz" wrap="square" lIns="0" tIns="11946" rIns="0" bIns="0" rtlCol="0">
            <a:spAutoFit/>
          </a:bodyPr>
          <a:lstStyle/>
          <a:p>
            <a:pPr marL="10860">
              <a:spcBef>
                <a:spcPts val="94"/>
              </a:spcBef>
            </a:pPr>
            <a:r>
              <a:rPr sz="1283" spc="-9" dirty="0">
                <a:latin typeface="ＭＳ Ｐゴシック"/>
                <a:cs typeface="ＭＳ Ｐゴシック"/>
              </a:rPr>
              <a:t>支援対象：橋梁</a:t>
            </a:r>
            <a:endParaRPr sz="1283">
              <a:latin typeface="ＭＳ Ｐゴシック"/>
              <a:cs typeface="ＭＳ Ｐゴシック"/>
            </a:endParaRPr>
          </a:p>
        </p:txBody>
      </p:sp>
      <p:sp>
        <p:nvSpPr>
          <p:cNvPr id="58" name="object 58"/>
          <p:cNvSpPr txBox="1"/>
          <p:nvPr/>
        </p:nvSpPr>
        <p:spPr>
          <a:xfrm>
            <a:off x="250211" y="821006"/>
            <a:ext cx="1484542" cy="238000"/>
          </a:xfrm>
          <a:prstGeom prst="rect">
            <a:avLst/>
          </a:prstGeom>
          <a:ln w="13715">
            <a:solidFill>
              <a:srgbClr val="000000"/>
            </a:solidFill>
          </a:ln>
        </p:spPr>
        <p:txBody>
          <a:bodyPr vert="horz" wrap="square" lIns="0" tIns="40181" rIns="0" bIns="0" rtlCol="0">
            <a:spAutoFit/>
          </a:bodyPr>
          <a:lstStyle/>
          <a:p>
            <a:pPr marL="175384">
              <a:spcBef>
                <a:spcPts val="316"/>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59" name="object 59"/>
          <p:cNvSpPr txBox="1"/>
          <p:nvPr/>
        </p:nvSpPr>
        <p:spPr>
          <a:xfrm>
            <a:off x="5126721" y="2202380"/>
            <a:ext cx="1974322" cy="238000"/>
          </a:xfrm>
          <a:prstGeom prst="rect">
            <a:avLst/>
          </a:prstGeom>
          <a:solidFill>
            <a:srgbClr val="B6DDE8"/>
          </a:solidFill>
          <a:ln w="10667">
            <a:solidFill>
              <a:srgbClr val="00AFEF"/>
            </a:solidFill>
          </a:ln>
        </p:spPr>
        <p:txBody>
          <a:bodyPr vert="horz" wrap="square" lIns="0" tIns="40181" rIns="0" bIns="0" rtlCol="0">
            <a:spAutoFit/>
          </a:bodyPr>
          <a:lstStyle/>
          <a:p>
            <a:pPr marL="132489">
              <a:spcBef>
                <a:spcPts val="316"/>
              </a:spcBef>
            </a:pPr>
            <a:r>
              <a:rPr sz="1283" spc="-9" dirty="0">
                <a:latin typeface="ＭＳ Ｐゴシック"/>
                <a:cs typeface="ＭＳ Ｐゴシック"/>
              </a:rPr>
              <a:t>具体な検討スケジュール</a:t>
            </a:r>
            <a:endParaRPr sz="1283">
              <a:latin typeface="ＭＳ Ｐゴシック"/>
              <a:cs typeface="ＭＳ Ｐゴシック"/>
            </a:endParaRPr>
          </a:p>
        </p:txBody>
      </p:sp>
      <p:sp>
        <p:nvSpPr>
          <p:cNvPr id="60" name="object 60"/>
          <p:cNvSpPr txBox="1"/>
          <p:nvPr/>
        </p:nvSpPr>
        <p:spPr>
          <a:xfrm>
            <a:off x="8939563" y="6291578"/>
            <a:ext cx="115657" cy="237487"/>
          </a:xfrm>
          <a:prstGeom prst="rect">
            <a:avLst/>
          </a:prstGeom>
        </p:spPr>
        <p:txBody>
          <a:bodyPr vert="horz" wrap="square" lIns="0" tIns="13575" rIns="0" bIns="0" rtlCol="0">
            <a:spAutoFit/>
          </a:bodyPr>
          <a:lstStyle/>
          <a:p>
            <a:pPr marL="10860">
              <a:spcBef>
                <a:spcPts val="107"/>
              </a:spcBef>
            </a:pPr>
            <a:r>
              <a:rPr sz="1454" spc="-43" dirty="0">
                <a:latin typeface="ＭＳ Ｐゴシック"/>
                <a:cs typeface="ＭＳ Ｐゴシック"/>
              </a:rPr>
              <a:t>4</a:t>
            </a:r>
            <a:endParaRPr sz="1454">
              <a:latin typeface="ＭＳ Ｐゴシック"/>
              <a:cs typeface="ＭＳ Ｐゴシック"/>
            </a:endParaRPr>
          </a:p>
        </p:txBody>
      </p:sp>
    </p:spTree>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74906" y="352850"/>
            <a:ext cx="6368220"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山形県山形市</a:t>
            </a:r>
            <a:r>
              <a:rPr spc="-9" dirty="0"/>
              <a:t>）</a:t>
            </a:r>
            <a:r>
              <a:rPr spc="-34" dirty="0"/>
              <a:t>公園の維持管理に関する新技術による効率化への助言</a:t>
            </a:r>
          </a:p>
        </p:txBody>
      </p:sp>
      <p:sp>
        <p:nvSpPr>
          <p:cNvPr id="3" name="object 3"/>
          <p:cNvSpPr txBox="1"/>
          <p:nvPr/>
        </p:nvSpPr>
        <p:spPr>
          <a:xfrm>
            <a:off x="250210" y="1152014"/>
            <a:ext cx="8625985" cy="928666"/>
          </a:xfrm>
          <a:prstGeom prst="rect">
            <a:avLst/>
          </a:prstGeom>
          <a:ln w="13715">
            <a:solidFill>
              <a:srgbClr val="000000"/>
            </a:solidFill>
          </a:ln>
        </p:spPr>
        <p:txBody>
          <a:bodyPr vert="horz" wrap="square" lIns="0" tIns="66245" rIns="0" bIns="0" rtlCol="0">
            <a:spAutoFit/>
          </a:bodyPr>
          <a:lstStyle/>
          <a:p>
            <a:pPr marL="248146" marR="171584" indent="-163983">
              <a:lnSpc>
                <a:spcPct val="100699"/>
              </a:lnSpc>
              <a:spcBef>
                <a:spcPts val="522"/>
              </a:spcBef>
              <a:buSzPct val="93333"/>
              <a:buChar char="○"/>
              <a:tabLst>
                <a:tab pos="249775" algn="l"/>
              </a:tabLst>
            </a:pPr>
            <a:r>
              <a:rPr sz="1283" spc="-13" dirty="0">
                <a:latin typeface="ＭＳ Ｐゴシック"/>
                <a:cs typeface="ＭＳ Ｐゴシック"/>
              </a:rPr>
              <a:t>木橋に関する調査の内容及び修繕方法を検討。また、公園の植生及び利用実態を踏まえた対象箇所の選定、効率化の	</a:t>
            </a:r>
            <a:r>
              <a:rPr sz="1283" spc="-9" dirty="0">
                <a:latin typeface="ＭＳ Ｐゴシック"/>
                <a:cs typeface="ＭＳ Ｐゴシック"/>
              </a:rPr>
              <a:t>仕組みを検討する。</a:t>
            </a:r>
            <a:endParaRPr sz="1283">
              <a:latin typeface="ＭＳ Ｐゴシック"/>
              <a:cs typeface="ＭＳ Ｐゴシック"/>
            </a:endParaRPr>
          </a:p>
          <a:p>
            <a:pPr marL="248146" marR="133575" indent="-163983">
              <a:lnSpc>
                <a:spcPct val="101400"/>
              </a:lnSpc>
              <a:spcBef>
                <a:spcPts val="539"/>
              </a:spcBef>
              <a:buSzPct val="93333"/>
              <a:buChar char="○"/>
              <a:tabLst>
                <a:tab pos="249775" algn="l"/>
              </a:tabLst>
            </a:pPr>
            <a:r>
              <a:rPr sz="1283" spc="-13" dirty="0">
                <a:latin typeface="ＭＳ Ｐゴシック"/>
                <a:cs typeface="ＭＳ Ｐゴシック"/>
              </a:rPr>
              <a:t>木橋については、今年度に調査内容を検討し、令和７年度に調査設計の実施を目指す。公園については、新技術導入の	可能性、効率的な管理手法についても検討を行う。</a:t>
            </a:r>
            <a:endParaRPr sz="1283">
              <a:latin typeface="ＭＳ Ｐゴシック"/>
              <a:cs typeface="ＭＳ Ｐゴシック"/>
            </a:endParaRPr>
          </a:p>
        </p:txBody>
      </p:sp>
      <p:sp>
        <p:nvSpPr>
          <p:cNvPr id="4" name="object 4"/>
          <p:cNvSpPr/>
          <p:nvPr/>
        </p:nvSpPr>
        <p:spPr>
          <a:xfrm>
            <a:off x="151168" y="4842627"/>
            <a:ext cx="4670825" cy="1700654"/>
          </a:xfrm>
          <a:custGeom>
            <a:avLst/>
            <a:gdLst/>
            <a:ahLst/>
            <a:cxnLst/>
            <a:rect l="l" t="t" r="r" b="b"/>
            <a:pathLst>
              <a:path w="5462270" h="1988820">
                <a:moveTo>
                  <a:pt x="5462016" y="1988819"/>
                </a:moveTo>
                <a:lnTo>
                  <a:pt x="0" y="1988819"/>
                </a:lnTo>
                <a:lnTo>
                  <a:pt x="0" y="0"/>
                </a:lnTo>
                <a:lnTo>
                  <a:pt x="5462016" y="0"/>
                </a:lnTo>
                <a:lnTo>
                  <a:pt x="5462016" y="1988819"/>
                </a:lnTo>
                <a:close/>
              </a:path>
            </a:pathLst>
          </a:custGeom>
          <a:solidFill>
            <a:srgbClr val="DBE6F2"/>
          </a:solidFill>
        </p:spPr>
        <p:txBody>
          <a:bodyPr wrap="square" lIns="0" tIns="0" rIns="0" bIns="0" rtlCol="0"/>
          <a:lstStyle/>
          <a:p>
            <a:endParaRPr sz="1749"/>
          </a:p>
        </p:txBody>
      </p:sp>
      <p:sp>
        <p:nvSpPr>
          <p:cNvPr id="5" name="object 5"/>
          <p:cNvSpPr txBox="1"/>
          <p:nvPr/>
        </p:nvSpPr>
        <p:spPr>
          <a:xfrm>
            <a:off x="304944" y="3453435"/>
            <a:ext cx="1625178" cy="239096"/>
          </a:xfrm>
          <a:prstGeom prst="rect">
            <a:avLst/>
          </a:prstGeom>
          <a:solidFill>
            <a:srgbClr val="B6DDE8"/>
          </a:solidFill>
          <a:ln w="10667">
            <a:solidFill>
              <a:srgbClr val="00AFEF"/>
            </a:solidFill>
          </a:ln>
        </p:spPr>
        <p:txBody>
          <a:bodyPr vert="horz" wrap="square" lIns="0" tIns="41267" rIns="0" bIns="0" rtlCol="0">
            <a:spAutoFit/>
          </a:bodyPr>
          <a:lstStyle/>
          <a:p>
            <a:pPr marL="154752">
              <a:spcBef>
                <a:spcPts val="325"/>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6" name="object 6"/>
          <p:cNvSpPr txBox="1"/>
          <p:nvPr/>
        </p:nvSpPr>
        <p:spPr>
          <a:xfrm>
            <a:off x="317359" y="3821964"/>
            <a:ext cx="4497610" cy="764150"/>
          </a:xfrm>
          <a:prstGeom prst="rect">
            <a:avLst/>
          </a:prstGeom>
        </p:spPr>
        <p:txBody>
          <a:bodyPr vert="horz" wrap="square" lIns="0" tIns="10317" rIns="0" bIns="0" rtlCol="0">
            <a:spAutoFit/>
          </a:bodyPr>
          <a:lstStyle/>
          <a:p>
            <a:pPr marL="142806" marR="4344" indent="-132489">
              <a:spcBef>
                <a:spcPts val="81"/>
              </a:spcBef>
              <a:buSzPct val="92307"/>
              <a:buChar char="○"/>
              <a:tabLst>
                <a:tab pos="142806" algn="l"/>
                <a:tab pos="151494" algn="l"/>
              </a:tabLst>
            </a:pPr>
            <a:r>
              <a:rPr sz="1112" dirty="0">
                <a:latin typeface="ＭＳ Ｐゴシック"/>
                <a:cs typeface="ＭＳ Ｐゴシック"/>
              </a:rPr>
              <a:t>	</a:t>
            </a:r>
            <a:r>
              <a:rPr sz="1112" spc="-26" dirty="0">
                <a:latin typeface="ＭＳ Ｐゴシック"/>
                <a:cs typeface="ＭＳ Ｐゴシック"/>
              </a:rPr>
              <a:t>除草の効率化にあたり、雑草の発生抑制、遠隔操作可能な除草機器の導</a:t>
            </a:r>
            <a:r>
              <a:rPr sz="1112" spc="-30" dirty="0">
                <a:latin typeface="ＭＳ Ｐゴシック"/>
                <a:cs typeface="ＭＳ Ｐゴシック"/>
              </a:rPr>
              <a:t>入など、新技術の例を紹介。</a:t>
            </a:r>
            <a:endParaRPr sz="1112">
              <a:latin typeface="ＭＳ Ｐゴシック"/>
              <a:cs typeface="ＭＳ Ｐゴシック"/>
            </a:endParaRPr>
          </a:p>
          <a:p>
            <a:pPr marL="142806" marR="178099" indent="-132489">
              <a:lnSpc>
                <a:spcPts val="1325"/>
              </a:lnSpc>
              <a:spcBef>
                <a:spcPts val="603"/>
              </a:spcBef>
              <a:buSzPct val="92307"/>
              <a:buChar char="○"/>
              <a:tabLst>
                <a:tab pos="142806" algn="l"/>
                <a:tab pos="151494" algn="l"/>
              </a:tabLst>
            </a:pPr>
            <a:r>
              <a:rPr sz="1112" dirty="0">
                <a:latin typeface="ＭＳ Ｐゴシック"/>
                <a:cs typeface="ＭＳ Ｐゴシック"/>
              </a:rPr>
              <a:t>	</a:t>
            </a:r>
            <a:r>
              <a:rPr sz="1112" spc="-26" dirty="0">
                <a:latin typeface="ＭＳ Ｐゴシック"/>
                <a:cs typeface="ＭＳ Ｐゴシック"/>
              </a:rPr>
              <a:t>アドバイザーからは利用実態の把握、対策計画の策定等の今後のアクションについて提案あり。</a:t>
            </a:r>
            <a:endParaRPr sz="1112">
              <a:latin typeface="ＭＳ Ｐゴシック"/>
              <a:cs typeface="ＭＳ Ｐゴシック"/>
            </a:endParaRPr>
          </a:p>
        </p:txBody>
      </p:sp>
      <p:sp>
        <p:nvSpPr>
          <p:cNvPr id="7" name="object 7"/>
          <p:cNvSpPr/>
          <p:nvPr/>
        </p:nvSpPr>
        <p:spPr>
          <a:xfrm>
            <a:off x="4950139" y="2529478"/>
            <a:ext cx="0" cy="4049098"/>
          </a:xfrm>
          <a:custGeom>
            <a:avLst/>
            <a:gdLst/>
            <a:ahLst/>
            <a:cxnLst/>
            <a:rect l="l" t="t" r="r" b="b"/>
            <a:pathLst>
              <a:path h="4735195">
                <a:moveTo>
                  <a:pt x="0" y="0"/>
                </a:moveTo>
                <a:lnTo>
                  <a:pt x="0" y="4735068"/>
                </a:lnTo>
              </a:path>
            </a:pathLst>
          </a:custGeom>
          <a:ln w="13716">
            <a:solidFill>
              <a:srgbClr val="000000"/>
            </a:solidFill>
            <a:prstDash val="sysDash"/>
          </a:ln>
        </p:spPr>
        <p:txBody>
          <a:bodyPr wrap="square" lIns="0" tIns="0" rIns="0" bIns="0" rtlCol="0"/>
          <a:lstStyle/>
          <a:p>
            <a:endParaRPr sz="1749"/>
          </a:p>
        </p:txBody>
      </p:sp>
      <p:sp>
        <p:nvSpPr>
          <p:cNvPr id="8" name="object 8"/>
          <p:cNvSpPr txBox="1"/>
          <p:nvPr/>
        </p:nvSpPr>
        <p:spPr>
          <a:xfrm>
            <a:off x="5248889" y="2625642"/>
            <a:ext cx="3548458" cy="1691712"/>
          </a:xfrm>
          <a:prstGeom prst="rect">
            <a:avLst/>
          </a:prstGeom>
        </p:spPr>
        <p:txBody>
          <a:bodyPr vert="horz" wrap="square" lIns="0" tIns="10317" rIns="0" bIns="0" rtlCol="0">
            <a:spAutoFit/>
          </a:bodyPr>
          <a:lstStyle/>
          <a:p>
            <a:pPr marL="141720" marR="74389" indent="-131946">
              <a:spcBef>
                <a:spcPts val="81"/>
              </a:spcBef>
              <a:buSzPct val="92307"/>
              <a:buChar char="○"/>
              <a:tabLst>
                <a:tab pos="141720" algn="l"/>
                <a:tab pos="150951" algn="l"/>
              </a:tabLst>
            </a:pPr>
            <a:r>
              <a:rPr sz="1112" dirty="0">
                <a:latin typeface="ＭＳ Ｐゴシック"/>
                <a:cs typeface="ＭＳ Ｐゴシック"/>
              </a:rPr>
              <a:t>	</a:t>
            </a:r>
            <a:r>
              <a:rPr sz="1112" spc="-26" dirty="0">
                <a:latin typeface="ＭＳ Ｐゴシック"/>
                <a:cs typeface="ＭＳ Ｐゴシック"/>
              </a:rPr>
              <a:t>除草、樹木管理については、令和７年度に方針の策定を</a:t>
            </a:r>
            <a:r>
              <a:rPr sz="1112" spc="-30" dirty="0">
                <a:latin typeface="ＭＳ Ｐゴシック"/>
                <a:cs typeface="ＭＳ Ｐゴシック"/>
              </a:rPr>
              <a:t>目指し、山形市にて対象箇所、適用技術等を検討。</a:t>
            </a:r>
            <a:endParaRPr sz="1112">
              <a:latin typeface="ＭＳ Ｐゴシック"/>
              <a:cs typeface="ＭＳ Ｐゴシック"/>
            </a:endParaRPr>
          </a:p>
          <a:p>
            <a:pPr marL="141720" marR="4344" indent="-131946">
              <a:lnSpc>
                <a:spcPct val="99600"/>
              </a:lnSpc>
              <a:spcBef>
                <a:spcPts val="556"/>
              </a:spcBef>
              <a:buSzPct val="92307"/>
              <a:buChar char="○"/>
              <a:tabLst>
                <a:tab pos="141720" algn="l"/>
                <a:tab pos="150951" algn="l"/>
              </a:tabLst>
            </a:pPr>
            <a:r>
              <a:rPr sz="1112" dirty="0">
                <a:latin typeface="ＭＳ Ｐゴシック"/>
                <a:cs typeface="ＭＳ Ｐゴシック"/>
              </a:rPr>
              <a:t>	</a:t>
            </a:r>
            <a:r>
              <a:rPr sz="1112" spc="-21" dirty="0">
                <a:latin typeface="ＭＳ Ｐゴシック"/>
                <a:cs typeface="ＭＳ Ｐゴシック"/>
              </a:rPr>
              <a:t>木橋については、今年度に調査内容を検討し、令和７年度に調査設計の実施を目指す。具体的な補修設計につなげるべく、山形市で発注プロセス等の検討を行う。</a:t>
            </a:r>
            <a:endParaRPr sz="1112">
              <a:latin typeface="ＭＳ Ｐゴシック"/>
              <a:cs typeface="ＭＳ Ｐゴシック"/>
            </a:endParaRPr>
          </a:p>
          <a:p>
            <a:pPr marL="141720" marR="6516" indent="-131946">
              <a:spcBef>
                <a:spcPts val="547"/>
              </a:spcBef>
              <a:buSzPct val="92307"/>
              <a:buChar char="○"/>
              <a:tabLst>
                <a:tab pos="141720" algn="l"/>
                <a:tab pos="150951" algn="l"/>
              </a:tabLst>
            </a:pPr>
            <a:r>
              <a:rPr sz="1112" dirty="0">
                <a:latin typeface="ＭＳ Ｐゴシック"/>
                <a:cs typeface="ＭＳ Ｐゴシック"/>
              </a:rPr>
              <a:t>	</a:t>
            </a:r>
            <a:r>
              <a:rPr sz="1112" spc="-26" dirty="0">
                <a:latin typeface="ＭＳ Ｐゴシック"/>
                <a:cs typeface="ＭＳ Ｐゴシック"/>
              </a:rPr>
              <a:t>アドバイザーからは上記検討にあたり、必要に応じて調査</a:t>
            </a:r>
            <a:r>
              <a:rPr sz="1112" spc="-30" dirty="0">
                <a:latin typeface="ＭＳ Ｐゴシック"/>
                <a:cs typeface="ＭＳ Ｐゴシック"/>
              </a:rPr>
              <a:t>に必要な観点や新技術の紹介などに関する助言を予定。</a:t>
            </a:r>
            <a:endParaRPr sz="1112">
              <a:latin typeface="ＭＳ Ｐゴシック"/>
              <a:cs typeface="ＭＳ Ｐゴシック"/>
            </a:endParaRPr>
          </a:p>
        </p:txBody>
      </p:sp>
      <p:sp>
        <p:nvSpPr>
          <p:cNvPr id="9" name="object 9"/>
          <p:cNvSpPr txBox="1"/>
          <p:nvPr/>
        </p:nvSpPr>
        <p:spPr>
          <a:xfrm>
            <a:off x="295822" y="2198470"/>
            <a:ext cx="2158397" cy="238000"/>
          </a:xfrm>
          <a:prstGeom prst="rect">
            <a:avLst/>
          </a:prstGeom>
          <a:solidFill>
            <a:srgbClr val="B6DDE8"/>
          </a:solidFill>
          <a:ln w="10667">
            <a:solidFill>
              <a:srgbClr val="00AFEF"/>
            </a:solidFill>
          </a:ln>
        </p:spPr>
        <p:txBody>
          <a:bodyPr vert="horz" wrap="square" lIns="0" tIns="40181" rIns="0" bIns="0" rtlCol="0">
            <a:spAutoFit/>
          </a:bodyPr>
          <a:lstStyle/>
          <a:p>
            <a:pPr marL="110769">
              <a:spcBef>
                <a:spcPts val="316"/>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10" name="object 10"/>
          <p:cNvSpPr txBox="1"/>
          <p:nvPr/>
        </p:nvSpPr>
        <p:spPr>
          <a:xfrm>
            <a:off x="317358" y="2576162"/>
            <a:ext cx="4298332" cy="764150"/>
          </a:xfrm>
          <a:prstGeom prst="rect">
            <a:avLst/>
          </a:prstGeom>
        </p:spPr>
        <p:txBody>
          <a:bodyPr vert="horz" wrap="square" lIns="0" tIns="10317" rIns="0" bIns="0" rtlCol="0">
            <a:spAutoFit/>
          </a:bodyPr>
          <a:lstStyle/>
          <a:p>
            <a:pPr marL="142806" marR="4344" indent="-132489">
              <a:spcBef>
                <a:spcPts val="81"/>
              </a:spcBef>
              <a:buSzPct val="92307"/>
              <a:buChar char="○"/>
              <a:tabLst>
                <a:tab pos="142806" algn="l"/>
                <a:tab pos="151494" algn="l"/>
              </a:tabLst>
            </a:pPr>
            <a:r>
              <a:rPr sz="1112" dirty="0">
                <a:latin typeface="ＭＳ Ｐゴシック"/>
                <a:cs typeface="ＭＳ Ｐゴシック"/>
              </a:rPr>
              <a:t>	</a:t>
            </a:r>
            <a:r>
              <a:rPr sz="1112" spc="-26" dirty="0">
                <a:latin typeface="ＭＳ Ｐゴシック"/>
                <a:cs typeface="ＭＳ Ｐゴシック"/>
              </a:rPr>
              <a:t>現地踏査を行い、木橋の老朽化の状況を視察。公園管理については、適用可能性のある新技術の例を紹介。</a:t>
            </a:r>
            <a:endParaRPr sz="1112">
              <a:latin typeface="ＭＳ Ｐゴシック"/>
              <a:cs typeface="ＭＳ Ｐゴシック"/>
            </a:endParaRPr>
          </a:p>
          <a:p>
            <a:pPr marL="142806" marR="7602" indent="-132489">
              <a:lnSpc>
                <a:spcPts val="1325"/>
              </a:lnSpc>
              <a:spcBef>
                <a:spcPts val="603"/>
              </a:spcBef>
              <a:buSzPct val="92307"/>
              <a:buChar char="○"/>
              <a:tabLst>
                <a:tab pos="142806" algn="l"/>
                <a:tab pos="151494" algn="l"/>
              </a:tabLst>
            </a:pPr>
            <a:r>
              <a:rPr sz="1112" dirty="0">
                <a:latin typeface="ＭＳ Ｐゴシック"/>
                <a:cs typeface="ＭＳ Ｐゴシック"/>
              </a:rPr>
              <a:t>	</a:t>
            </a:r>
            <a:r>
              <a:rPr sz="1112" spc="-26" dirty="0">
                <a:latin typeface="ＭＳ Ｐゴシック"/>
                <a:cs typeface="ＭＳ Ｐゴシック"/>
              </a:rPr>
              <a:t>アドバイザーが、公園の種別に応じた実態調査の観点、今後の検討方</a:t>
            </a:r>
            <a:r>
              <a:rPr sz="1112" spc="-30" dirty="0">
                <a:latin typeface="ＭＳ Ｐゴシック"/>
                <a:cs typeface="ＭＳ Ｐゴシック"/>
              </a:rPr>
              <a:t>針を提案、新技術導入の方向性を協議。</a:t>
            </a:r>
            <a:endParaRPr sz="1112">
              <a:latin typeface="ＭＳ Ｐゴシック"/>
              <a:cs typeface="ＭＳ Ｐゴシック"/>
            </a:endParaRPr>
          </a:p>
        </p:txBody>
      </p:sp>
      <p:grpSp>
        <p:nvGrpSpPr>
          <p:cNvPr id="11" name="object 11"/>
          <p:cNvGrpSpPr/>
          <p:nvPr/>
        </p:nvGrpSpPr>
        <p:grpSpPr>
          <a:xfrm>
            <a:off x="5053743" y="4447763"/>
            <a:ext cx="1905362" cy="2095952"/>
            <a:chOff x="5910071" y="4972812"/>
            <a:chExt cx="2228215" cy="2451100"/>
          </a:xfrm>
        </p:grpSpPr>
        <p:sp>
          <p:nvSpPr>
            <p:cNvPr id="12" name="object 12"/>
            <p:cNvSpPr/>
            <p:nvPr/>
          </p:nvSpPr>
          <p:spPr>
            <a:xfrm>
              <a:off x="5910071" y="4972812"/>
              <a:ext cx="2228215" cy="2451100"/>
            </a:xfrm>
            <a:custGeom>
              <a:avLst/>
              <a:gdLst/>
              <a:ahLst/>
              <a:cxnLst/>
              <a:rect l="l" t="t" r="r" b="b"/>
              <a:pathLst>
                <a:path w="2228215" h="2451100">
                  <a:moveTo>
                    <a:pt x="2228088" y="2450591"/>
                  </a:moveTo>
                  <a:lnTo>
                    <a:pt x="0" y="2450591"/>
                  </a:lnTo>
                  <a:lnTo>
                    <a:pt x="0" y="0"/>
                  </a:lnTo>
                  <a:lnTo>
                    <a:pt x="2228088" y="0"/>
                  </a:lnTo>
                  <a:lnTo>
                    <a:pt x="2228088" y="2450591"/>
                  </a:lnTo>
                  <a:close/>
                </a:path>
              </a:pathLst>
            </a:custGeom>
            <a:solidFill>
              <a:srgbClr val="DBE6F2"/>
            </a:solidFill>
          </p:spPr>
          <p:txBody>
            <a:bodyPr wrap="square" lIns="0" tIns="0" rIns="0" bIns="0" rtlCol="0"/>
            <a:lstStyle/>
            <a:p>
              <a:endParaRPr sz="1749"/>
            </a:p>
          </p:txBody>
        </p:sp>
        <p:sp>
          <p:nvSpPr>
            <p:cNvPr id="13" name="object 13"/>
            <p:cNvSpPr/>
            <p:nvPr/>
          </p:nvSpPr>
          <p:spPr>
            <a:xfrm>
              <a:off x="6454139" y="5558028"/>
              <a:ext cx="1598930" cy="570230"/>
            </a:xfrm>
            <a:custGeom>
              <a:avLst/>
              <a:gdLst/>
              <a:ahLst/>
              <a:cxnLst/>
              <a:rect l="l" t="t" r="r" b="b"/>
              <a:pathLst>
                <a:path w="1598929" h="570229">
                  <a:moveTo>
                    <a:pt x="0" y="0"/>
                  </a:moveTo>
                  <a:lnTo>
                    <a:pt x="1598676" y="0"/>
                  </a:lnTo>
                  <a:lnTo>
                    <a:pt x="1598676" y="569975"/>
                  </a:lnTo>
                  <a:lnTo>
                    <a:pt x="0" y="569975"/>
                  </a:lnTo>
                  <a:lnTo>
                    <a:pt x="0" y="0"/>
                  </a:lnTo>
                  <a:close/>
                </a:path>
              </a:pathLst>
            </a:custGeom>
            <a:ln w="13716">
              <a:solidFill>
                <a:srgbClr val="1C334D"/>
              </a:solidFill>
            </a:ln>
          </p:spPr>
          <p:txBody>
            <a:bodyPr wrap="square" lIns="0" tIns="0" rIns="0" bIns="0" rtlCol="0"/>
            <a:lstStyle/>
            <a:p>
              <a:endParaRPr sz="1749"/>
            </a:p>
          </p:txBody>
        </p:sp>
      </p:grpSp>
      <p:sp>
        <p:nvSpPr>
          <p:cNvPr id="14" name="object 14"/>
          <p:cNvSpPr txBox="1"/>
          <p:nvPr/>
        </p:nvSpPr>
        <p:spPr>
          <a:xfrm>
            <a:off x="5518979" y="4948186"/>
            <a:ext cx="1367256" cy="317929"/>
          </a:xfrm>
          <a:prstGeom prst="rect">
            <a:avLst/>
          </a:prstGeom>
          <a:solidFill>
            <a:srgbClr val="FFFFFF"/>
          </a:solidFill>
        </p:spPr>
        <p:txBody>
          <a:bodyPr vert="horz" wrap="square" lIns="0" tIns="67331" rIns="0" bIns="0" rtlCol="0">
            <a:spAutoFit/>
          </a:bodyPr>
          <a:lstStyle/>
          <a:p>
            <a:pPr>
              <a:spcBef>
                <a:spcPts val="530"/>
              </a:spcBef>
            </a:pPr>
            <a:endParaRPr sz="812">
              <a:latin typeface="Times New Roman"/>
              <a:cs typeface="Times New Roman"/>
            </a:endParaRPr>
          </a:p>
          <a:p>
            <a:pPr marL="83077"/>
            <a:r>
              <a:rPr sz="812" spc="-9" dirty="0">
                <a:latin typeface="ＭＳ Ｐゴシック"/>
                <a:cs typeface="ＭＳ Ｐゴシック"/>
              </a:rPr>
              <a:t>調査内容の検討</a:t>
            </a:r>
            <a:endParaRPr sz="812">
              <a:latin typeface="ＭＳ Ｐゴシック"/>
              <a:cs typeface="ＭＳ Ｐゴシック"/>
            </a:endParaRPr>
          </a:p>
        </p:txBody>
      </p:sp>
      <p:grpSp>
        <p:nvGrpSpPr>
          <p:cNvPr id="15" name="object 15"/>
          <p:cNvGrpSpPr/>
          <p:nvPr/>
        </p:nvGrpSpPr>
        <p:grpSpPr>
          <a:xfrm>
            <a:off x="5152568" y="4963606"/>
            <a:ext cx="288872" cy="566342"/>
            <a:chOff x="6025642" y="5576061"/>
            <a:chExt cx="337820" cy="662305"/>
          </a:xfrm>
        </p:grpSpPr>
        <p:sp>
          <p:nvSpPr>
            <p:cNvPr id="16" name="object 16"/>
            <p:cNvSpPr/>
            <p:nvPr/>
          </p:nvSpPr>
          <p:spPr>
            <a:xfrm>
              <a:off x="6039612" y="5590031"/>
              <a:ext cx="309880" cy="634365"/>
            </a:xfrm>
            <a:custGeom>
              <a:avLst/>
              <a:gdLst/>
              <a:ahLst/>
              <a:cxnLst/>
              <a:rect l="l" t="t" r="r" b="b"/>
              <a:pathLst>
                <a:path w="309879" h="634364">
                  <a:moveTo>
                    <a:pt x="153923" y="633983"/>
                  </a:moveTo>
                  <a:lnTo>
                    <a:pt x="0" y="480060"/>
                  </a:lnTo>
                  <a:lnTo>
                    <a:pt x="0" y="0"/>
                  </a:lnTo>
                  <a:lnTo>
                    <a:pt x="153923" y="155448"/>
                  </a:lnTo>
                  <a:lnTo>
                    <a:pt x="309371" y="0"/>
                  </a:lnTo>
                  <a:lnTo>
                    <a:pt x="309371" y="480060"/>
                  </a:lnTo>
                  <a:lnTo>
                    <a:pt x="153923" y="633983"/>
                  </a:lnTo>
                  <a:close/>
                </a:path>
              </a:pathLst>
            </a:custGeom>
            <a:solidFill>
              <a:srgbClr val="4F80BC"/>
            </a:solidFill>
          </p:spPr>
          <p:txBody>
            <a:bodyPr wrap="square" lIns="0" tIns="0" rIns="0" bIns="0" rtlCol="0"/>
            <a:lstStyle/>
            <a:p>
              <a:endParaRPr sz="1749"/>
            </a:p>
          </p:txBody>
        </p:sp>
        <p:sp>
          <p:nvSpPr>
            <p:cNvPr id="17" name="object 17"/>
            <p:cNvSpPr/>
            <p:nvPr/>
          </p:nvSpPr>
          <p:spPr>
            <a:xfrm>
              <a:off x="6039612" y="5590031"/>
              <a:ext cx="309880" cy="634365"/>
            </a:xfrm>
            <a:custGeom>
              <a:avLst/>
              <a:gdLst/>
              <a:ahLst/>
              <a:cxnLst/>
              <a:rect l="l" t="t" r="r" b="b"/>
              <a:pathLst>
                <a:path w="309879" h="634364">
                  <a:moveTo>
                    <a:pt x="309371" y="0"/>
                  </a:moveTo>
                  <a:lnTo>
                    <a:pt x="309371" y="480060"/>
                  </a:lnTo>
                  <a:lnTo>
                    <a:pt x="153923" y="633983"/>
                  </a:lnTo>
                  <a:lnTo>
                    <a:pt x="0" y="480060"/>
                  </a:lnTo>
                  <a:lnTo>
                    <a:pt x="0" y="0"/>
                  </a:lnTo>
                  <a:lnTo>
                    <a:pt x="153923" y="155448"/>
                  </a:lnTo>
                  <a:lnTo>
                    <a:pt x="309371" y="0"/>
                  </a:lnTo>
                  <a:close/>
                </a:path>
              </a:pathLst>
            </a:custGeom>
            <a:ln w="27432">
              <a:solidFill>
                <a:srgbClr val="1C334D"/>
              </a:solidFill>
            </a:ln>
          </p:spPr>
          <p:txBody>
            <a:bodyPr wrap="square" lIns="0" tIns="0" rIns="0" bIns="0" rtlCol="0"/>
            <a:lstStyle/>
            <a:p>
              <a:endParaRPr sz="1749"/>
            </a:p>
          </p:txBody>
        </p:sp>
      </p:grpSp>
      <p:sp>
        <p:nvSpPr>
          <p:cNvPr id="18" name="object 18"/>
          <p:cNvSpPr txBox="1"/>
          <p:nvPr/>
        </p:nvSpPr>
        <p:spPr>
          <a:xfrm>
            <a:off x="5360960" y="4464205"/>
            <a:ext cx="95024" cy="152435"/>
          </a:xfrm>
          <a:prstGeom prst="rect">
            <a:avLst/>
          </a:prstGeom>
        </p:spPr>
        <p:txBody>
          <a:bodyPr vert="horz" wrap="square" lIns="0" tIns="14118" rIns="0" bIns="0" rtlCol="0">
            <a:spAutoFit/>
          </a:bodyPr>
          <a:lstStyle/>
          <a:p>
            <a:pPr marL="10860">
              <a:spcBef>
                <a:spcPts val="111"/>
              </a:spcBef>
            </a:pPr>
            <a:r>
              <a:rPr sz="898" spc="-43" dirty="0">
                <a:latin typeface="ＭＳ Ｐゴシック"/>
                <a:cs typeface="ＭＳ Ｐゴシック"/>
              </a:rPr>
              <a:t>R</a:t>
            </a:r>
            <a:endParaRPr sz="898">
              <a:latin typeface="ＭＳ Ｐゴシック"/>
              <a:cs typeface="ＭＳ Ｐゴシック"/>
            </a:endParaRPr>
          </a:p>
        </p:txBody>
      </p:sp>
      <p:sp>
        <p:nvSpPr>
          <p:cNvPr id="19" name="object 19"/>
          <p:cNvSpPr txBox="1"/>
          <p:nvPr/>
        </p:nvSpPr>
        <p:spPr>
          <a:xfrm>
            <a:off x="5518979" y="5959455"/>
            <a:ext cx="1367256" cy="317380"/>
          </a:xfrm>
          <a:prstGeom prst="rect">
            <a:avLst/>
          </a:prstGeom>
          <a:solidFill>
            <a:srgbClr val="FFFFFF"/>
          </a:solidFill>
          <a:ln w="13715">
            <a:solidFill>
              <a:srgbClr val="1C334D"/>
            </a:solidFill>
          </a:ln>
        </p:spPr>
        <p:txBody>
          <a:bodyPr vert="horz" wrap="square" lIns="0" tIns="66788" rIns="0" bIns="0" rtlCol="0">
            <a:spAutoFit/>
          </a:bodyPr>
          <a:lstStyle/>
          <a:p>
            <a:pPr>
              <a:spcBef>
                <a:spcPts val="526"/>
              </a:spcBef>
            </a:pPr>
            <a:endParaRPr sz="812">
              <a:latin typeface="Times New Roman"/>
              <a:cs typeface="Times New Roman"/>
            </a:endParaRPr>
          </a:p>
          <a:p>
            <a:pPr marL="83077">
              <a:spcBef>
                <a:spcPts val="4"/>
              </a:spcBef>
            </a:pPr>
            <a:r>
              <a:rPr sz="812" spc="-13" dirty="0">
                <a:latin typeface="ＭＳ Ｐゴシック"/>
                <a:cs typeface="ＭＳ Ｐゴシック"/>
              </a:rPr>
              <a:t>補修工事</a:t>
            </a:r>
            <a:endParaRPr sz="812">
              <a:latin typeface="ＭＳ Ｐゴシック"/>
              <a:cs typeface="ＭＳ Ｐゴシック"/>
            </a:endParaRPr>
          </a:p>
        </p:txBody>
      </p:sp>
      <p:sp>
        <p:nvSpPr>
          <p:cNvPr id="20" name="object 20"/>
          <p:cNvSpPr/>
          <p:nvPr/>
        </p:nvSpPr>
        <p:spPr>
          <a:xfrm>
            <a:off x="5518979" y="5472066"/>
            <a:ext cx="1367256" cy="425163"/>
          </a:xfrm>
          <a:custGeom>
            <a:avLst/>
            <a:gdLst/>
            <a:ahLst/>
            <a:cxnLst/>
            <a:rect l="l" t="t" r="r" b="b"/>
            <a:pathLst>
              <a:path w="1598929" h="497204">
                <a:moveTo>
                  <a:pt x="0" y="0"/>
                </a:moveTo>
                <a:lnTo>
                  <a:pt x="1598676" y="0"/>
                </a:lnTo>
                <a:lnTo>
                  <a:pt x="1598676" y="496823"/>
                </a:lnTo>
                <a:lnTo>
                  <a:pt x="0" y="496823"/>
                </a:lnTo>
                <a:lnTo>
                  <a:pt x="0" y="0"/>
                </a:lnTo>
                <a:close/>
              </a:path>
            </a:pathLst>
          </a:custGeom>
          <a:ln w="13715">
            <a:solidFill>
              <a:srgbClr val="1C334D"/>
            </a:solidFill>
          </a:ln>
        </p:spPr>
        <p:txBody>
          <a:bodyPr wrap="square" lIns="0" tIns="0" rIns="0" bIns="0" rtlCol="0"/>
          <a:lstStyle/>
          <a:p>
            <a:endParaRPr sz="1749"/>
          </a:p>
        </p:txBody>
      </p:sp>
      <p:sp>
        <p:nvSpPr>
          <p:cNvPr id="21" name="object 21"/>
          <p:cNvSpPr txBox="1"/>
          <p:nvPr/>
        </p:nvSpPr>
        <p:spPr>
          <a:xfrm>
            <a:off x="5524843" y="5459684"/>
            <a:ext cx="1355310" cy="298738"/>
          </a:xfrm>
          <a:prstGeom prst="rect">
            <a:avLst/>
          </a:prstGeom>
          <a:solidFill>
            <a:srgbClr val="FFFFFF"/>
          </a:solidFill>
        </p:spPr>
        <p:txBody>
          <a:bodyPr vert="horz" wrap="square" lIns="0" tIns="48326" rIns="0" bIns="0" rtlCol="0">
            <a:spAutoFit/>
          </a:bodyPr>
          <a:lstStyle/>
          <a:p>
            <a:pPr>
              <a:spcBef>
                <a:spcPts val="381"/>
              </a:spcBef>
            </a:pPr>
            <a:endParaRPr sz="812">
              <a:latin typeface="Times New Roman"/>
              <a:cs typeface="Times New Roman"/>
            </a:endParaRPr>
          </a:p>
          <a:p>
            <a:pPr marL="77104">
              <a:spcBef>
                <a:spcPts val="4"/>
              </a:spcBef>
            </a:pPr>
            <a:r>
              <a:rPr sz="812" spc="-13" dirty="0">
                <a:latin typeface="ＭＳ Ｐゴシック"/>
                <a:cs typeface="ＭＳ Ｐゴシック"/>
              </a:rPr>
              <a:t>調査設計</a:t>
            </a:r>
            <a:endParaRPr sz="812">
              <a:latin typeface="ＭＳ Ｐゴシック"/>
              <a:cs typeface="ＭＳ Ｐゴシック"/>
            </a:endParaRPr>
          </a:p>
        </p:txBody>
      </p:sp>
      <p:grpSp>
        <p:nvGrpSpPr>
          <p:cNvPr id="22" name="object 22"/>
          <p:cNvGrpSpPr/>
          <p:nvPr/>
        </p:nvGrpSpPr>
        <p:grpSpPr>
          <a:xfrm>
            <a:off x="5152568" y="5952723"/>
            <a:ext cx="288872" cy="593491"/>
            <a:chOff x="6025642" y="6732778"/>
            <a:chExt cx="337820" cy="694055"/>
          </a:xfrm>
        </p:grpSpPr>
        <p:sp>
          <p:nvSpPr>
            <p:cNvPr id="23" name="object 23"/>
            <p:cNvSpPr/>
            <p:nvPr/>
          </p:nvSpPr>
          <p:spPr>
            <a:xfrm>
              <a:off x="6039612" y="6746748"/>
              <a:ext cx="309880" cy="666115"/>
            </a:xfrm>
            <a:custGeom>
              <a:avLst/>
              <a:gdLst/>
              <a:ahLst/>
              <a:cxnLst/>
              <a:rect l="l" t="t" r="r" b="b"/>
              <a:pathLst>
                <a:path w="309879" h="666115">
                  <a:moveTo>
                    <a:pt x="153923" y="665987"/>
                  </a:moveTo>
                  <a:lnTo>
                    <a:pt x="0" y="512064"/>
                  </a:lnTo>
                  <a:lnTo>
                    <a:pt x="0" y="0"/>
                  </a:lnTo>
                  <a:lnTo>
                    <a:pt x="153923" y="153923"/>
                  </a:lnTo>
                  <a:lnTo>
                    <a:pt x="309371" y="0"/>
                  </a:lnTo>
                  <a:lnTo>
                    <a:pt x="309371" y="512064"/>
                  </a:lnTo>
                  <a:lnTo>
                    <a:pt x="153923" y="665987"/>
                  </a:lnTo>
                  <a:close/>
                </a:path>
              </a:pathLst>
            </a:custGeom>
            <a:solidFill>
              <a:srgbClr val="4F80BC"/>
            </a:solidFill>
          </p:spPr>
          <p:txBody>
            <a:bodyPr wrap="square" lIns="0" tIns="0" rIns="0" bIns="0" rtlCol="0"/>
            <a:lstStyle/>
            <a:p>
              <a:endParaRPr sz="1749"/>
            </a:p>
          </p:txBody>
        </p:sp>
        <p:sp>
          <p:nvSpPr>
            <p:cNvPr id="24" name="object 24"/>
            <p:cNvSpPr/>
            <p:nvPr/>
          </p:nvSpPr>
          <p:spPr>
            <a:xfrm>
              <a:off x="6039612" y="6746748"/>
              <a:ext cx="309880" cy="666115"/>
            </a:xfrm>
            <a:custGeom>
              <a:avLst/>
              <a:gdLst/>
              <a:ahLst/>
              <a:cxnLst/>
              <a:rect l="l" t="t" r="r" b="b"/>
              <a:pathLst>
                <a:path w="309879" h="666115">
                  <a:moveTo>
                    <a:pt x="309371" y="0"/>
                  </a:moveTo>
                  <a:lnTo>
                    <a:pt x="309371" y="512064"/>
                  </a:lnTo>
                  <a:lnTo>
                    <a:pt x="153923" y="665987"/>
                  </a:lnTo>
                  <a:lnTo>
                    <a:pt x="0" y="512064"/>
                  </a:lnTo>
                  <a:lnTo>
                    <a:pt x="0" y="0"/>
                  </a:lnTo>
                  <a:lnTo>
                    <a:pt x="153923" y="153923"/>
                  </a:lnTo>
                  <a:lnTo>
                    <a:pt x="309371" y="0"/>
                  </a:lnTo>
                  <a:close/>
                </a:path>
              </a:pathLst>
            </a:custGeom>
            <a:ln w="27431">
              <a:solidFill>
                <a:srgbClr val="1C334D"/>
              </a:solidFill>
            </a:ln>
          </p:spPr>
          <p:txBody>
            <a:bodyPr wrap="square" lIns="0" tIns="0" rIns="0" bIns="0" rtlCol="0"/>
            <a:lstStyle/>
            <a:p>
              <a:endParaRPr sz="1749"/>
            </a:p>
          </p:txBody>
        </p:sp>
      </p:grpSp>
      <p:sp>
        <p:nvSpPr>
          <p:cNvPr id="25" name="object 25"/>
          <p:cNvSpPr txBox="1"/>
          <p:nvPr/>
        </p:nvSpPr>
        <p:spPr>
          <a:xfrm>
            <a:off x="5252835" y="6121795"/>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８</a:t>
            </a:r>
            <a:endParaRPr sz="898">
              <a:latin typeface="ＭＳ Ｐゴシック"/>
              <a:cs typeface="ＭＳ Ｐゴシック"/>
            </a:endParaRPr>
          </a:p>
        </p:txBody>
      </p:sp>
      <p:grpSp>
        <p:nvGrpSpPr>
          <p:cNvPr id="26" name="object 26"/>
          <p:cNvGrpSpPr/>
          <p:nvPr/>
        </p:nvGrpSpPr>
        <p:grpSpPr>
          <a:xfrm>
            <a:off x="7137532" y="4447763"/>
            <a:ext cx="1905362" cy="2084007"/>
            <a:chOff x="8346947" y="4972812"/>
            <a:chExt cx="2228215" cy="2437130"/>
          </a:xfrm>
        </p:grpSpPr>
        <p:sp>
          <p:nvSpPr>
            <p:cNvPr id="27" name="object 27"/>
            <p:cNvSpPr/>
            <p:nvPr/>
          </p:nvSpPr>
          <p:spPr>
            <a:xfrm>
              <a:off x="8346947" y="4972812"/>
              <a:ext cx="2228215" cy="2437130"/>
            </a:xfrm>
            <a:custGeom>
              <a:avLst/>
              <a:gdLst/>
              <a:ahLst/>
              <a:cxnLst/>
              <a:rect l="l" t="t" r="r" b="b"/>
              <a:pathLst>
                <a:path w="2228215" h="2437129">
                  <a:moveTo>
                    <a:pt x="2228087" y="2436875"/>
                  </a:moveTo>
                  <a:lnTo>
                    <a:pt x="0" y="2436875"/>
                  </a:lnTo>
                  <a:lnTo>
                    <a:pt x="0" y="0"/>
                  </a:lnTo>
                  <a:lnTo>
                    <a:pt x="2228087" y="0"/>
                  </a:lnTo>
                  <a:lnTo>
                    <a:pt x="2228087" y="2436875"/>
                  </a:lnTo>
                  <a:close/>
                </a:path>
              </a:pathLst>
            </a:custGeom>
            <a:solidFill>
              <a:srgbClr val="DBE6F2"/>
            </a:solidFill>
          </p:spPr>
          <p:txBody>
            <a:bodyPr wrap="square" lIns="0" tIns="0" rIns="0" bIns="0" rtlCol="0"/>
            <a:lstStyle/>
            <a:p>
              <a:endParaRPr sz="1749"/>
            </a:p>
          </p:txBody>
        </p:sp>
        <p:sp>
          <p:nvSpPr>
            <p:cNvPr id="28" name="object 28"/>
            <p:cNvSpPr/>
            <p:nvPr/>
          </p:nvSpPr>
          <p:spPr>
            <a:xfrm>
              <a:off x="8470392" y="5544312"/>
              <a:ext cx="309880" cy="658495"/>
            </a:xfrm>
            <a:custGeom>
              <a:avLst/>
              <a:gdLst/>
              <a:ahLst/>
              <a:cxnLst/>
              <a:rect l="l" t="t" r="r" b="b"/>
              <a:pathLst>
                <a:path w="309879" h="658495">
                  <a:moveTo>
                    <a:pt x="155447" y="658367"/>
                  </a:moveTo>
                  <a:lnTo>
                    <a:pt x="0" y="502919"/>
                  </a:lnTo>
                  <a:lnTo>
                    <a:pt x="0" y="0"/>
                  </a:lnTo>
                  <a:lnTo>
                    <a:pt x="155447" y="153923"/>
                  </a:lnTo>
                  <a:lnTo>
                    <a:pt x="309371" y="0"/>
                  </a:lnTo>
                  <a:lnTo>
                    <a:pt x="309371" y="502919"/>
                  </a:lnTo>
                  <a:lnTo>
                    <a:pt x="155447" y="658367"/>
                  </a:lnTo>
                  <a:close/>
                </a:path>
              </a:pathLst>
            </a:custGeom>
            <a:solidFill>
              <a:srgbClr val="4F80BC"/>
            </a:solidFill>
          </p:spPr>
          <p:txBody>
            <a:bodyPr wrap="square" lIns="0" tIns="0" rIns="0" bIns="0" rtlCol="0"/>
            <a:lstStyle/>
            <a:p>
              <a:endParaRPr sz="1749"/>
            </a:p>
          </p:txBody>
        </p:sp>
        <p:sp>
          <p:nvSpPr>
            <p:cNvPr id="29" name="object 29"/>
            <p:cNvSpPr/>
            <p:nvPr/>
          </p:nvSpPr>
          <p:spPr>
            <a:xfrm>
              <a:off x="8470392" y="5544312"/>
              <a:ext cx="309880" cy="658495"/>
            </a:xfrm>
            <a:custGeom>
              <a:avLst/>
              <a:gdLst/>
              <a:ahLst/>
              <a:cxnLst/>
              <a:rect l="l" t="t" r="r" b="b"/>
              <a:pathLst>
                <a:path w="309879" h="658495">
                  <a:moveTo>
                    <a:pt x="309371" y="0"/>
                  </a:moveTo>
                  <a:lnTo>
                    <a:pt x="309371" y="502919"/>
                  </a:lnTo>
                  <a:lnTo>
                    <a:pt x="155447" y="658367"/>
                  </a:lnTo>
                  <a:lnTo>
                    <a:pt x="0" y="502919"/>
                  </a:lnTo>
                  <a:lnTo>
                    <a:pt x="0" y="0"/>
                  </a:lnTo>
                  <a:lnTo>
                    <a:pt x="155447" y="153923"/>
                  </a:lnTo>
                  <a:lnTo>
                    <a:pt x="309371" y="0"/>
                  </a:lnTo>
                  <a:close/>
                </a:path>
              </a:pathLst>
            </a:custGeom>
            <a:ln w="27432">
              <a:solidFill>
                <a:srgbClr val="1C334D"/>
              </a:solidFill>
            </a:ln>
          </p:spPr>
          <p:txBody>
            <a:bodyPr wrap="square" lIns="0" tIns="0" rIns="0" bIns="0" rtlCol="0"/>
            <a:lstStyle/>
            <a:p>
              <a:endParaRPr sz="1749"/>
            </a:p>
          </p:txBody>
        </p:sp>
      </p:grpSp>
      <p:sp>
        <p:nvSpPr>
          <p:cNvPr id="30" name="object 30"/>
          <p:cNvSpPr txBox="1"/>
          <p:nvPr/>
        </p:nvSpPr>
        <p:spPr>
          <a:xfrm>
            <a:off x="7320928" y="5073088"/>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grpSp>
        <p:nvGrpSpPr>
          <p:cNvPr id="31" name="object 31"/>
          <p:cNvGrpSpPr/>
          <p:nvPr/>
        </p:nvGrpSpPr>
        <p:grpSpPr>
          <a:xfrm>
            <a:off x="7592887" y="5953483"/>
            <a:ext cx="1378116" cy="499553"/>
            <a:chOff x="8879459" y="6733667"/>
            <a:chExt cx="1611630" cy="584200"/>
          </a:xfrm>
        </p:grpSpPr>
        <p:sp>
          <p:nvSpPr>
            <p:cNvPr id="32" name="object 32"/>
            <p:cNvSpPr/>
            <p:nvPr/>
          </p:nvSpPr>
          <p:spPr>
            <a:xfrm>
              <a:off x="8886444" y="6740652"/>
              <a:ext cx="1597660" cy="570230"/>
            </a:xfrm>
            <a:custGeom>
              <a:avLst/>
              <a:gdLst/>
              <a:ahLst/>
              <a:cxnLst/>
              <a:rect l="l" t="t" r="r" b="b"/>
              <a:pathLst>
                <a:path w="1597659" h="570229">
                  <a:moveTo>
                    <a:pt x="1597151" y="569976"/>
                  </a:moveTo>
                  <a:lnTo>
                    <a:pt x="0" y="569976"/>
                  </a:lnTo>
                  <a:lnTo>
                    <a:pt x="0" y="0"/>
                  </a:lnTo>
                  <a:lnTo>
                    <a:pt x="1597151" y="0"/>
                  </a:lnTo>
                  <a:lnTo>
                    <a:pt x="1597151" y="569976"/>
                  </a:lnTo>
                  <a:close/>
                </a:path>
              </a:pathLst>
            </a:custGeom>
            <a:solidFill>
              <a:srgbClr val="FFFFFF"/>
            </a:solidFill>
          </p:spPr>
          <p:txBody>
            <a:bodyPr wrap="square" lIns="0" tIns="0" rIns="0" bIns="0" rtlCol="0"/>
            <a:lstStyle/>
            <a:p>
              <a:endParaRPr sz="1749"/>
            </a:p>
          </p:txBody>
        </p:sp>
        <p:sp>
          <p:nvSpPr>
            <p:cNvPr id="33" name="object 33"/>
            <p:cNvSpPr/>
            <p:nvPr/>
          </p:nvSpPr>
          <p:spPr>
            <a:xfrm>
              <a:off x="8886444" y="6740652"/>
              <a:ext cx="1597660" cy="570230"/>
            </a:xfrm>
            <a:custGeom>
              <a:avLst/>
              <a:gdLst/>
              <a:ahLst/>
              <a:cxnLst/>
              <a:rect l="l" t="t" r="r" b="b"/>
              <a:pathLst>
                <a:path w="1597659" h="570229">
                  <a:moveTo>
                    <a:pt x="0" y="0"/>
                  </a:moveTo>
                  <a:lnTo>
                    <a:pt x="1597151" y="0"/>
                  </a:lnTo>
                  <a:lnTo>
                    <a:pt x="1597151" y="569976"/>
                  </a:lnTo>
                  <a:lnTo>
                    <a:pt x="0" y="569976"/>
                  </a:lnTo>
                  <a:lnTo>
                    <a:pt x="0" y="0"/>
                  </a:lnTo>
                  <a:close/>
                </a:path>
              </a:pathLst>
            </a:custGeom>
            <a:ln w="13716">
              <a:solidFill>
                <a:srgbClr val="1C334D"/>
              </a:solidFill>
            </a:ln>
          </p:spPr>
          <p:txBody>
            <a:bodyPr wrap="square" lIns="0" tIns="0" rIns="0" bIns="0" rtlCol="0"/>
            <a:lstStyle/>
            <a:p>
              <a:endParaRPr sz="1749"/>
            </a:p>
          </p:txBody>
        </p:sp>
      </p:grpSp>
      <p:sp>
        <p:nvSpPr>
          <p:cNvPr id="34" name="object 34"/>
          <p:cNvSpPr txBox="1"/>
          <p:nvPr/>
        </p:nvSpPr>
        <p:spPr>
          <a:xfrm>
            <a:off x="7671352" y="6132136"/>
            <a:ext cx="497924" cy="263099"/>
          </a:xfrm>
          <a:prstGeom prst="rect">
            <a:avLst/>
          </a:prstGeom>
        </p:spPr>
        <p:txBody>
          <a:bodyPr vert="horz" wrap="square" lIns="0" tIns="13032" rIns="0" bIns="0" rtlCol="0">
            <a:spAutoFit/>
          </a:bodyPr>
          <a:lstStyle/>
          <a:p>
            <a:pPr marL="10860">
              <a:spcBef>
                <a:spcPts val="103"/>
              </a:spcBef>
            </a:pPr>
            <a:r>
              <a:rPr sz="812" spc="-9" dirty="0">
                <a:latin typeface="ＭＳ Ｐゴシック"/>
                <a:cs typeface="ＭＳ Ｐゴシック"/>
              </a:rPr>
              <a:t>実証・評価</a:t>
            </a:r>
            <a:endParaRPr sz="812">
              <a:latin typeface="ＭＳ Ｐゴシック"/>
              <a:cs typeface="ＭＳ Ｐゴシック"/>
            </a:endParaRPr>
          </a:p>
        </p:txBody>
      </p:sp>
      <p:grpSp>
        <p:nvGrpSpPr>
          <p:cNvPr id="35" name="object 35"/>
          <p:cNvGrpSpPr/>
          <p:nvPr/>
        </p:nvGrpSpPr>
        <p:grpSpPr>
          <a:xfrm>
            <a:off x="7233750" y="5931871"/>
            <a:ext cx="288872" cy="595120"/>
            <a:chOff x="8459469" y="6708394"/>
            <a:chExt cx="337820" cy="695960"/>
          </a:xfrm>
        </p:grpSpPr>
        <p:sp>
          <p:nvSpPr>
            <p:cNvPr id="36" name="object 36"/>
            <p:cNvSpPr/>
            <p:nvPr/>
          </p:nvSpPr>
          <p:spPr>
            <a:xfrm>
              <a:off x="8473439" y="6722364"/>
              <a:ext cx="309880" cy="668020"/>
            </a:xfrm>
            <a:custGeom>
              <a:avLst/>
              <a:gdLst/>
              <a:ahLst/>
              <a:cxnLst/>
              <a:rect l="l" t="t" r="r" b="b"/>
              <a:pathLst>
                <a:path w="309879" h="668020">
                  <a:moveTo>
                    <a:pt x="153924" y="667512"/>
                  </a:moveTo>
                  <a:lnTo>
                    <a:pt x="0" y="512064"/>
                  </a:lnTo>
                  <a:lnTo>
                    <a:pt x="0" y="0"/>
                  </a:lnTo>
                  <a:lnTo>
                    <a:pt x="153924" y="155448"/>
                  </a:lnTo>
                  <a:lnTo>
                    <a:pt x="309372" y="0"/>
                  </a:lnTo>
                  <a:lnTo>
                    <a:pt x="309372" y="512064"/>
                  </a:lnTo>
                  <a:lnTo>
                    <a:pt x="153924" y="667512"/>
                  </a:lnTo>
                  <a:close/>
                </a:path>
              </a:pathLst>
            </a:custGeom>
            <a:solidFill>
              <a:srgbClr val="4F80BC"/>
            </a:solidFill>
          </p:spPr>
          <p:txBody>
            <a:bodyPr wrap="square" lIns="0" tIns="0" rIns="0" bIns="0" rtlCol="0"/>
            <a:lstStyle/>
            <a:p>
              <a:endParaRPr sz="1749"/>
            </a:p>
          </p:txBody>
        </p:sp>
        <p:sp>
          <p:nvSpPr>
            <p:cNvPr id="37" name="object 37"/>
            <p:cNvSpPr/>
            <p:nvPr/>
          </p:nvSpPr>
          <p:spPr>
            <a:xfrm>
              <a:off x="8473439" y="6722364"/>
              <a:ext cx="309880" cy="668020"/>
            </a:xfrm>
            <a:custGeom>
              <a:avLst/>
              <a:gdLst/>
              <a:ahLst/>
              <a:cxnLst/>
              <a:rect l="l" t="t" r="r" b="b"/>
              <a:pathLst>
                <a:path w="309879" h="668020">
                  <a:moveTo>
                    <a:pt x="309372" y="0"/>
                  </a:moveTo>
                  <a:lnTo>
                    <a:pt x="309372" y="512064"/>
                  </a:lnTo>
                  <a:lnTo>
                    <a:pt x="153924" y="667512"/>
                  </a:lnTo>
                  <a:lnTo>
                    <a:pt x="0" y="512064"/>
                  </a:lnTo>
                  <a:lnTo>
                    <a:pt x="0" y="0"/>
                  </a:lnTo>
                  <a:lnTo>
                    <a:pt x="153924" y="155448"/>
                  </a:lnTo>
                  <a:lnTo>
                    <a:pt x="309372" y="0"/>
                  </a:lnTo>
                  <a:close/>
                </a:path>
              </a:pathLst>
            </a:custGeom>
            <a:ln w="27432">
              <a:solidFill>
                <a:srgbClr val="1C334D"/>
              </a:solidFill>
            </a:ln>
          </p:spPr>
          <p:txBody>
            <a:bodyPr wrap="square" lIns="0" tIns="0" rIns="0" bIns="0" rtlCol="0"/>
            <a:lstStyle/>
            <a:p>
              <a:endParaRPr sz="1749"/>
            </a:p>
          </p:txBody>
        </p:sp>
      </p:grpSp>
      <p:sp>
        <p:nvSpPr>
          <p:cNvPr id="38" name="object 38"/>
          <p:cNvSpPr txBox="1"/>
          <p:nvPr/>
        </p:nvSpPr>
        <p:spPr>
          <a:xfrm>
            <a:off x="7330091" y="6110341"/>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８</a:t>
            </a:r>
            <a:endParaRPr sz="898">
              <a:latin typeface="ＭＳ Ｐゴシック"/>
              <a:cs typeface="ＭＳ Ｐゴシック"/>
            </a:endParaRPr>
          </a:p>
        </p:txBody>
      </p:sp>
      <p:graphicFrame>
        <p:nvGraphicFramePr>
          <p:cNvPr id="39" name="object 39"/>
          <p:cNvGraphicFramePr>
            <a:graphicFrameLocks noGrp="1"/>
          </p:cNvGraphicFramePr>
          <p:nvPr/>
        </p:nvGraphicFramePr>
        <p:xfrm>
          <a:off x="7592995" y="4495329"/>
          <a:ext cx="1365627" cy="1394405"/>
        </p:xfrm>
        <a:graphic>
          <a:graphicData uri="http://schemas.openxmlformats.org/drawingml/2006/table">
            <a:tbl>
              <a:tblPr firstRow="1" bandRow="1">
                <a:tableStyleId>{2D5ABB26-0587-4C30-8999-92F81FD0307C}</a:tableStyleId>
              </a:tblPr>
              <a:tblGrid>
                <a:gridCol w="1365627">
                  <a:extLst>
                    <a:ext uri="{9D8B030D-6E8A-4147-A177-3AD203B41FA5}">
                      <a16:colId xmlns:a16="http://schemas.microsoft.com/office/drawing/2014/main" val="20000"/>
                    </a:ext>
                  </a:extLst>
                </a:gridCol>
              </a:tblGrid>
              <a:tr h="426249">
                <a:tc>
                  <a:txBody>
                    <a:bodyPr/>
                    <a:lstStyle/>
                    <a:p>
                      <a:pPr>
                        <a:lnSpc>
                          <a:spcPct val="100000"/>
                        </a:lnSpc>
                        <a:spcBef>
                          <a:spcPts val="245"/>
                        </a:spcBef>
                      </a:pPr>
                      <a:endParaRPr sz="800">
                        <a:latin typeface="Times New Roman"/>
                        <a:cs typeface="Times New Roman"/>
                      </a:endParaRPr>
                    </a:p>
                    <a:p>
                      <a:pPr marL="97155">
                        <a:lnSpc>
                          <a:spcPct val="100000"/>
                        </a:lnSpc>
                        <a:spcBef>
                          <a:spcPts val="5"/>
                        </a:spcBef>
                      </a:pPr>
                      <a:r>
                        <a:rPr sz="800" spc="-10" dirty="0">
                          <a:latin typeface="ＭＳ Ｐゴシック"/>
                          <a:cs typeface="ＭＳ Ｐゴシック"/>
                        </a:rPr>
                        <a:t>課題の整理</a:t>
                      </a:r>
                      <a:endParaRPr sz="800">
                        <a:latin typeface="ＭＳ Ｐゴシック"/>
                        <a:cs typeface="ＭＳ Ｐゴシック"/>
                      </a:endParaRPr>
                    </a:p>
                  </a:txBody>
                  <a:tcPr marL="0" marR="0" marT="26607"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0"/>
                  </a:ext>
                </a:extLst>
              </a:tr>
              <a:tr h="525617">
                <a:tc>
                  <a:txBody>
                    <a:bodyPr/>
                    <a:lstStyle/>
                    <a:p>
                      <a:pPr>
                        <a:lnSpc>
                          <a:spcPct val="100000"/>
                        </a:lnSpc>
                        <a:spcBef>
                          <a:spcPts val="204"/>
                        </a:spcBef>
                      </a:pPr>
                      <a:endParaRPr sz="800">
                        <a:latin typeface="Times New Roman"/>
                        <a:cs typeface="Times New Roman"/>
                      </a:endParaRPr>
                    </a:p>
                    <a:p>
                      <a:pPr marL="97155" marR="207645">
                        <a:lnSpc>
                          <a:spcPct val="102200"/>
                        </a:lnSpc>
                      </a:pPr>
                      <a:r>
                        <a:rPr sz="800" spc="-5" dirty="0">
                          <a:latin typeface="ＭＳ Ｐゴシック"/>
                          <a:cs typeface="ＭＳ Ｐゴシック"/>
                        </a:rPr>
                        <a:t>新技術・効率的な管理手</a:t>
                      </a:r>
                      <a:r>
                        <a:rPr sz="800" spc="-15" dirty="0">
                          <a:latin typeface="ＭＳ Ｐゴシック"/>
                          <a:cs typeface="ＭＳ Ｐゴシック"/>
                        </a:rPr>
                        <a:t>法の検討</a:t>
                      </a:r>
                      <a:endParaRPr sz="800">
                        <a:latin typeface="ＭＳ Ｐゴシック"/>
                        <a:cs typeface="ＭＳ Ｐゴシック"/>
                      </a:endParaRPr>
                    </a:p>
                  </a:txBody>
                  <a:tcPr marL="0" marR="0" marT="22262"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1"/>
                  </a:ext>
                </a:extLst>
              </a:tr>
              <a:tr h="442539">
                <a:tc>
                  <a:txBody>
                    <a:bodyPr/>
                    <a:lstStyle/>
                    <a:p>
                      <a:pPr marL="97155" marR="207645">
                        <a:lnSpc>
                          <a:spcPct val="101899"/>
                        </a:lnSpc>
                        <a:spcBef>
                          <a:spcPts val="985"/>
                        </a:spcBef>
                      </a:pPr>
                      <a:r>
                        <a:rPr sz="800" spc="-5" dirty="0">
                          <a:latin typeface="ＭＳ Ｐゴシック"/>
                          <a:cs typeface="ＭＳ Ｐゴシック"/>
                        </a:rPr>
                        <a:t>新技術・効率的な管理手</a:t>
                      </a:r>
                      <a:r>
                        <a:rPr sz="800" spc="-10" dirty="0">
                          <a:latin typeface="ＭＳ Ｐゴシック"/>
                          <a:cs typeface="ＭＳ Ｐゴシック"/>
                        </a:rPr>
                        <a:t>法の協議調整</a:t>
                      </a:r>
                      <a:endParaRPr sz="800">
                        <a:latin typeface="ＭＳ Ｐゴシック"/>
                        <a:cs typeface="ＭＳ Ｐゴシック"/>
                      </a:endParaRPr>
                    </a:p>
                  </a:txBody>
                  <a:tcPr marL="0" marR="0" marT="106970"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2"/>
                  </a:ext>
                </a:extLst>
              </a:tr>
            </a:tbl>
          </a:graphicData>
        </a:graphic>
      </p:graphicFrame>
      <p:grpSp>
        <p:nvGrpSpPr>
          <p:cNvPr id="40" name="object 40"/>
          <p:cNvGrpSpPr/>
          <p:nvPr/>
        </p:nvGrpSpPr>
        <p:grpSpPr>
          <a:xfrm>
            <a:off x="5142143" y="4459275"/>
            <a:ext cx="1748980" cy="588604"/>
            <a:chOff x="6013450" y="4986274"/>
            <a:chExt cx="2045335" cy="688340"/>
          </a:xfrm>
        </p:grpSpPr>
        <p:sp>
          <p:nvSpPr>
            <p:cNvPr id="41" name="object 41"/>
            <p:cNvSpPr/>
            <p:nvPr/>
          </p:nvSpPr>
          <p:spPr>
            <a:xfrm>
              <a:off x="6027420" y="5000244"/>
              <a:ext cx="314325" cy="660400"/>
            </a:xfrm>
            <a:custGeom>
              <a:avLst/>
              <a:gdLst/>
              <a:ahLst/>
              <a:cxnLst/>
              <a:rect l="l" t="t" r="r" b="b"/>
              <a:pathLst>
                <a:path w="314325" h="660400">
                  <a:moveTo>
                    <a:pt x="156972" y="659891"/>
                  </a:moveTo>
                  <a:lnTo>
                    <a:pt x="0" y="502919"/>
                  </a:lnTo>
                  <a:lnTo>
                    <a:pt x="0" y="0"/>
                  </a:lnTo>
                  <a:lnTo>
                    <a:pt x="313944" y="0"/>
                  </a:lnTo>
                  <a:lnTo>
                    <a:pt x="313944" y="502919"/>
                  </a:lnTo>
                  <a:lnTo>
                    <a:pt x="156972" y="659891"/>
                  </a:lnTo>
                  <a:close/>
                </a:path>
              </a:pathLst>
            </a:custGeom>
            <a:solidFill>
              <a:srgbClr val="4F80BC"/>
            </a:solidFill>
          </p:spPr>
          <p:txBody>
            <a:bodyPr wrap="square" lIns="0" tIns="0" rIns="0" bIns="0" rtlCol="0"/>
            <a:lstStyle/>
            <a:p>
              <a:endParaRPr sz="1749"/>
            </a:p>
          </p:txBody>
        </p:sp>
        <p:sp>
          <p:nvSpPr>
            <p:cNvPr id="42" name="object 42"/>
            <p:cNvSpPr/>
            <p:nvPr/>
          </p:nvSpPr>
          <p:spPr>
            <a:xfrm>
              <a:off x="6027420" y="5000244"/>
              <a:ext cx="314325" cy="660400"/>
            </a:xfrm>
            <a:custGeom>
              <a:avLst/>
              <a:gdLst/>
              <a:ahLst/>
              <a:cxnLst/>
              <a:rect l="l" t="t" r="r" b="b"/>
              <a:pathLst>
                <a:path w="314325" h="660400">
                  <a:moveTo>
                    <a:pt x="313944" y="0"/>
                  </a:moveTo>
                  <a:lnTo>
                    <a:pt x="313944" y="502919"/>
                  </a:lnTo>
                  <a:lnTo>
                    <a:pt x="156972" y="659891"/>
                  </a:lnTo>
                  <a:lnTo>
                    <a:pt x="0" y="502919"/>
                  </a:lnTo>
                  <a:lnTo>
                    <a:pt x="0" y="0"/>
                  </a:lnTo>
                  <a:lnTo>
                    <a:pt x="313944" y="0"/>
                  </a:lnTo>
                  <a:close/>
                </a:path>
              </a:pathLst>
            </a:custGeom>
            <a:ln w="27432">
              <a:solidFill>
                <a:srgbClr val="1C334D"/>
              </a:solidFill>
            </a:ln>
          </p:spPr>
          <p:txBody>
            <a:bodyPr wrap="square" lIns="0" tIns="0" rIns="0" bIns="0" rtlCol="0"/>
            <a:lstStyle/>
            <a:p>
              <a:endParaRPr sz="1749"/>
            </a:p>
          </p:txBody>
        </p:sp>
        <p:sp>
          <p:nvSpPr>
            <p:cNvPr id="43" name="object 43"/>
            <p:cNvSpPr/>
            <p:nvPr/>
          </p:nvSpPr>
          <p:spPr>
            <a:xfrm>
              <a:off x="6454139" y="5000244"/>
              <a:ext cx="1597660" cy="475615"/>
            </a:xfrm>
            <a:custGeom>
              <a:avLst/>
              <a:gdLst/>
              <a:ahLst/>
              <a:cxnLst/>
              <a:rect l="l" t="t" r="r" b="b"/>
              <a:pathLst>
                <a:path w="1597659" h="475614">
                  <a:moveTo>
                    <a:pt x="1597152" y="475487"/>
                  </a:moveTo>
                  <a:lnTo>
                    <a:pt x="0" y="475487"/>
                  </a:lnTo>
                  <a:lnTo>
                    <a:pt x="0" y="0"/>
                  </a:lnTo>
                  <a:lnTo>
                    <a:pt x="1597152" y="0"/>
                  </a:lnTo>
                  <a:lnTo>
                    <a:pt x="1597152" y="475487"/>
                  </a:lnTo>
                  <a:close/>
                </a:path>
              </a:pathLst>
            </a:custGeom>
            <a:solidFill>
              <a:srgbClr val="FFFFFF"/>
            </a:solidFill>
          </p:spPr>
          <p:txBody>
            <a:bodyPr wrap="square" lIns="0" tIns="0" rIns="0" bIns="0" rtlCol="0"/>
            <a:lstStyle/>
            <a:p>
              <a:endParaRPr sz="1749"/>
            </a:p>
          </p:txBody>
        </p:sp>
        <p:sp>
          <p:nvSpPr>
            <p:cNvPr id="44" name="object 44"/>
            <p:cNvSpPr/>
            <p:nvPr/>
          </p:nvSpPr>
          <p:spPr>
            <a:xfrm>
              <a:off x="6454139" y="5000244"/>
              <a:ext cx="1597660" cy="475615"/>
            </a:xfrm>
            <a:custGeom>
              <a:avLst/>
              <a:gdLst/>
              <a:ahLst/>
              <a:cxnLst/>
              <a:rect l="l" t="t" r="r" b="b"/>
              <a:pathLst>
                <a:path w="1597659" h="475614">
                  <a:moveTo>
                    <a:pt x="0" y="0"/>
                  </a:moveTo>
                  <a:lnTo>
                    <a:pt x="1597152" y="0"/>
                  </a:lnTo>
                  <a:lnTo>
                    <a:pt x="1597152" y="475487"/>
                  </a:lnTo>
                  <a:lnTo>
                    <a:pt x="0" y="475487"/>
                  </a:lnTo>
                  <a:lnTo>
                    <a:pt x="0" y="0"/>
                  </a:lnTo>
                  <a:close/>
                </a:path>
              </a:pathLst>
            </a:custGeom>
            <a:ln w="13716">
              <a:solidFill>
                <a:srgbClr val="1C334D"/>
              </a:solidFill>
            </a:ln>
          </p:spPr>
          <p:txBody>
            <a:bodyPr wrap="square" lIns="0" tIns="0" rIns="0" bIns="0" rtlCol="0"/>
            <a:lstStyle/>
            <a:p>
              <a:endParaRPr sz="1749"/>
            </a:p>
          </p:txBody>
        </p:sp>
      </p:grpSp>
      <p:sp>
        <p:nvSpPr>
          <p:cNvPr id="45" name="object 45"/>
          <p:cNvSpPr txBox="1"/>
          <p:nvPr/>
        </p:nvSpPr>
        <p:spPr>
          <a:xfrm>
            <a:off x="5591534" y="4603611"/>
            <a:ext cx="549509" cy="138130"/>
          </a:xfrm>
          <a:prstGeom prst="rect">
            <a:avLst/>
          </a:prstGeom>
        </p:spPr>
        <p:txBody>
          <a:bodyPr vert="horz" wrap="square" lIns="0" tIns="13032" rIns="0" bIns="0" rtlCol="0">
            <a:spAutoFit/>
          </a:bodyPr>
          <a:lstStyle/>
          <a:p>
            <a:pPr marL="10860">
              <a:spcBef>
                <a:spcPts val="103"/>
              </a:spcBef>
            </a:pPr>
            <a:r>
              <a:rPr sz="812" spc="-9" dirty="0">
                <a:latin typeface="ＭＳ Ｐゴシック"/>
                <a:cs typeface="ＭＳ Ｐゴシック"/>
              </a:rPr>
              <a:t>課題の整理</a:t>
            </a:r>
            <a:endParaRPr sz="812">
              <a:latin typeface="ＭＳ Ｐゴシック"/>
              <a:cs typeface="ＭＳ Ｐゴシック"/>
            </a:endParaRPr>
          </a:p>
        </p:txBody>
      </p:sp>
      <p:sp>
        <p:nvSpPr>
          <p:cNvPr id="46" name="object 46"/>
          <p:cNvSpPr txBox="1"/>
          <p:nvPr/>
        </p:nvSpPr>
        <p:spPr>
          <a:xfrm>
            <a:off x="5225618" y="4543923"/>
            <a:ext cx="255207" cy="152435"/>
          </a:xfrm>
          <a:prstGeom prst="rect">
            <a:avLst/>
          </a:prstGeom>
        </p:spPr>
        <p:txBody>
          <a:bodyPr vert="horz" wrap="square" lIns="0" tIns="14118" rIns="0" bIns="0" rtlCol="0">
            <a:spAutoFit/>
          </a:bodyPr>
          <a:lstStyle/>
          <a:p>
            <a:pPr marL="32579">
              <a:spcBef>
                <a:spcPts val="111"/>
              </a:spcBef>
            </a:pPr>
            <a:r>
              <a:rPr sz="898" dirty="0">
                <a:solidFill>
                  <a:srgbClr val="FFFFFF"/>
                </a:solidFill>
                <a:latin typeface="ＭＳ Ｐゴシック"/>
                <a:cs typeface="ＭＳ Ｐゴシック"/>
              </a:rPr>
              <a:t>R</a:t>
            </a:r>
            <a:r>
              <a:rPr sz="898" spc="13" dirty="0">
                <a:solidFill>
                  <a:srgbClr val="FFFFFF"/>
                </a:solidFill>
                <a:latin typeface="ＭＳ Ｐゴシック"/>
                <a:cs typeface="ＭＳ Ｐゴシック"/>
              </a:rPr>
              <a:t> </a:t>
            </a:r>
            <a:r>
              <a:rPr sz="1347" spc="-64" baseline="-29100" dirty="0">
                <a:latin typeface="ＭＳ Ｐゴシック"/>
                <a:cs typeface="ＭＳ Ｐゴシック"/>
              </a:rPr>
              <a:t>６</a:t>
            </a:r>
            <a:endParaRPr sz="1347" baseline="-29100">
              <a:latin typeface="ＭＳ Ｐゴシック"/>
              <a:cs typeface="ＭＳ Ｐゴシック"/>
            </a:endParaRPr>
          </a:p>
        </p:txBody>
      </p:sp>
      <p:sp>
        <p:nvSpPr>
          <p:cNvPr id="47" name="object 47"/>
          <p:cNvSpPr txBox="1"/>
          <p:nvPr/>
        </p:nvSpPr>
        <p:spPr>
          <a:xfrm>
            <a:off x="5243672" y="4684575"/>
            <a:ext cx="102083" cy="152435"/>
          </a:xfrm>
          <a:prstGeom prst="rect">
            <a:avLst/>
          </a:prstGeom>
        </p:spPr>
        <p:txBody>
          <a:bodyPr vert="horz" wrap="square" lIns="0" tIns="14118" rIns="0" bIns="0" rtlCol="0">
            <a:spAutoFit/>
          </a:bodyPr>
          <a:lstStyle/>
          <a:p>
            <a:pPr marL="10860">
              <a:spcBef>
                <a:spcPts val="111"/>
              </a:spcBef>
            </a:pPr>
            <a:r>
              <a:rPr sz="898" spc="-43" dirty="0">
                <a:solidFill>
                  <a:srgbClr val="FFFFFF"/>
                </a:solidFill>
                <a:latin typeface="ＭＳ Ｐゴシック"/>
                <a:cs typeface="ＭＳ Ｐゴシック"/>
              </a:rPr>
              <a:t>５</a:t>
            </a:r>
            <a:endParaRPr sz="898">
              <a:latin typeface="ＭＳ Ｐゴシック"/>
              <a:cs typeface="ＭＳ Ｐゴシック"/>
            </a:endParaRPr>
          </a:p>
        </p:txBody>
      </p:sp>
      <p:grpSp>
        <p:nvGrpSpPr>
          <p:cNvPr id="48" name="object 48"/>
          <p:cNvGrpSpPr/>
          <p:nvPr/>
        </p:nvGrpSpPr>
        <p:grpSpPr>
          <a:xfrm>
            <a:off x="7228538" y="4480126"/>
            <a:ext cx="291044" cy="523445"/>
            <a:chOff x="8453373" y="5010658"/>
            <a:chExt cx="340360" cy="612140"/>
          </a:xfrm>
        </p:grpSpPr>
        <p:sp>
          <p:nvSpPr>
            <p:cNvPr id="49" name="object 49"/>
            <p:cNvSpPr/>
            <p:nvPr/>
          </p:nvSpPr>
          <p:spPr>
            <a:xfrm>
              <a:off x="8467343" y="5024628"/>
              <a:ext cx="312420" cy="584200"/>
            </a:xfrm>
            <a:custGeom>
              <a:avLst/>
              <a:gdLst/>
              <a:ahLst/>
              <a:cxnLst/>
              <a:rect l="l" t="t" r="r" b="b"/>
              <a:pathLst>
                <a:path w="312420" h="584200">
                  <a:moveTo>
                    <a:pt x="155448" y="583691"/>
                  </a:moveTo>
                  <a:lnTo>
                    <a:pt x="0" y="428243"/>
                  </a:lnTo>
                  <a:lnTo>
                    <a:pt x="0" y="0"/>
                  </a:lnTo>
                  <a:lnTo>
                    <a:pt x="312419" y="0"/>
                  </a:lnTo>
                  <a:lnTo>
                    <a:pt x="312419" y="428243"/>
                  </a:lnTo>
                  <a:lnTo>
                    <a:pt x="155448" y="583691"/>
                  </a:lnTo>
                  <a:close/>
                </a:path>
              </a:pathLst>
            </a:custGeom>
            <a:solidFill>
              <a:srgbClr val="4F80BC"/>
            </a:solidFill>
          </p:spPr>
          <p:txBody>
            <a:bodyPr wrap="square" lIns="0" tIns="0" rIns="0" bIns="0" rtlCol="0"/>
            <a:lstStyle/>
            <a:p>
              <a:endParaRPr sz="1749"/>
            </a:p>
          </p:txBody>
        </p:sp>
        <p:sp>
          <p:nvSpPr>
            <p:cNvPr id="50" name="object 50"/>
            <p:cNvSpPr/>
            <p:nvPr/>
          </p:nvSpPr>
          <p:spPr>
            <a:xfrm>
              <a:off x="8467343" y="5024628"/>
              <a:ext cx="312420" cy="584200"/>
            </a:xfrm>
            <a:custGeom>
              <a:avLst/>
              <a:gdLst/>
              <a:ahLst/>
              <a:cxnLst/>
              <a:rect l="l" t="t" r="r" b="b"/>
              <a:pathLst>
                <a:path w="312420" h="584200">
                  <a:moveTo>
                    <a:pt x="312419" y="0"/>
                  </a:moveTo>
                  <a:lnTo>
                    <a:pt x="312419" y="428243"/>
                  </a:lnTo>
                  <a:lnTo>
                    <a:pt x="155448" y="583691"/>
                  </a:lnTo>
                  <a:lnTo>
                    <a:pt x="0" y="428243"/>
                  </a:lnTo>
                  <a:lnTo>
                    <a:pt x="0" y="0"/>
                  </a:lnTo>
                  <a:lnTo>
                    <a:pt x="312419" y="0"/>
                  </a:lnTo>
                  <a:close/>
                </a:path>
              </a:pathLst>
            </a:custGeom>
            <a:ln w="27432">
              <a:solidFill>
                <a:srgbClr val="1C334D"/>
              </a:solidFill>
            </a:ln>
          </p:spPr>
          <p:txBody>
            <a:bodyPr wrap="square" lIns="0" tIns="0" rIns="0" bIns="0" rtlCol="0"/>
            <a:lstStyle/>
            <a:p>
              <a:endParaRPr sz="1749"/>
            </a:p>
          </p:txBody>
        </p:sp>
      </p:grpSp>
      <p:sp>
        <p:nvSpPr>
          <p:cNvPr id="51" name="object 51"/>
          <p:cNvSpPr txBox="1"/>
          <p:nvPr/>
        </p:nvSpPr>
        <p:spPr>
          <a:xfrm>
            <a:off x="7320928" y="4599818"/>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p:txBody>
      </p:sp>
      <p:sp>
        <p:nvSpPr>
          <p:cNvPr id="52" name="object 52"/>
          <p:cNvSpPr txBox="1"/>
          <p:nvPr/>
        </p:nvSpPr>
        <p:spPr>
          <a:xfrm>
            <a:off x="2999598" y="6379949"/>
            <a:ext cx="1658843" cy="250019"/>
          </a:xfrm>
          <a:prstGeom prst="rect">
            <a:avLst/>
          </a:prstGeom>
        </p:spPr>
        <p:txBody>
          <a:bodyPr vert="horz" wrap="square" lIns="0" tIns="13032" rIns="0" bIns="0" rtlCol="0">
            <a:spAutoFit/>
          </a:bodyPr>
          <a:lstStyle/>
          <a:p>
            <a:pPr marL="10860">
              <a:spcBef>
                <a:spcPts val="103"/>
              </a:spcBef>
            </a:pPr>
            <a:r>
              <a:rPr sz="812" dirty="0">
                <a:latin typeface="ＭＳ Ｐゴシック"/>
                <a:cs typeface="ＭＳ Ｐゴシック"/>
              </a:rPr>
              <a:t>出典）</a:t>
            </a:r>
            <a:r>
              <a:rPr sz="727" dirty="0">
                <a:latin typeface="ＭＳ Ｐゴシック"/>
                <a:cs typeface="ＭＳ Ｐゴシック"/>
              </a:rPr>
              <a:t>NETIS（ 新技術情報提供システム</a:t>
            </a:r>
            <a:r>
              <a:rPr sz="727" spc="-43" dirty="0">
                <a:latin typeface="ＭＳ Ｐゴシック"/>
                <a:cs typeface="ＭＳ Ｐゴシック"/>
              </a:rPr>
              <a:t>）</a:t>
            </a:r>
            <a:endParaRPr sz="727">
              <a:latin typeface="ＭＳ Ｐゴシック"/>
              <a:cs typeface="ＭＳ Ｐゴシック"/>
            </a:endParaRPr>
          </a:p>
        </p:txBody>
      </p:sp>
      <p:sp>
        <p:nvSpPr>
          <p:cNvPr id="53" name="object 53"/>
          <p:cNvSpPr txBox="1"/>
          <p:nvPr/>
        </p:nvSpPr>
        <p:spPr>
          <a:xfrm>
            <a:off x="526000" y="4878637"/>
            <a:ext cx="866617" cy="138130"/>
          </a:xfrm>
          <a:prstGeom prst="rect">
            <a:avLst/>
          </a:prstGeom>
        </p:spPr>
        <p:txBody>
          <a:bodyPr vert="horz" wrap="square" lIns="0" tIns="13032" rIns="0" bIns="0" rtlCol="0">
            <a:spAutoFit/>
          </a:bodyPr>
          <a:lstStyle/>
          <a:p>
            <a:pPr marL="10860">
              <a:spcBef>
                <a:spcPts val="103"/>
              </a:spcBef>
            </a:pPr>
            <a:r>
              <a:rPr sz="812" spc="-9" dirty="0">
                <a:latin typeface="ＭＳ Ｐゴシック"/>
                <a:cs typeface="ＭＳ Ｐゴシック"/>
              </a:rPr>
              <a:t>除草の新技術の例</a:t>
            </a:r>
            <a:endParaRPr sz="812">
              <a:latin typeface="ＭＳ Ｐゴシック"/>
              <a:cs typeface="ＭＳ Ｐゴシック"/>
            </a:endParaRPr>
          </a:p>
        </p:txBody>
      </p:sp>
      <p:sp>
        <p:nvSpPr>
          <p:cNvPr id="54" name="object 54"/>
          <p:cNvSpPr txBox="1"/>
          <p:nvPr/>
        </p:nvSpPr>
        <p:spPr>
          <a:xfrm>
            <a:off x="1868473" y="850402"/>
            <a:ext cx="1089244" cy="406914"/>
          </a:xfrm>
          <a:prstGeom prst="rect">
            <a:avLst/>
          </a:prstGeom>
        </p:spPr>
        <p:txBody>
          <a:bodyPr vert="horz" wrap="square" lIns="0" tIns="11946" rIns="0" bIns="0" rtlCol="0">
            <a:spAutoFit/>
          </a:bodyPr>
          <a:lstStyle/>
          <a:p>
            <a:pPr marL="10860">
              <a:spcBef>
                <a:spcPts val="94"/>
              </a:spcBef>
            </a:pPr>
            <a:r>
              <a:rPr sz="1283" spc="-9" dirty="0">
                <a:latin typeface="ＭＳ Ｐゴシック"/>
                <a:cs typeface="ＭＳ Ｐゴシック"/>
              </a:rPr>
              <a:t>支援対象：公園</a:t>
            </a:r>
            <a:endParaRPr sz="1283">
              <a:latin typeface="ＭＳ Ｐゴシック"/>
              <a:cs typeface="ＭＳ Ｐゴシック"/>
            </a:endParaRPr>
          </a:p>
        </p:txBody>
      </p:sp>
      <p:sp>
        <p:nvSpPr>
          <p:cNvPr id="55" name="object 55"/>
          <p:cNvSpPr txBox="1"/>
          <p:nvPr/>
        </p:nvSpPr>
        <p:spPr>
          <a:xfrm>
            <a:off x="250211" y="821006"/>
            <a:ext cx="1484542" cy="238000"/>
          </a:xfrm>
          <a:prstGeom prst="rect">
            <a:avLst/>
          </a:prstGeom>
          <a:ln w="13715">
            <a:solidFill>
              <a:srgbClr val="000000"/>
            </a:solidFill>
          </a:ln>
        </p:spPr>
        <p:txBody>
          <a:bodyPr vert="horz" wrap="square" lIns="0" tIns="40181" rIns="0" bIns="0" rtlCol="0">
            <a:spAutoFit/>
          </a:bodyPr>
          <a:lstStyle/>
          <a:p>
            <a:pPr marL="175384">
              <a:spcBef>
                <a:spcPts val="316"/>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56" name="object 56"/>
          <p:cNvSpPr txBox="1"/>
          <p:nvPr/>
        </p:nvSpPr>
        <p:spPr>
          <a:xfrm>
            <a:off x="5126721" y="2202380"/>
            <a:ext cx="1974322" cy="238000"/>
          </a:xfrm>
          <a:prstGeom prst="rect">
            <a:avLst/>
          </a:prstGeom>
          <a:solidFill>
            <a:srgbClr val="B6DDE8"/>
          </a:solidFill>
          <a:ln w="10667">
            <a:solidFill>
              <a:srgbClr val="00AFEF"/>
            </a:solidFill>
          </a:ln>
        </p:spPr>
        <p:txBody>
          <a:bodyPr vert="horz" wrap="square" lIns="0" tIns="40181" rIns="0" bIns="0" rtlCol="0">
            <a:spAutoFit/>
          </a:bodyPr>
          <a:lstStyle/>
          <a:p>
            <a:pPr marL="132489">
              <a:spcBef>
                <a:spcPts val="316"/>
              </a:spcBef>
            </a:pPr>
            <a:r>
              <a:rPr sz="1283" spc="-9" dirty="0">
                <a:latin typeface="ＭＳ Ｐゴシック"/>
                <a:cs typeface="ＭＳ Ｐゴシック"/>
              </a:rPr>
              <a:t>具体な検討スケジュール</a:t>
            </a:r>
            <a:endParaRPr sz="1283">
              <a:latin typeface="ＭＳ Ｐゴシック"/>
              <a:cs typeface="ＭＳ Ｐゴシック"/>
            </a:endParaRPr>
          </a:p>
        </p:txBody>
      </p:sp>
      <p:sp>
        <p:nvSpPr>
          <p:cNvPr id="57" name="object 57"/>
          <p:cNvSpPr txBox="1"/>
          <p:nvPr/>
        </p:nvSpPr>
        <p:spPr>
          <a:xfrm>
            <a:off x="8939563" y="6291578"/>
            <a:ext cx="115657" cy="237487"/>
          </a:xfrm>
          <a:prstGeom prst="rect">
            <a:avLst/>
          </a:prstGeom>
        </p:spPr>
        <p:txBody>
          <a:bodyPr vert="horz" wrap="square" lIns="0" tIns="13575" rIns="0" bIns="0" rtlCol="0">
            <a:spAutoFit/>
          </a:bodyPr>
          <a:lstStyle/>
          <a:p>
            <a:pPr marL="10860">
              <a:spcBef>
                <a:spcPts val="107"/>
              </a:spcBef>
            </a:pPr>
            <a:r>
              <a:rPr sz="1454" spc="-43" dirty="0">
                <a:latin typeface="ＭＳ Ｐゴシック"/>
                <a:cs typeface="ＭＳ Ｐゴシック"/>
              </a:rPr>
              <a:t>5</a:t>
            </a:r>
            <a:endParaRPr sz="1454">
              <a:latin typeface="ＭＳ Ｐゴシック"/>
              <a:cs typeface="ＭＳ Ｐゴシック"/>
            </a:endParaRPr>
          </a:p>
        </p:txBody>
      </p:sp>
      <p:graphicFrame>
        <p:nvGraphicFramePr>
          <p:cNvPr id="58" name="object 58"/>
          <p:cNvGraphicFramePr>
            <a:graphicFrameLocks noGrp="1"/>
          </p:cNvGraphicFramePr>
          <p:nvPr/>
        </p:nvGraphicFramePr>
        <p:xfrm>
          <a:off x="213070" y="5111735"/>
          <a:ext cx="4558968" cy="1237455"/>
        </p:xfrm>
        <a:graphic>
          <a:graphicData uri="http://schemas.openxmlformats.org/drawingml/2006/table">
            <a:tbl>
              <a:tblPr firstRow="1" bandRow="1">
                <a:tableStyleId>{2D5ABB26-0587-4C30-8999-92F81FD0307C}</a:tableStyleId>
              </a:tblPr>
              <a:tblGrid>
                <a:gridCol w="345343">
                  <a:extLst>
                    <a:ext uri="{9D8B030D-6E8A-4147-A177-3AD203B41FA5}">
                      <a16:colId xmlns:a16="http://schemas.microsoft.com/office/drawing/2014/main" val="20000"/>
                    </a:ext>
                  </a:extLst>
                </a:gridCol>
                <a:gridCol w="950238">
                  <a:extLst>
                    <a:ext uri="{9D8B030D-6E8A-4147-A177-3AD203B41FA5}">
                      <a16:colId xmlns:a16="http://schemas.microsoft.com/office/drawing/2014/main" val="20001"/>
                    </a:ext>
                  </a:extLst>
                </a:gridCol>
                <a:gridCol w="697203">
                  <a:extLst>
                    <a:ext uri="{9D8B030D-6E8A-4147-A177-3AD203B41FA5}">
                      <a16:colId xmlns:a16="http://schemas.microsoft.com/office/drawing/2014/main" val="20002"/>
                    </a:ext>
                  </a:extLst>
                </a:gridCol>
                <a:gridCol w="1837488">
                  <a:extLst>
                    <a:ext uri="{9D8B030D-6E8A-4147-A177-3AD203B41FA5}">
                      <a16:colId xmlns:a16="http://schemas.microsoft.com/office/drawing/2014/main" val="20003"/>
                    </a:ext>
                  </a:extLst>
                </a:gridCol>
                <a:gridCol w="728696">
                  <a:extLst>
                    <a:ext uri="{9D8B030D-6E8A-4147-A177-3AD203B41FA5}">
                      <a16:colId xmlns:a16="http://schemas.microsoft.com/office/drawing/2014/main" val="20004"/>
                    </a:ext>
                  </a:extLst>
                </a:gridCol>
              </a:tblGrid>
              <a:tr h="139006">
                <a:tc>
                  <a:txBody>
                    <a:bodyPr/>
                    <a:lstStyle/>
                    <a:p>
                      <a:pPr algn="ctr">
                        <a:lnSpc>
                          <a:spcPts val="855"/>
                        </a:lnSpc>
                        <a:spcBef>
                          <a:spcPts val="330"/>
                        </a:spcBef>
                      </a:pPr>
                      <a:r>
                        <a:rPr sz="600" b="1" spc="-25" dirty="0">
                          <a:solidFill>
                            <a:srgbClr val="FFFFFF"/>
                          </a:solidFill>
                          <a:latin typeface="Microsoft JhengHei"/>
                          <a:cs typeface="Microsoft JhengHei"/>
                        </a:rPr>
                        <a:t>区分</a:t>
                      </a:r>
                      <a:endParaRPr sz="600">
                        <a:latin typeface="Microsoft JhengHei"/>
                        <a:cs typeface="Microsoft JhengHei"/>
                      </a:endParaRPr>
                    </a:p>
                  </a:txBody>
                  <a:tcPr marL="0" marR="0" marT="35838"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4F80BC"/>
                    </a:solidFill>
                  </a:tcPr>
                </a:tc>
                <a:tc>
                  <a:txBody>
                    <a:bodyPr/>
                    <a:lstStyle/>
                    <a:p>
                      <a:pPr algn="ctr">
                        <a:lnSpc>
                          <a:spcPts val="855"/>
                        </a:lnSpc>
                        <a:spcBef>
                          <a:spcPts val="330"/>
                        </a:spcBef>
                      </a:pPr>
                      <a:r>
                        <a:rPr sz="600" b="1" spc="-20" dirty="0">
                          <a:solidFill>
                            <a:srgbClr val="FFFFFF"/>
                          </a:solidFill>
                          <a:latin typeface="Microsoft JhengHei"/>
                          <a:cs typeface="Microsoft JhengHei"/>
                        </a:rPr>
                        <a:t>技術名</a:t>
                      </a:r>
                      <a:endParaRPr sz="600">
                        <a:latin typeface="Microsoft JhengHei"/>
                        <a:cs typeface="Microsoft JhengHei"/>
                      </a:endParaRPr>
                    </a:p>
                  </a:txBody>
                  <a:tcPr marL="0" marR="0" marT="35838"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4F80BC"/>
                    </a:solidFill>
                  </a:tcPr>
                </a:tc>
                <a:tc>
                  <a:txBody>
                    <a:bodyPr/>
                    <a:lstStyle/>
                    <a:p>
                      <a:pPr algn="ctr">
                        <a:lnSpc>
                          <a:spcPts val="855"/>
                        </a:lnSpc>
                        <a:spcBef>
                          <a:spcPts val="330"/>
                        </a:spcBef>
                      </a:pPr>
                      <a:r>
                        <a:rPr sz="600" b="1" spc="-20" dirty="0">
                          <a:solidFill>
                            <a:srgbClr val="FFFFFF"/>
                          </a:solidFill>
                          <a:latin typeface="Microsoft JhengHei"/>
                          <a:cs typeface="Microsoft JhengHei"/>
                        </a:rPr>
                        <a:t>事業者</a:t>
                      </a:r>
                      <a:endParaRPr sz="600">
                        <a:latin typeface="Microsoft JhengHei"/>
                        <a:cs typeface="Microsoft JhengHei"/>
                      </a:endParaRPr>
                    </a:p>
                  </a:txBody>
                  <a:tcPr marL="0" marR="0" marT="35838"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4F80BC"/>
                    </a:solidFill>
                  </a:tcPr>
                </a:tc>
                <a:tc>
                  <a:txBody>
                    <a:bodyPr/>
                    <a:lstStyle/>
                    <a:p>
                      <a:pPr algn="ctr">
                        <a:lnSpc>
                          <a:spcPts val="855"/>
                        </a:lnSpc>
                        <a:spcBef>
                          <a:spcPts val="330"/>
                        </a:spcBef>
                      </a:pPr>
                      <a:r>
                        <a:rPr sz="600" b="1" spc="-25" dirty="0">
                          <a:solidFill>
                            <a:srgbClr val="FFFFFF"/>
                          </a:solidFill>
                          <a:latin typeface="Microsoft JhengHei"/>
                          <a:cs typeface="Microsoft JhengHei"/>
                        </a:rPr>
                        <a:t>概要</a:t>
                      </a:r>
                      <a:endParaRPr sz="600">
                        <a:latin typeface="Microsoft JhengHei"/>
                        <a:cs typeface="Microsoft JhengHei"/>
                      </a:endParaRPr>
                    </a:p>
                  </a:txBody>
                  <a:tcPr marL="0" marR="0" marT="35838"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4F80BC"/>
                    </a:solidFill>
                  </a:tcPr>
                </a:tc>
                <a:tc>
                  <a:txBody>
                    <a:bodyPr/>
                    <a:lstStyle/>
                    <a:p>
                      <a:pPr algn="ctr">
                        <a:lnSpc>
                          <a:spcPts val="855"/>
                        </a:lnSpc>
                        <a:spcBef>
                          <a:spcPts val="330"/>
                        </a:spcBef>
                      </a:pPr>
                      <a:r>
                        <a:rPr sz="600" b="1" spc="-25" dirty="0">
                          <a:solidFill>
                            <a:srgbClr val="FFFFFF"/>
                          </a:solidFill>
                          <a:latin typeface="Microsoft JhengHei"/>
                          <a:cs typeface="Microsoft JhengHei"/>
                        </a:rPr>
                        <a:t>費用</a:t>
                      </a:r>
                      <a:endParaRPr sz="600">
                        <a:latin typeface="Microsoft JhengHei"/>
                        <a:cs typeface="Microsoft JhengHei"/>
                      </a:endParaRPr>
                    </a:p>
                  </a:txBody>
                  <a:tcPr marL="0" marR="0" marT="35838"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4F80BC"/>
                    </a:solidFill>
                  </a:tcPr>
                </a:tc>
                <a:extLst>
                  <a:ext uri="{0D108BD9-81ED-4DB2-BD59-A6C34878D82A}">
                    <a16:rowId xmlns:a16="http://schemas.microsoft.com/office/drawing/2014/main" val="10000"/>
                  </a:ext>
                </a:extLst>
              </a:tr>
              <a:tr h="494124">
                <a:tc>
                  <a:txBody>
                    <a:bodyPr/>
                    <a:lstStyle/>
                    <a:p>
                      <a:pPr>
                        <a:lnSpc>
                          <a:spcPct val="100000"/>
                        </a:lnSpc>
                        <a:spcBef>
                          <a:spcPts val="860"/>
                        </a:spcBef>
                      </a:pPr>
                      <a:endParaRPr sz="600">
                        <a:latin typeface="Times New Roman"/>
                        <a:cs typeface="Times New Roman"/>
                      </a:endParaRPr>
                    </a:p>
                    <a:p>
                      <a:pPr algn="ctr">
                        <a:lnSpc>
                          <a:spcPct val="100000"/>
                        </a:lnSpc>
                      </a:pPr>
                      <a:r>
                        <a:rPr sz="600" spc="-25" dirty="0">
                          <a:latin typeface="ＭＳ Ｐゴシック"/>
                          <a:cs typeface="ＭＳ Ｐゴシック"/>
                        </a:rPr>
                        <a:t>除草</a:t>
                      </a:r>
                      <a:endParaRPr sz="600">
                        <a:latin typeface="ＭＳ Ｐゴシック"/>
                        <a:cs typeface="ＭＳ Ｐゴシック"/>
                      </a:endParaRPr>
                    </a:p>
                  </a:txBody>
                  <a:tcPr marL="0" marR="0" marT="93395"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marL="37465" marR="55244" algn="just">
                        <a:lnSpc>
                          <a:spcPct val="108000"/>
                        </a:lnSpc>
                        <a:spcBef>
                          <a:spcPts val="680"/>
                        </a:spcBef>
                      </a:pPr>
                      <a:r>
                        <a:rPr sz="600" spc="-15" dirty="0">
                          <a:latin typeface="ＭＳ Ｐゴシック"/>
                          <a:cs typeface="ＭＳ Ｐゴシック"/>
                        </a:rPr>
                        <a:t>エスプラネードライトフロアブル施用による刈取りゼロを実現する除草技術</a:t>
                      </a:r>
                      <a:endParaRPr sz="600">
                        <a:latin typeface="ＭＳ Ｐゴシック"/>
                        <a:cs typeface="ＭＳ Ｐゴシック"/>
                      </a:endParaRPr>
                    </a:p>
                  </a:txBody>
                  <a:tcPr marL="0" marR="0" marT="73847"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marL="37465" marR="64769" algn="just">
                        <a:lnSpc>
                          <a:spcPct val="108000"/>
                        </a:lnSpc>
                        <a:spcBef>
                          <a:spcPts val="680"/>
                        </a:spcBef>
                      </a:pPr>
                      <a:r>
                        <a:rPr sz="600" spc="-15" dirty="0">
                          <a:latin typeface="ＭＳ Ｐゴシック"/>
                          <a:cs typeface="ＭＳ Ｐゴシック"/>
                        </a:rPr>
                        <a:t>エンバイロサイエンスジャパン株式</a:t>
                      </a:r>
                      <a:r>
                        <a:rPr sz="600" spc="-25" dirty="0">
                          <a:latin typeface="ＭＳ Ｐゴシック"/>
                          <a:cs typeface="ＭＳ Ｐゴシック"/>
                        </a:rPr>
                        <a:t>会社</a:t>
                      </a:r>
                      <a:endParaRPr sz="600">
                        <a:latin typeface="ＭＳ Ｐゴシック"/>
                        <a:cs typeface="ＭＳ Ｐゴシック"/>
                      </a:endParaRPr>
                    </a:p>
                  </a:txBody>
                  <a:tcPr marL="0" marR="0" marT="73847"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marL="37465" marR="51435" algn="just">
                        <a:lnSpc>
                          <a:spcPct val="108000"/>
                        </a:lnSpc>
                        <a:spcBef>
                          <a:spcPts val="680"/>
                        </a:spcBef>
                      </a:pPr>
                      <a:r>
                        <a:rPr sz="600" spc="-10" dirty="0">
                          <a:latin typeface="ＭＳ Ｐゴシック"/>
                          <a:cs typeface="ＭＳ Ｐゴシック"/>
                        </a:rPr>
                        <a:t>発生前の一年生雑草を年間を通じて抑制する除草</a:t>
                      </a:r>
                      <a:r>
                        <a:rPr sz="600" spc="-15" dirty="0">
                          <a:latin typeface="ＭＳ Ｐゴシック"/>
                          <a:cs typeface="ＭＳ Ｐゴシック"/>
                        </a:rPr>
                        <a:t>技術。本技術の活用により刈取り作業が不要となり飛石や刈刃接触事故の軽減が期待される。</a:t>
                      </a:r>
                      <a:endParaRPr sz="600">
                        <a:latin typeface="ＭＳ Ｐゴシック"/>
                        <a:cs typeface="ＭＳ Ｐゴシック"/>
                      </a:endParaRPr>
                    </a:p>
                  </a:txBody>
                  <a:tcPr marL="0" marR="0" marT="73847"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a:lnSpc>
                          <a:spcPct val="100000"/>
                        </a:lnSpc>
                        <a:spcBef>
                          <a:spcPts val="860"/>
                        </a:spcBef>
                      </a:pPr>
                      <a:endParaRPr sz="600">
                        <a:latin typeface="Times New Roman"/>
                        <a:cs typeface="Times New Roman"/>
                      </a:endParaRPr>
                    </a:p>
                    <a:p>
                      <a:pPr marR="29845" algn="r">
                        <a:lnSpc>
                          <a:spcPct val="100000"/>
                        </a:lnSpc>
                      </a:pPr>
                      <a:r>
                        <a:rPr sz="600" dirty="0">
                          <a:latin typeface="ＭＳ Ｐゴシック"/>
                          <a:cs typeface="ＭＳ Ｐゴシック"/>
                        </a:rPr>
                        <a:t>40,890</a:t>
                      </a:r>
                      <a:r>
                        <a:rPr sz="600" spc="-5" dirty="0">
                          <a:latin typeface="ＭＳ Ｐゴシック"/>
                          <a:cs typeface="ＭＳ Ｐゴシック"/>
                        </a:rPr>
                        <a:t>円/</a:t>
                      </a:r>
                      <a:r>
                        <a:rPr sz="600" spc="-10" dirty="0">
                          <a:latin typeface="ＭＳ Ｐゴシック"/>
                          <a:cs typeface="ＭＳ Ｐゴシック"/>
                        </a:rPr>
                        <a:t>100</a:t>
                      </a:r>
                      <a:r>
                        <a:rPr sz="600" spc="-50" dirty="0">
                          <a:latin typeface="ＭＳ Ｐゴシック"/>
                          <a:cs typeface="ＭＳ Ｐゴシック"/>
                        </a:rPr>
                        <a:t>㎡</a:t>
                      </a:r>
                      <a:endParaRPr sz="600">
                        <a:latin typeface="ＭＳ Ｐゴシック"/>
                        <a:cs typeface="ＭＳ Ｐゴシック"/>
                      </a:endParaRPr>
                    </a:p>
                  </a:txBody>
                  <a:tcPr marL="0" marR="0" marT="93395"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extLst>
                  <a:ext uri="{0D108BD9-81ED-4DB2-BD59-A6C34878D82A}">
                    <a16:rowId xmlns:a16="http://schemas.microsoft.com/office/drawing/2014/main" val="10001"/>
                  </a:ext>
                </a:extLst>
              </a:tr>
              <a:tr h="454485">
                <a:tc>
                  <a:txBody>
                    <a:bodyPr/>
                    <a:lstStyle/>
                    <a:p>
                      <a:pPr>
                        <a:lnSpc>
                          <a:spcPct val="100000"/>
                        </a:lnSpc>
                      </a:pPr>
                      <a:endParaRPr sz="600">
                        <a:latin typeface="Times New Roman"/>
                        <a:cs typeface="Times New Roman"/>
                      </a:endParaRPr>
                    </a:p>
                    <a:p>
                      <a:pPr>
                        <a:lnSpc>
                          <a:spcPct val="100000"/>
                        </a:lnSpc>
                        <a:spcBef>
                          <a:spcPts val="55"/>
                        </a:spcBef>
                      </a:pPr>
                      <a:endParaRPr sz="600">
                        <a:latin typeface="Times New Roman"/>
                        <a:cs typeface="Times New Roman"/>
                      </a:endParaRPr>
                    </a:p>
                    <a:p>
                      <a:pPr algn="ctr">
                        <a:lnSpc>
                          <a:spcPct val="100000"/>
                        </a:lnSpc>
                      </a:pPr>
                      <a:r>
                        <a:rPr sz="600" spc="-25" dirty="0">
                          <a:latin typeface="ＭＳ Ｐゴシック"/>
                          <a:cs typeface="ＭＳ Ｐゴシック"/>
                        </a:rPr>
                        <a:t>除草</a:t>
                      </a:r>
                      <a:endParaRPr sz="600">
                        <a:latin typeface="ＭＳ Ｐゴシック"/>
                        <a:cs typeface="ＭＳ Ｐゴシック"/>
                      </a:endParaRPr>
                    </a:p>
                  </a:txBody>
                  <a:tcPr marL="0" marR="0" marT="0"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a:lnSpc>
                          <a:spcPct val="100000"/>
                        </a:lnSpc>
                        <a:spcBef>
                          <a:spcPts val="434"/>
                        </a:spcBef>
                      </a:pPr>
                      <a:endParaRPr sz="600">
                        <a:latin typeface="Times New Roman"/>
                        <a:cs typeface="Times New Roman"/>
                      </a:endParaRPr>
                    </a:p>
                    <a:p>
                      <a:pPr marL="37465">
                        <a:lnSpc>
                          <a:spcPct val="100000"/>
                        </a:lnSpc>
                        <a:spcBef>
                          <a:spcPts val="5"/>
                        </a:spcBef>
                      </a:pPr>
                      <a:r>
                        <a:rPr sz="600" spc="-10" dirty="0">
                          <a:latin typeface="ＭＳ Ｐゴシック"/>
                          <a:cs typeface="ＭＳ Ｐゴシック"/>
                        </a:rPr>
                        <a:t>遠隔操縦式草刈機</a:t>
                      </a:r>
                      <a:endParaRPr sz="600">
                        <a:latin typeface="ＭＳ Ｐゴシック"/>
                        <a:cs typeface="ＭＳ Ｐゴシック"/>
                      </a:endParaRPr>
                    </a:p>
                    <a:p>
                      <a:pPr marL="37465">
                        <a:lnSpc>
                          <a:spcPct val="100000"/>
                        </a:lnSpc>
                        <a:spcBef>
                          <a:spcPts val="70"/>
                        </a:spcBef>
                      </a:pPr>
                      <a:r>
                        <a:rPr sz="600" dirty="0">
                          <a:latin typeface="ＭＳ Ｐゴシック"/>
                          <a:cs typeface="ＭＳ Ｐゴシック"/>
                        </a:rPr>
                        <a:t>「ROBOCUT</a:t>
                      </a:r>
                      <a:r>
                        <a:rPr sz="600" spc="-50" dirty="0">
                          <a:latin typeface="ＭＳ Ｐゴシック"/>
                          <a:cs typeface="ＭＳ Ｐゴシック"/>
                        </a:rPr>
                        <a:t>」</a:t>
                      </a:r>
                      <a:endParaRPr sz="600">
                        <a:latin typeface="ＭＳ Ｐゴシック"/>
                        <a:cs typeface="ＭＳ Ｐゴシック"/>
                      </a:endParaRPr>
                    </a:p>
                  </a:txBody>
                  <a:tcPr marL="0" marR="0" marT="47240"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a:lnSpc>
                          <a:spcPct val="100000"/>
                        </a:lnSpc>
                      </a:pPr>
                      <a:endParaRPr sz="600">
                        <a:latin typeface="Times New Roman"/>
                        <a:cs typeface="Times New Roman"/>
                      </a:endParaRPr>
                    </a:p>
                    <a:p>
                      <a:pPr>
                        <a:lnSpc>
                          <a:spcPct val="100000"/>
                        </a:lnSpc>
                        <a:spcBef>
                          <a:spcPts val="55"/>
                        </a:spcBef>
                      </a:pPr>
                      <a:endParaRPr sz="600">
                        <a:latin typeface="Times New Roman"/>
                        <a:cs typeface="Times New Roman"/>
                      </a:endParaRPr>
                    </a:p>
                    <a:p>
                      <a:pPr marR="24765" algn="ctr">
                        <a:lnSpc>
                          <a:spcPct val="100000"/>
                        </a:lnSpc>
                      </a:pPr>
                      <a:r>
                        <a:rPr sz="600" spc="-10" dirty="0">
                          <a:latin typeface="ＭＳ Ｐゴシック"/>
                          <a:cs typeface="ＭＳ Ｐゴシック"/>
                        </a:rPr>
                        <a:t>株式会社ＪＡＬＵＸ</a:t>
                      </a:r>
                      <a:endParaRPr sz="600">
                        <a:latin typeface="ＭＳ Ｐゴシック"/>
                        <a:cs typeface="ＭＳ Ｐゴシック"/>
                      </a:endParaRPr>
                    </a:p>
                  </a:txBody>
                  <a:tcPr marL="0" marR="0" marT="0"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marL="37465" marR="40640">
                        <a:lnSpc>
                          <a:spcPct val="108000"/>
                        </a:lnSpc>
                        <a:spcBef>
                          <a:spcPts val="200"/>
                        </a:spcBef>
                      </a:pPr>
                      <a:r>
                        <a:rPr sz="600" spc="-5" dirty="0">
                          <a:latin typeface="ＭＳ Ｐゴシック"/>
                          <a:cs typeface="ＭＳ Ｐゴシック"/>
                        </a:rPr>
                        <a:t>低重心・軽量化した遠隔操縦式のゴム履帯式草刈</a:t>
                      </a:r>
                      <a:r>
                        <a:rPr sz="600" dirty="0">
                          <a:latin typeface="ＭＳ Ｐゴシック"/>
                          <a:cs typeface="ＭＳ Ｐゴシック"/>
                        </a:rPr>
                        <a:t>機。搭乗の必要がなく傾斜角</a:t>
                      </a:r>
                      <a:r>
                        <a:rPr sz="600" spc="5" dirty="0">
                          <a:latin typeface="ＭＳ Ｐゴシック"/>
                          <a:cs typeface="ＭＳ Ｐゴシック"/>
                        </a:rPr>
                        <a:t>55</a:t>
                      </a:r>
                      <a:r>
                        <a:rPr sz="600" spc="-5" dirty="0">
                          <a:latin typeface="ＭＳ Ｐゴシック"/>
                          <a:cs typeface="ＭＳ Ｐゴシック"/>
                        </a:rPr>
                        <a:t>度の法面作業とワイドな刈幅による合理的な施工が可能なため、安全性および施工性の向上が期待できる。</a:t>
                      </a:r>
                      <a:endParaRPr sz="600">
                        <a:latin typeface="ＭＳ Ｐゴシック"/>
                        <a:cs typeface="ＭＳ Ｐゴシック"/>
                      </a:endParaRPr>
                    </a:p>
                  </a:txBody>
                  <a:tcPr marL="0" marR="0" marT="21720"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a:lnSpc>
                          <a:spcPct val="100000"/>
                        </a:lnSpc>
                        <a:spcBef>
                          <a:spcPts val="844"/>
                        </a:spcBef>
                      </a:pPr>
                      <a:endParaRPr sz="600">
                        <a:latin typeface="Times New Roman"/>
                        <a:cs typeface="Times New Roman"/>
                      </a:endParaRPr>
                    </a:p>
                    <a:p>
                      <a:pPr marR="29845" algn="r">
                        <a:lnSpc>
                          <a:spcPct val="100000"/>
                        </a:lnSpc>
                      </a:pPr>
                      <a:r>
                        <a:rPr sz="600" dirty="0">
                          <a:latin typeface="ＭＳ Ｐゴシック"/>
                          <a:cs typeface="ＭＳ Ｐゴシック"/>
                        </a:rPr>
                        <a:t>109,000</a:t>
                      </a:r>
                      <a:r>
                        <a:rPr sz="600" spc="-20" dirty="0">
                          <a:latin typeface="ＭＳ Ｐゴシック"/>
                          <a:cs typeface="ＭＳ Ｐゴシック"/>
                        </a:rPr>
                        <a:t>円/日</a:t>
                      </a:r>
                      <a:endParaRPr sz="600">
                        <a:latin typeface="ＭＳ Ｐゴシック"/>
                        <a:cs typeface="ＭＳ Ｐゴシック"/>
                      </a:endParaRPr>
                    </a:p>
                  </a:txBody>
                  <a:tcPr marL="0" marR="0" marT="91765"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extLst>
                  <a:ext uri="{0D108BD9-81ED-4DB2-BD59-A6C34878D82A}">
                    <a16:rowId xmlns:a16="http://schemas.microsoft.com/office/drawing/2014/main" val="10002"/>
                  </a:ext>
                </a:extLst>
              </a:tr>
              <a:tr h="139006">
                <a:tc>
                  <a:txBody>
                    <a:bodyPr/>
                    <a:lstStyle/>
                    <a:p>
                      <a:pPr>
                        <a:lnSpc>
                          <a:spcPct val="100000"/>
                        </a:lnSpc>
                      </a:pPr>
                      <a:endParaRPr sz="800">
                        <a:latin typeface="Times New Roman"/>
                        <a:cs typeface="Times New Roman"/>
                      </a:endParaRPr>
                    </a:p>
                  </a:txBody>
                  <a:tcPr marL="0" marR="0" marT="0"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marL="37465">
                        <a:lnSpc>
                          <a:spcPts val="855"/>
                        </a:lnSpc>
                        <a:spcBef>
                          <a:spcPts val="330"/>
                        </a:spcBef>
                      </a:pPr>
                      <a:r>
                        <a:rPr sz="600" spc="-10" dirty="0">
                          <a:latin typeface="ＭＳ Ｐゴシック"/>
                          <a:cs typeface="ＭＳ Ｐゴシック"/>
                        </a:rPr>
                        <a:t>・・・・・・</a:t>
                      </a:r>
                      <a:endParaRPr sz="600">
                        <a:latin typeface="ＭＳ Ｐゴシック"/>
                        <a:cs typeface="ＭＳ Ｐゴシック"/>
                      </a:endParaRPr>
                    </a:p>
                  </a:txBody>
                  <a:tcPr marL="0" marR="0" marT="35838"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a:lnSpc>
                          <a:spcPct val="100000"/>
                        </a:lnSpc>
                      </a:pPr>
                      <a:endParaRPr sz="800">
                        <a:latin typeface="Times New Roman"/>
                        <a:cs typeface="Times New Roman"/>
                      </a:endParaRPr>
                    </a:p>
                  </a:txBody>
                  <a:tcPr marL="0" marR="0" marT="0"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a:lnSpc>
                          <a:spcPct val="100000"/>
                        </a:lnSpc>
                      </a:pPr>
                      <a:endParaRPr sz="800">
                        <a:latin typeface="Times New Roman"/>
                        <a:cs typeface="Times New Roman"/>
                      </a:endParaRPr>
                    </a:p>
                  </a:txBody>
                  <a:tcPr marL="0" marR="0" marT="0"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tc>
                  <a:txBody>
                    <a:bodyPr/>
                    <a:lstStyle/>
                    <a:p>
                      <a:pPr>
                        <a:lnSpc>
                          <a:spcPct val="100000"/>
                        </a:lnSpc>
                      </a:pPr>
                      <a:endParaRPr sz="800">
                        <a:latin typeface="Times New Roman"/>
                        <a:cs typeface="Times New Roman"/>
                      </a:endParaRPr>
                    </a:p>
                  </a:txBody>
                  <a:tcPr marL="0" marR="0" marT="0"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solidFill>
                      <a:srgbClr val="FFFFFF"/>
                    </a:solidFill>
                  </a:tcPr>
                </a:tc>
                <a:extLst>
                  <a:ext uri="{0D108BD9-81ED-4DB2-BD59-A6C34878D82A}">
                    <a16:rowId xmlns:a16="http://schemas.microsoft.com/office/drawing/2014/main" val="10003"/>
                  </a:ext>
                </a:extLst>
              </a:tr>
            </a:tbl>
          </a:graphicData>
        </a:graphic>
      </p:graphicFrame>
      <p:sp>
        <p:nvSpPr>
          <p:cNvPr id="59" name="object 59"/>
          <p:cNvSpPr txBox="1"/>
          <p:nvPr/>
        </p:nvSpPr>
        <p:spPr>
          <a:xfrm>
            <a:off x="5294519" y="4212858"/>
            <a:ext cx="866617"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①木橋の修繕</a:t>
            </a:r>
            <a:endParaRPr sz="1112">
              <a:latin typeface="ＭＳ Ｐゴシック"/>
              <a:cs typeface="ＭＳ Ｐゴシック"/>
            </a:endParaRPr>
          </a:p>
        </p:txBody>
      </p:sp>
      <p:sp>
        <p:nvSpPr>
          <p:cNvPr id="60" name="object 60"/>
          <p:cNvSpPr txBox="1"/>
          <p:nvPr/>
        </p:nvSpPr>
        <p:spPr>
          <a:xfrm>
            <a:off x="6935064" y="4229901"/>
            <a:ext cx="1922195" cy="352691"/>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②除草・樹木管理の効率化検討</a:t>
            </a:r>
            <a:endParaRPr sz="1112">
              <a:latin typeface="ＭＳ Ｐゴシック"/>
              <a:cs typeface="ＭＳ Ｐゴシック"/>
            </a:endParaRPr>
          </a:p>
        </p:txBody>
      </p:sp>
      <p:grpSp>
        <p:nvGrpSpPr>
          <p:cNvPr id="61" name="object 61"/>
          <p:cNvGrpSpPr/>
          <p:nvPr/>
        </p:nvGrpSpPr>
        <p:grpSpPr>
          <a:xfrm>
            <a:off x="5152786" y="5452517"/>
            <a:ext cx="288329" cy="565799"/>
            <a:chOff x="6025896" y="6147816"/>
            <a:chExt cx="337185" cy="661670"/>
          </a:xfrm>
        </p:grpSpPr>
        <p:sp>
          <p:nvSpPr>
            <p:cNvPr id="62" name="object 62"/>
            <p:cNvSpPr/>
            <p:nvPr/>
          </p:nvSpPr>
          <p:spPr>
            <a:xfrm>
              <a:off x="6039612" y="6161532"/>
              <a:ext cx="309880" cy="634365"/>
            </a:xfrm>
            <a:custGeom>
              <a:avLst/>
              <a:gdLst/>
              <a:ahLst/>
              <a:cxnLst/>
              <a:rect l="l" t="t" r="r" b="b"/>
              <a:pathLst>
                <a:path w="309879" h="634365">
                  <a:moveTo>
                    <a:pt x="153923" y="633983"/>
                  </a:moveTo>
                  <a:lnTo>
                    <a:pt x="0" y="478535"/>
                  </a:lnTo>
                  <a:lnTo>
                    <a:pt x="0" y="0"/>
                  </a:lnTo>
                  <a:lnTo>
                    <a:pt x="153923" y="153923"/>
                  </a:lnTo>
                  <a:lnTo>
                    <a:pt x="309371" y="0"/>
                  </a:lnTo>
                  <a:lnTo>
                    <a:pt x="309371" y="478535"/>
                  </a:lnTo>
                  <a:lnTo>
                    <a:pt x="153923" y="633983"/>
                  </a:lnTo>
                  <a:close/>
                </a:path>
              </a:pathLst>
            </a:custGeom>
            <a:solidFill>
              <a:srgbClr val="4F80BC"/>
            </a:solidFill>
          </p:spPr>
          <p:txBody>
            <a:bodyPr wrap="square" lIns="0" tIns="0" rIns="0" bIns="0" rtlCol="0"/>
            <a:lstStyle/>
            <a:p>
              <a:endParaRPr sz="1749"/>
            </a:p>
          </p:txBody>
        </p:sp>
        <p:sp>
          <p:nvSpPr>
            <p:cNvPr id="63" name="object 63"/>
            <p:cNvSpPr/>
            <p:nvPr/>
          </p:nvSpPr>
          <p:spPr>
            <a:xfrm>
              <a:off x="6039612" y="6161532"/>
              <a:ext cx="309880" cy="634365"/>
            </a:xfrm>
            <a:custGeom>
              <a:avLst/>
              <a:gdLst/>
              <a:ahLst/>
              <a:cxnLst/>
              <a:rect l="l" t="t" r="r" b="b"/>
              <a:pathLst>
                <a:path w="309879" h="634365">
                  <a:moveTo>
                    <a:pt x="309371" y="0"/>
                  </a:moveTo>
                  <a:lnTo>
                    <a:pt x="309371" y="478535"/>
                  </a:lnTo>
                  <a:lnTo>
                    <a:pt x="153923" y="633983"/>
                  </a:lnTo>
                  <a:lnTo>
                    <a:pt x="0" y="478535"/>
                  </a:lnTo>
                  <a:lnTo>
                    <a:pt x="0" y="0"/>
                  </a:lnTo>
                  <a:lnTo>
                    <a:pt x="153923" y="153923"/>
                  </a:lnTo>
                  <a:lnTo>
                    <a:pt x="309371" y="0"/>
                  </a:lnTo>
                  <a:close/>
                </a:path>
              </a:pathLst>
            </a:custGeom>
            <a:ln w="27432">
              <a:solidFill>
                <a:srgbClr val="1C334D"/>
              </a:solidFill>
            </a:ln>
          </p:spPr>
          <p:txBody>
            <a:bodyPr wrap="square" lIns="0" tIns="0" rIns="0" bIns="0" rtlCol="0"/>
            <a:lstStyle/>
            <a:p>
              <a:endParaRPr sz="1749"/>
            </a:p>
          </p:txBody>
        </p:sp>
      </p:grpSp>
      <p:sp>
        <p:nvSpPr>
          <p:cNvPr id="64" name="object 64"/>
          <p:cNvSpPr txBox="1"/>
          <p:nvPr/>
        </p:nvSpPr>
        <p:spPr>
          <a:xfrm>
            <a:off x="5243672" y="5106533"/>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4"/>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65" name="object 65"/>
          <p:cNvSpPr txBox="1"/>
          <p:nvPr/>
        </p:nvSpPr>
        <p:spPr>
          <a:xfrm>
            <a:off x="5252835" y="5624244"/>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grpSp>
        <p:nvGrpSpPr>
          <p:cNvPr id="66" name="object 66"/>
          <p:cNvGrpSpPr/>
          <p:nvPr/>
        </p:nvGrpSpPr>
        <p:grpSpPr>
          <a:xfrm>
            <a:off x="7230059" y="5423848"/>
            <a:ext cx="288329" cy="588061"/>
            <a:chOff x="8455152" y="6114288"/>
            <a:chExt cx="337185" cy="687705"/>
          </a:xfrm>
        </p:grpSpPr>
        <p:sp>
          <p:nvSpPr>
            <p:cNvPr id="67" name="object 67"/>
            <p:cNvSpPr/>
            <p:nvPr/>
          </p:nvSpPr>
          <p:spPr>
            <a:xfrm>
              <a:off x="8468868" y="6128004"/>
              <a:ext cx="309880" cy="660400"/>
            </a:xfrm>
            <a:custGeom>
              <a:avLst/>
              <a:gdLst/>
              <a:ahLst/>
              <a:cxnLst/>
              <a:rect l="l" t="t" r="r" b="b"/>
              <a:pathLst>
                <a:path w="309879" h="660400">
                  <a:moveTo>
                    <a:pt x="153924" y="659892"/>
                  </a:moveTo>
                  <a:lnTo>
                    <a:pt x="0" y="504444"/>
                  </a:lnTo>
                  <a:lnTo>
                    <a:pt x="0" y="0"/>
                  </a:lnTo>
                  <a:lnTo>
                    <a:pt x="153924" y="155448"/>
                  </a:lnTo>
                  <a:lnTo>
                    <a:pt x="309371" y="0"/>
                  </a:lnTo>
                  <a:lnTo>
                    <a:pt x="309371" y="504444"/>
                  </a:lnTo>
                  <a:lnTo>
                    <a:pt x="153924" y="659892"/>
                  </a:lnTo>
                  <a:close/>
                </a:path>
              </a:pathLst>
            </a:custGeom>
            <a:solidFill>
              <a:srgbClr val="4F80BC"/>
            </a:solidFill>
          </p:spPr>
          <p:txBody>
            <a:bodyPr wrap="square" lIns="0" tIns="0" rIns="0" bIns="0" rtlCol="0"/>
            <a:lstStyle/>
            <a:p>
              <a:endParaRPr sz="1749"/>
            </a:p>
          </p:txBody>
        </p:sp>
        <p:sp>
          <p:nvSpPr>
            <p:cNvPr id="68" name="object 68"/>
            <p:cNvSpPr/>
            <p:nvPr/>
          </p:nvSpPr>
          <p:spPr>
            <a:xfrm>
              <a:off x="8468868" y="6128004"/>
              <a:ext cx="309880" cy="660400"/>
            </a:xfrm>
            <a:custGeom>
              <a:avLst/>
              <a:gdLst/>
              <a:ahLst/>
              <a:cxnLst/>
              <a:rect l="l" t="t" r="r" b="b"/>
              <a:pathLst>
                <a:path w="309879" h="660400">
                  <a:moveTo>
                    <a:pt x="309371" y="0"/>
                  </a:moveTo>
                  <a:lnTo>
                    <a:pt x="309371" y="504444"/>
                  </a:lnTo>
                  <a:lnTo>
                    <a:pt x="153924" y="659892"/>
                  </a:lnTo>
                  <a:lnTo>
                    <a:pt x="0" y="504444"/>
                  </a:lnTo>
                  <a:lnTo>
                    <a:pt x="0" y="0"/>
                  </a:lnTo>
                  <a:lnTo>
                    <a:pt x="153924" y="155448"/>
                  </a:lnTo>
                  <a:lnTo>
                    <a:pt x="309371" y="0"/>
                  </a:lnTo>
                  <a:close/>
                </a:path>
              </a:pathLst>
            </a:custGeom>
            <a:ln w="27432">
              <a:solidFill>
                <a:srgbClr val="1C334D"/>
              </a:solidFill>
            </a:ln>
          </p:spPr>
          <p:txBody>
            <a:bodyPr wrap="square" lIns="0" tIns="0" rIns="0" bIns="0" rtlCol="0"/>
            <a:lstStyle/>
            <a:p>
              <a:endParaRPr sz="1749"/>
            </a:p>
          </p:txBody>
        </p:sp>
      </p:grpSp>
      <p:sp>
        <p:nvSpPr>
          <p:cNvPr id="69" name="object 69"/>
          <p:cNvSpPr txBox="1"/>
          <p:nvPr/>
        </p:nvSpPr>
        <p:spPr>
          <a:xfrm>
            <a:off x="7323677" y="5569265"/>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spTree>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76556" y="352850"/>
            <a:ext cx="8774222"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茨城県桜川市</a:t>
            </a:r>
            <a:r>
              <a:rPr spc="-9" dirty="0"/>
              <a:t>）</a:t>
            </a:r>
            <a:r>
              <a:rPr spc="-30" dirty="0"/>
              <a:t>補修工法や維持管理の方針・基準、職員体制等含めた道路舗装管理の仕組み作り</a:t>
            </a:r>
          </a:p>
        </p:txBody>
      </p:sp>
      <p:sp>
        <p:nvSpPr>
          <p:cNvPr id="3" name="object 3"/>
          <p:cNvSpPr txBox="1"/>
          <p:nvPr/>
        </p:nvSpPr>
        <p:spPr>
          <a:xfrm>
            <a:off x="250210" y="1174168"/>
            <a:ext cx="8625985" cy="800402"/>
          </a:xfrm>
          <a:prstGeom prst="rect">
            <a:avLst/>
          </a:prstGeom>
          <a:ln w="13715">
            <a:solidFill>
              <a:srgbClr val="000000"/>
            </a:solidFill>
          </a:ln>
        </p:spPr>
        <p:txBody>
          <a:bodyPr vert="horz" wrap="square" lIns="0" tIns="125974" rIns="0" bIns="0" rtlCol="0">
            <a:spAutoFit/>
          </a:bodyPr>
          <a:lstStyle/>
          <a:p>
            <a:pPr marL="250861" marR="223711" indent="-165611">
              <a:lnSpc>
                <a:spcPct val="100699"/>
              </a:lnSpc>
              <a:spcBef>
                <a:spcPts val="992"/>
              </a:spcBef>
            </a:pPr>
            <a:r>
              <a:rPr sz="1283" spc="-9" dirty="0">
                <a:latin typeface="ＭＳ Ｐゴシック"/>
                <a:cs typeface="ＭＳ Ｐゴシック"/>
              </a:rPr>
              <a:t>〇道路舗装における有効な補修工法</a:t>
            </a:r>
            <a:r>
              <a:rPr sz="1283" spc="-4" dirty="0">
                <a:latin typeface="HG教科書体"/>
                <a:cs typeface="HG教科書体"/>
              </a:rPr>
              <a:t>や、職員の体制・人材育成の体制など、桜川市の実情にあった道路舗装管理の仕組みをつくり「長寿命化修繕計画」として整理することを検討。</a:t>
            </a:r>
            <a:endParaRPr sz="1283">
              <a:latin typeface="HG教科書体"/>
              <a:cs typeface="HG教科書体"/>
            </a:endParaRPr>
          </a:p>
          <a:p>
            <a:pPr marL="85792">
              <a:spcBef>
                <a:spcPts val="564"/>
              </a:spcBef>
            </a:pPr>
            <a:r>
              <a:rPr sz="1283" spc="-13" dirty="0">
                <a:latin typeface="ＭＳ Ｐゴシック"/>
                <a:cs typeface="ＭＳ Ｐゴシック"/>
              </a:rPr>
              <a:t>〇令和６年１０月頃にある令和７年度予算の概算要求に向けて、方針を整理中。</a:t>
            </a:r>
            <a:endParaRPr sz="1283">
              <a:latin typeface="ＭＳ Ｐゴシック"/>
              <a:cs typeface="ＭＳ Ｐゴシック"/>
            </a:endParaRPr>
          </a:p>
        </p:txBody>
      </p:sp>
      <p:grpSp>
        <p:nvGrpSpPr>
          <p:cNvPr id="4" name="object 4"/>
          <p:cNvGrpSpPr/>
          <p:nvPr/>
        </p:nvGrpSpPr>
        <p:grpSpPr>
          <a:xfrm>
            <a:off x="14335" y="4877814"/>
            <a:ext cx="4947208" cy="1665902"/>
            <a:chOff x="16764" y="5475732"/>
            <a:chExt cx="5785485" cy="1948180"/>
          </a:xfrm>
        </p:grpSpPr>
        <p:sp>
          <p:nvSpPr>
            <p:cNvPr id="5" name="object 5"/>
            <p:cNvSpPr/>
            <p:nvPr/>
          </p:nvSpPr>
          <p:spPr>
            <a:xfrm>
              <a:off x="16764" y="5475732"/>
              <a:ext cx="5785485" cy="1948180"/>
            </a:xfrm>
            <a:custGeom>
              <a:avLst/>
              <a:gdLst/>
              <a:ahLst/>
              <a:cxnLst/>
              <a:rect l="l" t="t" r="r" b="b"/>
              <a:pathLst>
                <a:path w="5785485" h="1948179">
                  <a:moveTo>
                    <a:pt x="5785103" y="1947671"/>
                  </a:moveTo>
                  <a:lnTo>
                    <a:pt x="0" y="1947671"/>
                  </a:lnTo>
                  <a:lnTo>
                    <a:pt x="0" y="0"/>
                  </a:lnTo>
                  <a:lnTo>
                    <a:pt x="5785103" y="0"/>
                  </a:lnTo>
                  <a:lnTo>
                    <a:pt x="5785103" y="1947671"/>
                  </a:lnTo>
                  <a:close/>
                </a:path>
              </a:pathLst>
            </a:custGeom>
            <a:solidFill>
              <a:srgbClr val="DBE6F2"/>
            </a:solidFill>
          </p:spPr>
          <p:txBody>
            <a:bodyPr wrap="square" lIns="0" tIns="0" rIns="0" bIns="0" rtlCol="0"/>
            <a:lstStyle/>
            <a:p>
              <a:endParaRPr sz="1749"/>
            </a:p>
          </p:txBody>
        </p:sp>
        <p:pic>
          <p:nvPicPr>
            <p:cNvPr id="6" name="object 6"/>
            <p:cNvPicPr/>
            <p:nvPr/>
          </p:nvPicPr>
          <p:blipFill>
            <a:blip r:embed="rId2" cstate="print"/>
            <a:stretch>
              <a:fillRect/>
            </a:stretch>
          </p:blipFill>
          <p:spPr>
            <a:xfrm>
              <a:off x="3998975" y="5740907"/>
              <a:ext cx="1754124" cy="1434083"/>
            </a:xfrm>
            <a:prstGeom prst="rect">
              <a:avLst/>
            </a:prstGeom>
          </p:spPr>
        </p:pic>
      </p:grpSp>
      <p:sp>
        <p:nvSpPr>
          <p:cNvPr id="7" name="object 7"/>
          <p:cNvSpPr txBox="1"/>
          <p:nvPr/>
        </p:nvSpPr>
        <p:spPr>
          <a:xfrm>
            <a:off x="295822" y="3410430"/>
            <a:ext cx="1625178" cy="240741"/>
          </a:xfrm>
          <a:prstGeom prst="rect">
            <a:avLst/>
          </a:prstGeom>
          <a:solidFill>
            <a:srgbClr val="B6DDE8"/>
          </a:solidFill>
          <a:ln w="10667">
            <a:solidFill>
              <a:srgbClr val="00AFEF"/>
            </a:solidFill>
          </a:ln>
        </p:spPr>
        <p:txBody>
          <a:bodyPr vert="horz" wrap="square" lIns="0" tIns="42896" rIns="0" bIns="0" rtlCol="0">
            <a:spAutoFit/>
          </a:bodyPr>
          <a:lstStyle/>
          <a:p>
            <a:pPr marL="155838">
              <a:spcBef>
                <a:spcPts val="338"/>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8" name="object 8"/>
          <p:cNvSpPr/>
          <p:nvPr/>
        </p:nvSpPr>
        <p:spPr>
          <a:xfrm>
            <a:off x="5027027" y="2163283"/>
            <a:ext cx="0" cy="4285300"/>
          </a:xfrm>
          <a:custGeom>
            <a:avLst/>
            <a:gdLst/>
            <a:ahLst/>
            <a:cxnLst/>
            <a:rect l="l" t="t" r="r" b="b"/>
            <a:pathLst>
              <a:path h="5011420">
                <a:moveTo>
                  <a:pt x="0" y="0"/>
                </a:moveTo>
                <a:lnTo>
                  <a:pt x="0" y="5010911"/>
                </a:lnTo>
              </a:path>
            </a:pathLst>
          </a:custGeom>
          <a:ln w="13716">
            <a:solidFill>
              <a:srgbClr val="000000"/>
            </a:solidFill>
            <a:prstDash val="sysDash"/>
          </a:ln>
        </p:spPr>
        <p:txBody>
          <a:bodyPr wrap="square" lIns="0" tIns="0" rIns="0" bIns="0" rtlCol="0"/>
          <a:lstStyle/>
          <a:p>
            <a:endParaRPr sz="1749"/>
          </a:p>
        </p:txBody>
      </p:sp>
      <p:sp>
        <p:nvSpPr>
          <p:cNvPr id="9" name="object 9"/>
          <p:cNvSpPr/>
          <p:nvPr/>
        </p:nvSpPr>
        <p:spPr>
          <a:xfrm>
            <a:off x="5456427" y="3918671"/>
            <a:ext cx="2891980" cy="2276769"/>
          </a:xfrm>
          <a:custGeom>
            <a:avLst/>
            <a:gdLst/>
            <a:ahLst/>
            <a:cxnLst/>
            <a:rect l="l" t="t" r="r" b="b"/>
            <a:pathLst>
              <a:path w="3382009" h="2662554">
                <a:moveTo>
                  <a:pt x="3381755" y="2662428"/>
                </a:moveTo>
                <a:lnTo>
                  <a:pt x="0" y="2662428"/>
                </a:lnTo>
                <a:lnTo>
                  <a:pt x="0" y="0"/>
                </a:lnTo>
                <a:lnTo>
                  <a:pt x="3381755" y="0"/>
                </a:lnTo>
                <a:lnTo>
                  <a:pt x="3381755" y="2662428"/>
                </a:lnTo>
                <a:close/>
              </a:path>
            </a:pathLst>
          </a:custGeom>
          <a:solidFill>
            <a:srgbClr val="DBE6F2"/>
          </a:solidFill>
        </p:spPr>
        <p:txBody>
          <a:bodyPr wrap="square" lIns="0" tIns="0" rIns="0" bIns="0" rtlCol="0"/>
          <a:lstStyle/>
          <a:p>
            <a:endParaRPr sz="1749"/>
          </a:p>
        </p:txBody>
      </p:sp>
      <p:sp>
        <p:nvSpPr>
          <p:cNvPr id="10" name="object 10"/>
          <p:cNvSpPr txBox="1"/>
          <p:nvPr/>
        </p:nvSpPr>
        <p:spPr>
          <a:xfrm>
            <a:off x="5917753" y="4523347"/>
            <a:ext cx="2377223" cy="382624"/>
          </a:xfrm>
          <a:prstGeom prst="rect">
            <a:avLst/>
          </a:prstGeom>
          <a:solidFill>
            <a:srgbClr val="FFFFFF"/>
          </a:solidFill>
          <a:ln w="13715">
            <a:solidFill>
              <a:srgbClr val="1C334D"/>
            </a:solidFill>
          </a:ln>
        </p:spPr>
        <p:txBody>
          <a:bodyPr vert="horz" wrap="square" lIns="0" tIns="3258" rIns="0" bIns="0" rtlCol="0">
            <a:spAutoFit/>
          </a:bodyPr>
          <a:lstStyle/>
          <a:p>
            <a:pPr>
              <a:spcBef>
                <a:spcPts val="26"/>
              </a:spcBef>
            </a:pPr>
            <a:endParaRPr sz="812">
              <a:latin typeface="Times New Roman"/>
              <a:cs typeface="Times New Roman"/>
            </a:endParaRPr>
          </a:p>
          <a:p>
            <a:pPr marL="84163" marR="152037">
              <a:lnSpc>
                <a:spcPct val="102200"/>
              </a:lnSpc>
            </a:pPr>
            <a:r>
              <a:rPr sz="812" dirty="0">
                <a:latin typeface="ＭＳ Ｐゴシック"/>
                <a:cs typeface="ＭＳ Ｐゴシック"/>
              </a:rPr>
              <a:t>9</a:t>
            </a:r>
            <a:r>
              <a:rPr sz="812" spc="-4" dirty="0">
                <a:latin typeface="ＭＳ Ｐゴシック"/>
                <a:cs typeface="ＭＳ Ｐゴシック"/>
              </a:rPr>
              <a:t>月：ハンズオン支援事業において実施する事業</a:t>
            </a:r>
            <a:r>
              <a:rPr sz="812" spc="-9" dirty="0">
                <a:latin typeface="ＭＳ Ｐゴシック"/>
                <a:cs typeface="ＭＳ Ｐゴシック"/>
              </a:rPr>
              <a:t>の方針決定</a:t>
            </a:r>
            <a:endParaRPr sz="812">
              <a:latin typeface="ＭＳ Ｐゴシック"/>
              <a:cs typeface="ＭＳ Ｐゴシック"/>
            </a:endParaRPr>
          </a:p>
        </p:txBody>
      </p:sp>
      <p:grpSp>
        <p:nvGrpSpPr>
          <p:cNvPr id="11" name="object 11"/>
          <p:cNvGrpSpPr/>
          <p:nvPr/>
        </p:nvGrpSpPr>
        <p:grpSpPr>
          <a:xfrm>
            <a:off x="5532011" y="3959069"/>
            <a:ext cx="306248" cy="2163284"/>
            <a:chOff x="6469380" y="4401311"/>
            <a:chExt cx="358140" cy="2529840"/>
          </a:xfrm>
        </p:grpSpPr>
        <p:sp>
          <p:nvSpPr>
            <p:cNvPr id="12" name="object 12"/>
            <p:cNvSpPr/>
            <p:nvPr/>
          </p:nvSpPr>
          <p:spPr>
            <a:xfrm>
              <a:off x="6504432" y="5093207"/>
              <a:ext cx="309880" cy="1207135"/>
            </a:xfrm>
            <a:custGeom>
              <a:avLst/>
              <a:gdLst/>
              <a:ahLst/>
              <a:cxnLst/>
              <a:rect l="l" t="t" r="r" b="b"/>
              <a:pathLst>
                <a:path w="309879" h="1207135">
                  <a:moveTo>
                    <a:pt x="155448" y="1207008"/>
                  </a:moveTo>
                  <a:lnTo>
                    <a:pt x="0" y="1053084"/>
                  </a:lnTo>
                  <a:lnTo>
                    <a:pt x="0" y="0"/>
                  </a:lnTo>
                  <a:lnTo>
                    <a:pt x="155448" y="155448"/>
                  </a:lnTo>
                  <a:lnTo>
                    <a:pt x="309371" y="0"/>
                  </a:lnTo>
                  <a:lnTo>
                    <a:pt x="309371" y="1053084"/>
                  </a:lnTo>
                  <a:lnTo>
                    <a:pt x="155448" y="1207008"/>
                  </a:lnTo>
                  <a:close/>
                </a:path>
              </a:pathLst>
            </a:custGeom>
            <a:solidFill>
              <a:srgbClr val="4F80BC"/>
            </a:solidFill>
          </p:spPr>
          <p:txBody>
            <a:bodyPr wrap="square" lIns="0" tIns="0" rIns="0" bIns="0" rtlCol="0"/>
            <a:lstStyle/>
            <a:p>
              <a:endParaRPr sz="1749"/>
            </a:p>
          </p:txBody>
        </p:sp>
        <p:sp>
          <p:nvSpPr>
            <p:cNvPr id="13" name="object 13"/>
            <p:cNvSpPr/>
            <p:nvPr/>
          </p:nvSpPr>
          <p:spPr>
            <a:xfrm>
              <a:off x="6504432" y="5093207"/>
              <a:ext cx="309880" cy="1207135"/>
            </a:xfrm>
            <a:custGeom>
              <a:avLst/>
              <a:gdLst/>
              <a:ahLst/>
              <a:cxnLst/>
              <a:rect l="l" t="t" r="r" b="b"/>
              <a:pathLst>
                <a:path w="309879" h="1207135">
                  <a:moveTo>
                    <a:pt x="309371" y="0"/>
                  </a:moveTo>
                  <a:lnTo>
                    <a:pt x="309371" y="1053084"/>
                  </a:lnTo>
                  <a:lnTo>
                    <a:pt x="155448" y="1207008"/>
                  </a:lnTo>
                  <a:lnTo>
                    <a:pt x="0" y="1053084"/>
                  </a:lnTo>
                  <a:lnTo>
                    <a:pt x="0" y="0"/>
                  </a:lnTo>
                  <a:lnTo>
                    <a:pt x="155448" y="155448"/>
                  </a:lnTo>
                  <a:lnTo>
                    <a:pt x="309371" y="0"/>
                  </a:lnTo>
                  <a:close/>
                </a:path>
              </a:pathLst>
            </a:custGeom>
            <a:ln w="27432">
              <a:solidFill>
                <a:srgbClr val="1C334D"/>
              </a:solidFill>
            </a:ln>
          </p:spPr>
          <p:txBody>
            <a:bodyPr wrap="square" lIns="0" tIns="0" rIns="0" bIns="0" rtlCol="0"/>
            <a:lstStyle/>
            <a:p>
              <a:endParaRPr sz="1749"/>
            </a:p>
          </p:txBody>
        </p:sp>
        <p:sp>
          <p:nvSpPr>
            <p:cNvPr id="14" name="object 14"/>
            <p:cNvSpPr/>
            <p:nvPr/>
          </p:nvSpPr>
          <p:spPr>
            <a:xfrm>
              <a:off x="6504432" y="6280403"/>
              <a:ext cx="309880" cy="637540"/>
            </a:xfrm>
            <a:custGeom>
              <a:avLst/>
              <a:gdLst/>
              <a:ahLst/>
              <a:cxnLst/>
              <a:rect l="l" t="t" r="r" b="b"/>
              <a:pathLst>
                <a:path w="309879" h="637540">
                  <a:moveTo>
                    <a:pt x="155448" y="637032"/>
                  </a:moveTo>
                  <a:lnTo>
                    <a:pt x="0" y="481583"/>
                  </a:lnTo>
                  <a:lnTo>
                    <a:pt x="0" y="0"/>
                  </a:lnTo>
                  <a:lnTo>
                    <a:pt x="155448" y="153924"/>
                  </a:lnTo>
                  <a:lnTo>
                    <a:pt x="309371" y="0"/>
                  </a:lnTo>
                  <a:lnTo>
                    <a:pt x="309371" y="481583"/>
                  </a:lnTo>
                  <a:lnTo>
                    <a:pt x="155448" y="637032"/>
                  </a:lnTo>
                  <a:close/>
                </a:path>
              </a:pathLst>
            </a:custGeom>
            <a:solidFill>
              <a:srgbClr val="4F80BC"/>
            </a:solidFill>
          </p:spPr>
          <p:txBody>
            <a:bodyPr wrap="square" lIns="0" tIns="0" rIns="0" bIns="0" rtlCol="0"/>
            <a:lstStyle/>
            <a:p>
              <a:endParaRPr sz="1749"/>
            </a:p>
          </p:txBody>
        </p:sp>
        <p:sp>
          <p:nvSpPr>
            <p:cNvPr id="15" name="object 15"/>
            <p:cNvSpPr/>
            <p:nvPr/>
          </p:nvSpPr>
          <p:spPr>
            <a:xfrm>
              <a:off x="6504432" y="6280403"/>
              <a:ext cx="309880" cy="637540"/>
            </a:xfrm>
            <a:custGeom>
              <a:avLst/>
              <a:gdLst/>
              <a:ahLst/>
              <a:cxnLst/>
              <a:rect l="l" t="t" r="r" b="b"/>
              <a:pathLst>
                <a:path w="309879" h="637540">
                  <a:moveTo>
                    <a:pt x="309371" y="0"/>
                  </a:moveTo>
                  <a:lnTo>
                    <a:pt x="309371" y="481583"/>
                  </a:lnTo>
                  <a:lnTo>
                    <a:pt x="155448" y="637032"/>
                  </a:lnTo>
                  <a:lnTo>
                    <a:pt x="0" y="481583"/>
                  </a:lnTo>
                  <a:lnTo>
                    <a:pt x="0" y="0"/>
                  </a:lnTo>
                  <a:lnTo>
                    <a:pt x="155448" y="153924"/>
                  </a:lnTo>
                  <a:lnTo>
                    <a:pt x="309371" y="0"/>
                  </a:lnTo>
                  <a:close/>
                </a:path>
              </a:pathLst>
            </a:custGeom>
            <a:ln w="27432">
              <a:solidFill>
                <a:srgbClr val="1C334D"/>
              </a:solidFill>
            </a:ln>
          </p:spPr>
          <p:txBody>
            <a:bodyPr wrap="square" lIns="0" tIns="0" rIns="0" bIns="0" rtlCol="0"/>
            <a:lstStyle/>
            <a:p>
              <a:endParaRPr sz="1749"/>
            </a:p>
          </p:txBody>
        </p:sp>
        <p:sp>
          <p:nvSpPr>
            <p:cNvPr id="16" name="object 16"/>
            <p:cNvSpPr/>
            <p:nvPr/>
          </p:nvSpPr>
          <p:spPr>
            <a:xfrm>
              <a:off x="6483096" y="4415027"/>
              <a:ext cx="314325" cy="708660"/>
            </a:xfrm>
            <a:custGeom>
              <a:avLst/>
              <a:gdLst/>
              <a:ahLst/>
              <a:cxnLst/>
              <a:rect l="l" t="t" r="r" b="b"/>
              <a:pathLst>
                <a:path w="314325" h="708660">
                  <a:moveTo>
                    <a:pt x="156971" y="708659"/>
                  </a:moveTo>
                  <a:lnTo>
                    <a:pt x="0" y="551688"/>
                  </a:lnTo>
                  <a:lnTo>
                    <a:pt x="0" y="0"/>
                  </a:lnTo>
                  <a:lnTo>
                    <a:pt x="313943" y="0"/>
                  </a:lnTo>
                  <a:lnTo>
                    <a:pt x="313943" y="551688"/>
                  </a:lnTo>
                  <a:lnTo>
                    <a:pt x="156971" y="708659"/>
                  </a:lnTo>
                  <a:close/>
                </a:path>
              </a:pathLst>
            </a:custGeom>
            <a:solidFill>
              <a:srgbClr val="4F80BC"/>
            </a:solidFill>
          </p:spPr>
          <p:txBody>
            <a:bodyPr wrap="square" lIns="0" tIns="0" rIns="0" bIns="0" rtlCol="0"/>
            <a:lstStyle/>
            <a:p>
              <a:endParaRPr sz="1749"/>
            </a:p>
          </p:txBody>
        </p:sp>
        <p:sp>
          <p:nvSpPr>
            <p:cNvPr id="17" name="object 17"/>
            <p:cNvSpPr/>
            <p:nvPr/>
          </p:nvSpPr>
          <p:spPr>
            <a:xfrm>
              <a:off x="6483096" y="4415027"/>
              <a:ext cx="314325" cy="708660"/>
            </a:xfrm>
            <a:custGeom>
              <a:avLst/>
              <a:gdLst/>
              <a:ahLst/>
              <a:cxnLst/>
              <a:rect l="l" t="t" r="r" b="b"/>
              <a:pathLst>
                <a:path w="314325" h="708660">
                  <a:moveTo>
                    <a:pt x="313943" y="0"/>
                  </a:moveTo>
                  <a:lnTo>
                    <a:pt x="313943" y="551688"/>
                  </a:lnTo>
                  <a:lnTo>
                    <a:pt x="156971" y="708659"/>
                  </a:lnTo>
                  <a:lnTo>
                    <a:pt x="0" y="551688"/>
                  </a:lnTo>
                  <a:lnTo>
                    <a:pt x="0" y="0"/>
                  </a:lnTo>
                  <a:lnTo>
                    <a:pt x="313943" y="0"/>
                  </a:lnTo>
                  <a:close/>
                </a:path>
              </a:pathLst>
            </a:custGeom>
            <a:ln w="27432">
              <a:solidFill>
                <a:srgbClr val="1C334D"/>
              </a:solidFill>
            </a:ln>
          </p:spPr>
          <p:txBody>
            <a:bodyPr wrap="square" lIns="0" tIns="0" rIns="0" bIns="0" rtlCol="0"/>
            <a:lstStyle/>
            <a:p>
              <a:endParaRPr sz="1749"/>
            </a:p>
          </p:txBody>
        </p:sp>
      </p:grpSp>
      <p:sp>
        <p:nvSpPr>
          <p:cNvPr id="18" name="object 18"/>
          <p:cNvSpPr txBox="1"/>
          <p:nvPr/>
        </p:nvSpPr>
        <p:spPr>
          <a:xfrm>
            <a:off x="5917753" y="5082413"/>
            <a:ext cx="2377223" cy="319025"/>
          </a:xfrm>
          <a:prstGeom prst="rect">
            <a:avLst/>
          </a:prstGeom>
          <a:solidFill>
            <a:srgbClr val="FFFFFF"/>
          </a:solidFill>
          <a:ln w="13715">
            <a:solidFill>
              <a:srgbClr val="1C334D"/>
            </a:solidFill>
          </a:ln>
        </p:spPr>
        <p:txBody>
          <a:bodyPr vert="horz" wrap="square" lIns="0" tIns="68417" rIns="0" bIns="0" rtlCol="0">
            <a:spAutoFit/>
          </a:bodyPr>
          <a:lstStyle/>
          <a:p>
            <a:pPr>
              <a:spcBef>
                <a:spcPts val="539"/>
              </a:spcBef>
            </a:pPr>
            <a:endParaRPr sz="812">
              <a:latin typeface="Times New Roman"/>
              <a:cs typeface="Times New Roman"/>
            </a:endParaRPr>
          </a:p>
          <a:p>
            <a:pPr marL="84163">
              <a:spcBef>
                <a:spcPts val="4"/>
              </a:spcBef>
            </a:pPr>
            <a:r>
              <a:rPr sz="812" dirty="0">
                <a:latin typeface="ＭＳ Ｐゴシック"/>
                <a:cs typeface="ＭＳ Ｐゴシック"/>
              </a:rPr>
              <a:t>10</a:t>
            </a:r>
            <a:r>
              <a:rPr sz="812" spc="-9" dirty="0">
                <a:latin typeface="ＭＳ Ｐゴシック"/>
                <a:cs typeface="ＭＳ Ｐゴシック"/>
              </a:rPr>
              <a:t>月：予算要求</a:t>
            </a:r>
            <a:endParaRPr sz="812">
              <a:latin typeface="ＭＳ Ｐゴシック"/>
              <a:cs typeface="ＭＳ Ｐゴシック"/>
            </a:endParaRPr>
          </a:p>
        </p:txBody>
      </p:sp>
      <p:sp>
        <p:nvSpPr>
          <p:cNvPr id="19" name="object 19"/>
          <p:cNvSpPr txBox="1"/>
          <p:nvPr/>
        </p:nvSpPr>
        <p:spPr>
          <a:xfrm>
            <a:off x="5917753" y="5636266"/>
            <a:ext cx="2377223" cy="460157"/>
          </a:xfrm>
          <a:prstGeom prst="rect">
            <a:avLst/>
          </a:prstGeom>
          <a:solidFill>
            <a:srgbClr val="FFFFFF"/>
          </a:solidFill>
          <a:ln w="13715">
            <a:solidFill>
              <a:srgbClr val="1C334D"/>
            </a:solidFill>
          </a:ln>
        </p:spPr>
        <p:txBody>
          <a:bodyPr vert="horz" wrap="square" lIns="0" tIns="36924" rIns="0" bIns="0" rtlCol="0">
            <a:spAutoFit/>
          </a:bodyPr>
          <a:lstStyle/>
          <a:p>
            <a:pPr marL="162354" marR="381721" indent="-78190">
              <a:lnSpc>
                <a:spcPct val="102800"/>
              </a:lnSpc>
              <a:spcBef>
                <a:spcPts val="291"/>
              </a:spcBef>
            </a:pPr>
            <a:r>
              <a:rPr sz="898" dirty="0">
                <a:latin typeface="ＭＳ Ｐゴシック"/>
                <a:cs typeface="ＭＳ Ｐゴシック"/>
              </a:rPr>
              <a:t>4</a:t>
            </a:r>
            <a:r>
              <a:rPr sz="898" spc="-4" dirty="0">
                <a:latin typeface="ＭＳ Ｐゴシック"/>
                <a:cs typeface="ＭＳ Ｐゴシック"/>
              </a:rPr>
              <a:t>月以降：方針に基づく取り組みの実施</a:t>
            </a:r>
            <a:r>
              <a:rPr sz="898" dirty="0">
                <a:latin typeface="ＭＳ Ｐゴシック"/>
                <a:cs typeface="ＭＳ Ｐゴシック"/>
              </a:rPr>
              <a:t>例）</a:t>
            </a:r>
            <a:r>
              <a:rPr sz="898" spc="-9" dirty="0">
                <a:latin typeface="ＭＳ Ｐゴシック"/>
                <a:cs typeface="ＭＳ Ｐゴシック"/>
              </a:rPr>
              <a:t>・新技術実証/実装</a:t>
            </a:r>
            <a:endParaRPr sz="898">
              <a:latin typeface="ＭＳ Ｐゴシック"/>
              <a:cs typeface="ＭＳ Ｐゴシック"/>
            </a:endParaRPr>
          </a:p>
          <a:p>
            <a:pPr marL="317648">
              <a:spcBef>
                <a:spcPts val="30"/>
              </a:spcBef>
            </a:pPr>
            <a:r>
              <a:rPr sz="898" spc="13" dirty="0">
                <a:latin typeface="ＭＳ Ｐゴシック"/>
                <a:cs typeface="ＭＳ Ｐゴシック"/>
              </a:rPr>
              <a:t>・舗装長寿命化修繕計画の策定  等</a:t>
            </a:r>
            <a:endParaRPr sz="898">
              <a:latin typeface="ＭＳ Ｐゴシック"/>
              <a:cs typeface="ＭＳ Ｐゴシック"/>
            </a:endParaRPr>
          </a:p>
        </p:txBody>
      </p:sp>
      <p:sp>
        <p:nvSpPr>
          <p:cNvPr id="20" name="object 20"/>
          <p:cNvSpPr txBox="1"/>
          <p:nvPr/>
        </p:nvSpPr>
        <p:spPr>
          <a:xfrm>
            <a:off x="5178515" y="2484898"/>
            <a:ext cx="3540314" cy="1346104"/>
          </a:xfrm>
          <a:prstGeom prst="rect">
            <a:avLst/>
          </a:prstGeom>
        </p:spPr>
        <p:txBody>
          <a:bodyPr vert="horz" wrap="square" lIns="0" tIns="10317" rIns="0" bIns="0" rtlCol="0">
            <a:spAutoFit/>
          </a:bodyPr>
          <a:lstStyle/>
          <a:p>
            <a:pPr marL="141720" marR="4344" indent="-131403">
              <a:spcBef>
                <a:spcPts val="81"/>
              </a:spcBef>
            </a:pPr>
            <a:r>
              <a:rPr sz="1112" spc="-17" dirty="0">
                <a:latin typeface="ＭＳ Ｐゴシック"/>
                <a:cs typeface="ＭＳ Ｐゴシック"/>
              </a:rPr>
              <a:t>〇</a:t>
            </a:r>
            <a:r>
              <a:rPr sz="1112" spc="-9" dirty="0">
                <a:latin typeface="ＭＳ Ｐゴシック"/>
                <a:cs typeface="ＭＳ Ｐゴシック"/>
              </a:rPr>
              <a:t>9</a:t>
            </a:r>
            <a:r>
              <a:rPr sz="1112" spc="-26" dirty="0">
                <a:latin typeface="ＭＳ Ｐゴシック"/>
                <a:cs typeface="ＭＳ Ｐゴシック"/>
              </a:rPr>
              <a:t>月をめどに、ハンズオン支援事業において実施する事業</a:t>
            </a:r>
            <a:r>
              <a:rPr sz="1112" spc="-30" dirty="0">
                <a:latin typeface="ＭＳ Ｐゴシック"/>
                <a:cs typeface="ＭＳ Ｐゴシック"/>
              </a:rPr>
              <a:t>の方針決定。桜川市としての方針を整理</a:t>
            </a:r>
            <a:endParaRPr sz="1112">
              <a:latin typeface="ＭＳ Ｐゴシック"/>
              <a:cs typeface="ＭＳ Ｐゴシック"/>
            </a:endParaRPr>
          </a:p>
          <a:p>
            <a:pPr marL="151494" indent="-141177">
              <a:spcBef>
                <a:spcPts val="552"/>
              </a:spcBef>
              <a:buSzPct val="92307"/>
              <a:buChar char="○"/>
              <a:tabLst>
                <a:tab pos="151494" algn="l"/>
              </a:tabLst>
            </a:pPr>
            <a:r>
              <a:rPr sz="1112" spc="-9" dirty="0">
                <a:latin typeface="ＭＳ Ｐゴシック"/>
                <a:cs typeface="ＭＳ Ｐゴシック"/>
              </a:rPr>
              <a:t>10</a:t>
            </a:r>
            <a:r>
              <a:rPr sz="1112" spc="-26" dirty="0">
                <a:latin typeface="ＭＳ Ｐゴシック"/>
                <a:cs typeface="ＭＳ Ｐゴシック"/>
              </a:rPr>
              <a:t>月、令和７年度予算に向けた概算要求を実施</a:t>
            </a:r>
            <a:endParaRPr sz="1112">
              <a:latin typeface="ＭＳ Ｐゴシック"/>
              <a:cs typeface="ＭＳ Ｐゴシック"/>
            </a:endParaRPr>
          </a:p>
          <a:p>
            <a:pPr marL="150951" marR="1072402" indent="-141177">
              <a:spcBef>
                <a:spcPts val="547"/>
              </a:spcBef>
              <a:buSzPct val="92307"/>
              <a:buChar char="○"/>
              <a:tabLst>
                <a:tab pos="236200" algn="l"/>
              </a:tabLst>
            </a:pPr>
            <a:r>
              <a:rPr sz="1112" spc="-9" dirty="0">
                <a:latin typeface="ＭＳ Ｐゴシック"/>
                <a:cs typeface="ＭＳ Ｐゴシック"/>
              </a:rPr>
              <a:t>4</a:t>
            </a:r>
            <a:r>
              <a:rPr sz="1112" spc="-30" dirty="0">
                <a:latin typeface="ＭＳ Ｐゴシック"/>
                <a:cs typeface="ＭＳ Ｐゴシック"/>
              </a:rPr>
              <a:t>月以降、方針に基づく取り組みの実施	</a:t>
            </a:r>
            <a:r>
              <a:rPr sz="1112" spc="-17" dirty="0">
                <a:latin typeface="ＭＳ Ｐゴシック"/>
                <a:cs typeface="ＭＳ Ｐゴシック"/>
              </a:rPr>
              <a:t>例</a:t>
            </a:r>
            <a:r>
              <a:rPr sz="1112" spc="-9" dirty="0">
                <a:latin typeface="ＭＳ Ｐゴシック"/>
                <a:cs typeface="ＭＳ Ｐゴシック"/>
              </a:rPr>
              <a:t>）</a:t>
            </a:r>
            <a:r>
              <a:rPr sz="1112" spc="-21" dirty="0">
                <a:latin typeface="ＭＳ Ｐゴシック"/>
                <a:cs typeface="ＭＳ Ｐゴシック"/>
              </a:rPr>
              <a:t>・新技術実証/実装</a:t>
            </a:r>
            <a:endParaRPr sz="1112">
              <a:latin typeface="ＭＳ Ｐゴシック"/>
              <a:cs typeface="ＭＳ Ｐゴシック"/>
            </a:endParaRPr>
          </a:p>
          <a:p>
            <a:pPr marL="423531">
              <a:lnSpc>
                <a:spcPts val="1325"/>
              </a:lnSpc>
            </a:pPr>
            <a:r>
              <a:rPr sz="1112" spc="-13" dirty="0">
                <a:latin typeface="ＭＳ Ｐゴシック"/>
                <a:cs typeface="ＭＳ Ｐゴシック"/>
              </a:rPr>
              <a:t>・舗装長寿命化修繕計画の策定  等</a:t>
            </a:r>
            <a:endParaRPr sz="1112">
              <a:latin typeface="ＭＳ Ｐゴシック"/>
              <a:cs typeface="ＭＳ Ｐゴシック"/>
            </a:endParaRPr>
          </a:p>
        </p:txBody>
      </p:sp>
      <p:sp>
        <p:nvSpPr>
          <p:cNvPr id="21" name="object 21"/>
          <p:cNvSpPr txBox="1"/>
          <p:nvPr/>
        </p:nvSpPr>
        <p:spPr>
          <a:xfrm>
            <a:off x="295822" y="2121582"/>
            <a:ext cx="2158397" cy="239645"/>
          </a:xfrm>
          <a:prstGeom prst="rect">
            <a:avLst/>
          </a:prstGeom>
          <a:solidFill>
            <a:srgbClr val="B6DDE8"/>
          </a:solidFill>
          <a:ln w="10667">
            <a:solidFill>
              <a:srgbClr val="00AFEF"/>
            </a:solidFill>
          </a:ln>
        </p:spPr>
        <p:txBody>
          <a:bodyPr vert="horz" wrap="square" lIns="0" tIns="41810" rIns="0" bIns="0" rtlCol="0">
            <a:spAutoFit/>
          </a:bodyPr>
          <a:lstStyle/>
          <a:p>
            <a:pPr marL="110769">
              <a:spcBef>
                <a:spcPts val="328"/>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22" name="object 22"/>
          <p:cNvSpPr txBox="1"/>
          <p:nvPr/>
        </p:nvSpPr>
        <p:spPr>
          <a:xfrm>
            <a:off x="319008" y="2424972"/>
            <a:ext cx="4453085" cy="930221"/>
          </a:xfrm>
          <a:prstGeom prst="rect">
            <a:avLst/>
          </a:prstGeom>
        </p:spPr>
        <p:txBody>
          <a:bodyPr vert="horz" wrap="square" lIns="0" tIns="10317" rIns="0" bIns="0" rtlCol="0">
            <a:spAutoFit/>
          </a:bodyPr>
          <a:lstStyle/>
          <a:p>
            <a:pPr marL="141720" marR="4344" indent="-131403">
              <a:spcBef>
                <a:spcPts val="81"/>
              </a:spcBef>
            </a:pPr>
            <a:r>
              <a:rPr sz="1112" spc="-21" dirty="0">
                <a:latin typeface="ＭＳ Ｐゴシック"/>
                <a:cs typeface="ＭＳ Ｐゴシック"/>
              </a:rPr>
              <a:t>〇アドバイザーから、舗装の応急復旧の施工方法や包括的民間委託、技術</a:t>
            </a:r>
            <a:r>
              <a:rPr sz="1112" spc="-17" dirty="0">
                <a:latin typeface="ＭＳ Ｐゴシック"/>
                <a:cs typeface="ＭＳ Ｐゴシック"/>
              </a:rPr>
              <a:t>力向上に向けた講習会、管理水準・優先順位の設定、道路維持管理シス</a:t>
            </a:r>
            <a:r>
              <a:rPr sz="1112" spc="-21" dirty="0">
                <a:latin typeface="ＭＳ Ｐゴシック"/>
                <a:cs typeface="ＭＳ Ｐゴシック"/>
              </a:rPr>
              <a:t>テムの導入等を提案。</a:t>
            </a:r>
            <a:endParaRPr sz="1112">
              <a:latin typeface="ＭＳ Ｐゴシック"/>
              <a:cs typeface="ＭＳ Ｐゴシック"/>
            </a:endParaRPr>
          </a:p>
          <a:p>
            <a:pPr marL="141720" marR="102082" indent="-131403">
              <a:spcBef>
                <a:spcPts val="543"/>
              </a:spcBef>
              <a:buChar char="○"/>
              <a:tabLst>
                <a:tab pos="141720" algn="l"/>
                <a:tab pos="193304" algn="l"/>
              </a:tabLst>
            </a:pPr>
            <a:r>
              <a:rPr sz="1112" spc="-9" dirty="0">
                <a:latin typeface="ＭＳ Ｐゴシック"/>
                <a:cs typeface="ＭＳ Ｐゴシック"/>
              </a:rPr>
              <a:t>	SIP</a:t>
            </a:r>
            <a:r>
              <a:rPr sz="1112" spc="-30" dirty="0">
                <a:latin typeface="ＭＳ Ｐゴシック"/>
                <a:cs typeface="ＭＳ Ｐゴシック"/>
              </a:rPr>
              <a:t>スマートインフラ</a:t>
            </a:r>
            <a:r>
              <a:rPr sz="1112" spc="-9" dirty="0">
                <a:latin typeface="ＭＳ Ｐゴシック"/>
                <a:cs typeface="ＭＳ Ｐゴシック"/>
              </a:rPr>
              <a:t>（</a:t>
            </a:r>
            <a:r>
              <a:rPr sz="1112" spc="-21" dirty="0">
                <a:latin typeface="ＭＳ Ｐゴシック"/>
                <a:cs typeface="ＭＳ Ｐゴシック"/>
              </a:rPr>
              <a:t>サブ課題</a:t>
            </a:r>
            <a:r>
              <a:rPr sz="1112" spc="-9" dirty="0">
                <a:latin typeface="ＭＳ Ｐゴシック"/>
                <a:cs typeface="ＭＳ Ｐゴシック"/>
              </a:rPr>
              <a:t>C）</a:t>
            </a:r>
            <a:r>
              <a:rPr sz="1112" spc="-30" dirty="0">
                <a:latin typeface="ＭＳ Ｐゴシック"/>
                <a:cs typeface="ＭＳ Ｐゴシック"/>
              </a:rPr>
              <a:t>から、舗装に関する研究開発を紹介。</a:t>
            </a:r>
            <a:r>
              <a:rPr sz="1112" spc="-26" dirty="0">
                <a:latin typeface="ＭＳ Ｐゴシック"/>
                <a:cs typeface="ＭＳ Ｐゴシック"/>
              </a:rPr>
              <a:t>連携可能性を探る。</a:t>
            </a:r>
            <a:endParaRPr sz="1112">
              <a:latin typeface="ＭＳ Ｐゴシック"/>
              <a:cs typeface="ＭＳ Ｐゴシック"/>
            </a:endParaRPr>
          </a:p>
        </p:txBody>
      </p:sp>
      <p:sp>
        <p:nvSpPr>
          <p:cNvPr id="23" name="object 23"/>
          <p:cNvSpPr txBox="1"/>
          <p:nvPr/>
        </p:nvSpPr>
        <p:spPr>
          <a:xfrm>
            <a:off x="3389253" y="6220788"/>
            <a:ext cx="1505719" cy="251061"/>
          </a:xfrm>
          <a:prstGeom prst="rect">
            <a:avLst/>
          </a:prstGeom>
        </p:spPr>
        <p:txBody>
          <a:bodyPr vert="horz" wrap="square" lIns="0" tIns="10317" rIns="0" bIns="0" rtlCol="0">
            <a:spAutoFit/>
          </a:bodyPr>
          <a:lstStyle/>
          <a:p>
            <a:pPr marL="186244" marR="4344" indent="-175928">
              <a:lnSpc>
                <a:spcPct val="102200"/>
              </a:lnSpc>
              <a:spcBef>
                <a:spcPts val="81"/>
              </a:spcBef>
            </a:pPr>
            <a:r>
              <a:rPr sz="812" dirty="0">
                <a:latin typeface="ＭＳ Ｐゴシック"/>
                <a:cs typeface="ＭＳ Ｐゴシック"/>
              </a:rPr>
              <a:t>出典</a:t>
            </a:r>
            <a:r>
              <a:rPr sz="812" spc="-9" dirty="0">
                <a:latin typeface="ＭＳ Ｐゴシック"/>
                <a:cs typeface="ＭＳ Ｐゴシック"/>
              </a:rPr>
              <a:t>）</a:t>
            </a:r>
            <a:r>
              <a:rPr sz="812" spc="-9" dirty="0">
                <a:latin typeface="ＭＳ Ｐゴシック"/>
                <a:cs typeface="ＭＳ Ｐゴシック"/>
                <a:hlinkClick r:id="rId3"/>
              </a:rPr>
              <a:t>http://www.dohkenkyo.net/</a:t>
            </a:r>
            <a:r>
              <a:rPr sz="812" spc="-9" dirty="0">
                <a:latin typeface="ＭＳ Ｐゴシック"/>
                <a:cs typeface="ＭＳ Ｐゴシック"/>
              </a:rPr>
              <a:t> pavement/meisyo/fogusi.html</a:t>
            </a:r>
            <a:endParaRPr sz="812">
              <a:latin typeface="ＭＳ Ｐゴシック"/>
              <a:cs typeface="ＭＳ Ｐゴシック"/>
            </a:endParaRPr>
          </a:p>
        </p:txBody>
      </p:sp>
      <p:sp>
        <p:nvSpPr>
          <p:cNvPr id="24" name="object 24"/>
          <p:cNvSpPr txBox="1"/>
          <p:nvPr/>
        </p:nvSpPr>
        <p:spPr>
          <a:xfrm>
            <a:off x="5908631" y="3977315"/>
            <a:ext cx="2356589" cy="319574"/>
          </a:xfrm>
          <a:prstGeom prst="rect">
            <a:avLst/>
          </a:prstGeom>
          <a:solidFill>
            <a:srgbClr val="FFFFFF"/>
          </a:solidFill>
          <a:ln w="13715">
            <a:solidFill>
              <a:srgbClr val="1C334D"/>
            </a:solidFill>
          </a:ln>
        </p:spPr>
        <p:txBody>
          <a:bodyPr vert="horz" wrap="square" lIns="0" tIns="68960" rIns="0" bIns="0" rtlCol="0">
            <a:spAutoFit/>
          </a:bodyPr>
          <a:lstStyle/>
          <a:p>
            <a:pPr>
              <a:spcBef>
                <a:spcPts val="543"/>
              </a:spcBef>
            </a:pPr>
            <a:endParaRPr sz="812">
              <a:latin typeface="Times New Roman"/>
              <a:cs typeface="Times New Roman"/>
            </a:endParaRPr>
          </a:p>
          <a:p>
            <a:pPr marL="85792"/>
            <a:r>
              <a:rPr sz="812" spc="-4" dirty="0">
                <a:latin typeface="ＭＳ Ｐゴシック"/>
                <a:cs typeface="ＭＳ Ｐゴシック"/>
              </a:rPr>
              <a:t>現地踏査、課題の把握</a:t>
            </a:r>
            <a:endParaRPr sz="812">
              <a:latin typeface="ＭＳ Ｐゴシック"/>
              <a:cs typeface="ＭＳ Ｐゴシック"/>
            </a:endParaRPr>
          </a:p>
        </p:txBody>
      </p:sp>
      <p:sp>
        <p:nvSpPr>
          <p:cNvPr id="25" name="object 25"/>
          <p:cNvSpPr txBox="1"/>
          <p:nvPr/>
        </p:nvSpPr>
        <p:spPr>
          <a:xfrm>
            <a:off x="5456427" y="3918670"/>
            <a:ext cx="2891980" cy="2043515"/>
          </a:xfrm>
          <a:prstGeom prst="rect">
            <a:avLst/>
          </a:prstGeom>
        </p:spPr>
        <p:txBody>
          <a:bodyPr vert="horz" wrap="square" lIns="0" tIns="54299" rIns="0" bIns="0" rtlCol="0">
            <a:spAutoFit/>
          </a:bodyPr>
          <a:lstStyle/>
          <a:p>
            <a:pPr>
              <a:spcBef>
                <a:spcPts val="428"/>
              </a:spcBef>
            </a:pPr>
            <a:endParaRPr sz="898">
              <a:latin typeface="Times New Roman"/>
              <a:cs typeface="Times New Roman"/>
            </a:endParaRPr>
          </a:p>
          <a:p>
            <a:pPr marL="197648"/>
            <a:r>
              <a:rPr sz="898" spc="-43" dirty="0">
                <a:solidFill>
                  <a:srgbClr val="FFFFFF"/>
                </a:solidFill>
                <a:latin typeface="ＭＳ Ｐゴシック"/>
                <a:cs typeface="ＭＳ Ｐゴシック"/>
              </a:rPr>
              <a:t>R</a:t>
            </a:r>
            <a:endParaRPr sz="898">
              <a:latin typeface="ＭＳ Ｐゴシック"/>
              <a:cs typeface="ＭＳ Ｐゴシック"/>
            </a:endParaRPr>
          </a:p>
          <a:p>
            <a:pPr marL="194389">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a:p>
            <a:pPr>
              <a:lnSpc>
                <a:spcPct val="100000"/>
              </a:lnSpc>
            </a:pP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924"/>
              </a:spcBef>
            </a:pPr>
            <a:endParaRPr sz="898">
              <a:latin typeface="ＭＳ Ｐゴシック"/>
              <a:cs typeface="ＭＳ Ｐゴシック"/>
            </a:endParaRPr>
          </a:p>
          <a:p>
            <a:pPr marL="210679"/>
            <a:r>
              <a:rPr sz="898" spc="-43" dirty="0">
                <a:solidFill>
                  <a:srgbClr val="FFFFFF"/>
                </a:solidFill>
                <a:latin typeface="ＭＳ Ｐゴシック"/>
                <a:cs typeface="ＭＳ Ｐゴシック"/>
              </a:rPr>
              <a:t>R</a:t>
            </a:r>
            <a:endParaRPr sz="898">
              <a:latin typeface="ＭＳ Ｐゴシック"/>
              <a:cs typeface="ＭＳ Ｐゴシック"/>
            </a:endParaRPr>
          </a:p>
          <a:p>
            <a:pPr marL="206879">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a:p>
            <a:pPr>
              <a:lnSpc>
                <a:spcPct val="100000"/>
              </a:lnSpc>
            </a:pP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603"/>
              </a:spcBef>
            </a:pPr>
            <a:endParaRPr sz="898">
              <a:latin typeface="ＭＳ Ｐゴシック"/>
              <a:cs typeface="ＭＳ Ｐゴシック"/>
            </a:endParaRPr>
          </a:p>
          <a:p>
            <a:pPr marL="210679"/>
            <a:r>
              <a:rPr sz="898" spc="-43" dirty="0">
                <a:solidFill>
                  <a:srgbClr val="FFFFFF"/>
                </a:solidFill>
                <a:latin typeface="ＭＳ Ｐゴシック"/>
                <a:cs typeface="ＭＳ Ｐゴシック"/>
              </a:rPr>
              <a:t>R</a:t>
            </a:r>
            <a:endParaRPr sz="898">
              <a:latin typeface="ＭＳ Ｐゴシック"/>
              <a:cs typeface="ＭＳ Ｐゴシック"/>
            </a:endParaRPr>
          </a:p>
          <a:p>
            <a:pPr marL="206879">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pic>
        <p:nvPicPr>
          <p:cNvPr id="26" name="object 26"/>
          <p:cNvPicPr/>
          <p:nvPr/>
        </p:nvPicPr>
        <p:blipFill>
          <a:blip r:embed="rId4" cstate="print"/>
          <a:stretch>
            <a:fillRect/>
          </a:stretch>
        </p:blipFill>
        <p:spPr>
          <a:xfrm>
            <a:off x="61249" y="5108477"/>
            <a:ext cx="3287930" cy="1253661"/>
          </a:xfrm>
          <a:prstGeom prst="rect">
            <a:avLst/>
          </a:prstGeom>
        </p:spPr>
      </p:pic>
      <p:sp>
        <p:nvSpPr>
          <p:cNvPr id="27" name="object 27"/>
          <p:cNvSpPr txBox="1"/>
          <p:nvPr/>
        </p:nvSpPr>
        <p:spPr>
          <a:xfrm>
            <a:off x="319008" y="3725202"/>
            <a:ext cx="4503583" cy="1367456"/>
          </a:xfrm>
          <a:prstGeom prst="rect">
            <a:avLst/>
          </a:prstGeom>
        </p:spPr>
        <p:txBody>
          <a:bodyPr vert="horz" wrap="square" lIns="0" tIns="10317" rIns="0" bIns="0" rtlCol="0">
            <a:spAutoFit/>
          </a:bodyPr>
          <a:lstStyle/>
          <a:p>
            <a:pPr marL="141720" marR="61901" indent="-131403">
              <a:spcBef>
                <a:spcPts val="81"/>
              </a:spcBef>
            </a:pPr>
            <a:r>
              <a:rPr sz="1112" spc="-21" dirty="0">
                <a:latin typeface="ＭＳ Ｐゴシック"/>
                <a:cs typeface="ＭＳ Ｐゴシック"/>
              </a:rPr>
              <a:t>〇道路舗装について、有効な補修工法を検討するとともに、職員の体制・人材育成など含めた、桜川市の実情にあった道路舗装管理の仕組み作りを</a:t>
            </a:r>
            <a:r>
              <a:rPr sz="1112" spc="-13" dirty="0">
                <a:latin typeface="ＭＳ Ｐゴシック"/>
                <a:cs typeface="ＭＳ Ｐゴシック"/>
              </a:rPr>
              <a:t>目指す。</a:t>
            </a:r>
            <a:endParaRPr sz="1112">
              <a:latin typeface="ＭＳ Ｐゴシック"/>
              <a:cs typeface="ＭＳ Ｐゴシック"/>
            </a:endParaRPr>
          </a:p>
          <a:p>
            <a:pPr marL="141720" marR="118371" indent="-131946">
              <a:lnSpc>
                <a:spcPct val="99600"/>
              </a:lnSpc>
              <a:spcBef>
                <a:spcPts val="547"/>
              </a:spcBef>
              <a:buSzPct val="92307"/>
              <a:buChar char="○"/>
              <a:tabLst>
                <a:tab pos="141720" algn="l"/>
                <a:tab pos="150951" algn="l"/>
              </a:tabLst>
            </a:pPr>
            <a:r>
              <a:rPr sz="1112" dirty="0">
                <a:latin typeface="ＭＳ Ｐゴシック"/>
                <a:cs typeface="ＭＳ Ｐゴシック"/>
              </a:rPr>
              <a:t>	</a:t>
            </a:r>
            <a:r>
              <a:rPr sz="1112" spc="-9" dirty="0">
                <a:latin typeface="ＭＳ Ｐゴシック"/>
                <a:cs typeface="ＭＳ Ｐゴシック"/>
              </a:rPr>
              <a:t>SIP</a:t>
            </a:r>
            <a:r>
              <a:rPr sz="1112" spc="-21" dirty="0">
                <a:latin typeface="ＭＳ Ｐゴシック"/>
                <a:cs typeface="ＭＳ Ｐゴシック"/>
              </a:rPr>
              <a:t>スマートインフラ</a:t>
            </a:r>
            <a:r>
              <a:rPr sz="1112" spc="-9" dirty="0">
                <a:latin typeface="ＭＳ Ｐゴシック"/>
                <a:cs typeface="ＭＳ Ｐゴシック"/>
              </a:rPr>
              <a:t>（</a:t>
            </a:r>
            <a:r>
              <a:rPr sz="1112" spc="-26" dirty="0">
                <a:latin typeface="ＭＳ Ｐゴシック"/>
                <a:cs typeface="ＭＳ Ｐゴシック"/>
              </a:rPr>
              <a:t>サブ課題</a:t>
            </a:r>
            <a:r>
              <a:rPr sz="1112" spc="-9" dirty="0">
                <a:latin typeface="ＭＳ Ｐゴシック"/>
                <a:cs typeface="ＭＳ Ｐゴシック"/>
              </a:rPr>
              <a:t>C）</a:t>
            </a:r>
            <a:r>
              <a:rPr sz="1112" spc="-17" dirty="0">
                <a:latin typeface="ＭＳ Ｐゴシック"/>
                <a:cs typeface="ＭＳ Ｐゴシック"/>
              </a:rPr>
              <a:t>から、デジタル点検技術</a:t>
            </a:r>
            <a:r>
              <a:rPr sz="1112" spc="-9" dirty="0">
                <a:latin typeface="ＭＳ Ｐゴシック"/>
                <a:cs typeface="ＭＳ Ｐゴシック"/>
              </a:rPr>
              <a:t>（</a:t>
            </a:r>
            <a:r>
              <a:rPr sz="1112" spc="-17" dirty="0">
                <a:latin typeface="ＭＳ Ｐゴシック"/>
                <a:cs typeface="ＭＳ Ｐゴシック"/>
              </a:rPr>
              <a:t>カメラ等</a:t>
            </a:r>
            <a:r>
              <a:rPr sz="1112" spc="-9" dirty="0">
                <a:latin typeface="ＭＳ Ｐゴシック"/>
                <a:cs typeface="ＭＳ Ｐゴシック"/>
              </a:rPr>
              <a:t>）</a:t>
            </a:r>
            <a:r>
              <a:rPr sz="1112" spc="-34" dirty="0">
                <a:latin typeface="ＭＳ Ｐゴシック"/>
                <a:cs typeface="ＭＳ Ｐゴシック"/>
              </a:rPr>
              <a:t>を用</a:t>
            </a:r>
            <a:r>
              <a:rPr sz="1112" spc="-26" dirty="0">
                <a:latin typeface="ＭＳ Ｐゴシック"/>
                <a:cs typeface="ＭＳ Ｐゴシック"/>
              </a:rPr>
              <a:t>いた路面点検の効率化と実装、自治体が行う補修計画の支援との連携</a:t>
            </a:r>
            <a:r>
              <a:rPr sz="1112" spc="-30" dirty="0">
                <a:latin typeface="ＭＳ Ｐゴシック"/>
                <a:cs typeface="ＭＳ Ｐゴシック"/>
              </a:rPr>
              <a:t>を提案。</a:t>
            </a:r>
            <a:endParaRPr sz="1112">
              <a:latin typeface="ＭＳ Ｐゴシック"/>
              <a:cs typeface="ＭＳ Ｐゴシック"/>
            </a:endParaRPr>
          </a:p>
          <a:p>
            <a:pPr marL="204707">
              <a:spcBef>
                <a:spcPts val="1073"/>
              </a:spcBef>
              <a:tabLst>
                <a:tab pos="3235668" algn="l"/>
              </a:tabLst>
            </a:pPr>
            <a:r>
              <a:rPr sz="1219" baseline="5847" dirty="0">
                <a:latin typeface="ＭＳ Ｐゴシック"/>
                <a:cs typeface="ＭＳ Ｐゴシック"/>
              </a:rPr>
              <a:t>舗装の維持管理の効率化・高度化</a:t>
            </a:r>
            <a:r>
              <a:rPr sz="1219" spc="435" baseline="5847" dirty="0">
                <a:latin typeface="ＭＳ Ｐゴシック"/>
                <a:cs typeface="ＭＳ Ｐゴシック"/>
              </a:rPr>
              <a:t> </a:t>
            </a:r>
            <a:r>
              <a:rPr sz="1219" baseline="5847" dirty="0">
                <a:latin typeface="ＭＳ Ｐゴシック"/>
                <a:cs typeface="ＭＳ Ｐゴシック"/>
              </a:rPr>
              <a:t>《SIPインフラ</a:t>
            </a:r>
            <a:r>
              <a:rPr sz="1219" spc="-64" baseline="5847" dirty="0">
                <a:latin typeface="ＭＳ Ｐゴシック"/>
                <a:cs typeface="ＭＳ Ｐゴシック"/>
              </a:rPr>
              <a:t>》</a:t>
            </a:r>
            <a:r>
              <a:rPr sz="1219" baseline="5847" dirty="0">
                <a:latin typeface="ＭＳ Ｐゴシック"/>
                <a:cs typeface="ＭＳ Ｐゴシック"/>
              </a:rPr>
              <a:t>	</a:t>
            </a:r>
            <a:r>
              <a:rPr sz="812" dirty="0">
                <a:latin typeface="ＭＳ Ｐゴシック"/>
                <a:cs typeface="ＭＳ Ｐゴシック"/>
              </a:rPr>
              <a:t>維持修繕方法の柔軟な運</a:t>
            </a:r>
            <a:r>
              <a:rPr sz="812" spc="-43" dirty="0">
                <a:latin typeface="ＭＳ Ｐゴシック"/>
                <a:cs typeface="ＭＳ Ｐゴシック"/>
              </a:rPr>
              <a:t>用</a:t>
            </a:r>
            <a:endParaRPr sz="812">
              <a:latin typeface="ＭＳ Ｐゴシック"/>
              <a:cs typeface="ＭＳ Ｐゴシック"/>
            </a:endParaRPr>
          </a:p>
        </p:txBody>
      </p:sp>
      <p:sp>
        <p:nvSpPr>
          <p:cNvPr id="28" name="object 28"/>
          <p:cNvSpPr txBox="1"/>
          <p:nvPr/>
        </p:nvSpPr>
        <p:spPr>
          <a:xfrm>
            <a:off x="303339" y="6370878"/>
            <a:ext cx="1211417" cy="263099"/>
          </a:xfrm>
          <a:prstGeom prst="rect">
            <a:avLst/>
          </a:prstGeom>
        </p:spPr>
        <p:txBody>
          <a:bodyPr vert="horz" wrap="square" lIns="0" tIns="13032" rIns="0" bIns="0" rtlCol="0">
            <a:spAutoFit/>
          </a:bodyPr>
          <a:lstStyle/>
          <a:p>
            <a:pPr marL="10860">
              <a:spcBef>
                <a:spcPts val="103"/>
              </a:spcBef>
            </a:pPr>
            <a:r>
              <a:rPr sz="812" dirty="0">
                <a:latin typeface="ＭＳ Ｐゴシック"/>
                <a:cs typeface="ＭＳ Ｐゴシック"/>
              </a:rPr>
              <a:t>出典）SIP</a:t>
            </a:r>
            <a:r>
              <a:rPr sz="812" spc="-9" dirty="0">
                <a:latin typeface="ＭＳ Ｐゴシック"/>
                <a:cs typeface="ＭＳ Ｐゴシック"/>
              </a:rPr>
              <a:t>インフラ提供資料</a:t>
            </a:r>
            <a:endParaRPr sz="812">
              <a:latin typeface="ＭＳ Ｐゴシック"/>
              <a:cs typeface="ＭＳ Ｐゴシック"/>
            </a:endParaRPr>
          </a:p>
        </p:txBody>
      </p:sp>
      <p:sp>
        <p:nvSpPr>
          <p:cNvPr id="29" name="object 29"/>
          <p:cNvSpPr txBox="1"/>
          <p:nvPr/>
        </p:nvSpPr>
        <p:spPr>
          <a:xfrm>
            <a:off x="8941029" y="6292310"/>
            <a:ext cx="115657" cy="237487"/>
          </a:xfrm>
          <a:prstGeom prst="rect">
            <a:avLst/>
          </a:prstGeom>
        </p:spPr>
        <p:txBody>
          <a:bodyPr vert="horz" wrap="square" lIns="0" tIns="13575" rIns="0" bIns="0" rtlCol="0">
            <a:spAutoFit/>
          </a:bodyPr>
          <a:lstStyle/>
          <a:p>
            <a:pPr marL="10860">
              <a:spcBef>
                <a:spcPts val="107"/>
              </a:spcBef>
            </a:pPr>
            <a:r>
              <a:rPr sz="1454" spc="-43" dirty="0">
                <a:latin typeface="ＭＳ Ｐゴシック"/>
                <a:cs typeface="ＭＳ Ｐゴシック"/>
              </a:rPr>
              <a:t>6</a:t>
            </a:r>
            <a:endParaRPr sz="1454">
              <a:latin typeface="ＭＳ Ｐゴシック"/>
              <a:cs typeface="ＭＳ Ｐゴシック"/>
            </a:endParaRPr>
          </a:p>
        </p:txBody>
      </p:sp>
      <p:sp>
        <p:nvSpPr>
          <p:cNvPr id="30" name="object 30"/>
          <p:cNvSpPr txBox="1"/>
          <p:nvPr/>
        </p:nvSpPr>
        <p:spPr>
          <a:xfrm>
            <a:off x="1869756" y="851685"/>
            <a:ext cx="1089244" cy="406914"/>
          </a:xfrm>
          <a:prstGeom prst="rect">
            <a:avLst/>
          </a:prstGeom>
        </p:spPr>
        <p:txBody>
          <a:bodyPr vert="horz" wrap="square" lIns="0" tIns="11946" rIns="0" bIns="0" rtlCol="0">
            <a:spAutoFit/>
          </a:bodyPr>
          <a:lstStyle/>
          <a:p>
            <a:pPr marL="10860">
              <a:spcBef>
                <a:spcPts val="94"/>
              </a:spcBef>
            </a:pPr>
            <a:r>
              <a:rPr sz="1283" spc="-9" dirty="0">
                <a:latin typeface="ＭＳ Ｐゴシック"/>
                <a:cs typeface="ＭＳ Ｐゴシック"/>
              </a:rPr>
              <a:t>支援対象：舗装</a:t>
            </a:r>
            <a:endParaRPr sz="1283">
              <a:latin typeface="ＭＳ Ｐゴシック"/>
              <a:cs typeface="ＭＳ Ｐゴシック"/>
            </a:endParaRPr>
          </a:p>
        </p:txBody>
      </p:sp>
      <p:sp>
        <p:nvSpPr>
          <p:cNvPr id="31" name="object 31"/>
          <p:cNvSpPr txBox="1"/>
          <p:nvPr/>
        </p:nvSpPr>
        <p:spPr>
          <a:xfrm>
            <a:off x="250211" y="821005"/>
            <a:ext cx="1484542" cy="239096"/>
          </a:xfrm>
          <a:prstGeom prst="rect">
            <a:avLst/>
          </a:prstGeom>
          <a:ln w="13715">
            <a:solidFill>
              <a:srgbClr val="000000"/>
            </a:solidFill>
          </a:ln>
        </p:spPr>
        <p:txBody>
          <a:bodyPr vert="horz" wrap="square" lIns="0" tIns="41267" rIns="0" bIns="0" rtlCol="0">
            <a:spAutoFit/>
          </a:bodyPr>
          <a:lstStyle/>
          <a:p>
            <a:pPr marL="176471">
              <a:spcBef>
                <a:spcPts val="325"/>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32" name="object 32"/>
          <p:cNvSpPr txBox="1"/>
          <p:nvPr/>
        </p:nvSpPr>
        <p:spPr>
          <a:xfrm>
            <a:off x="5155392" y="2118975"/>
            <a:ext cx="1974322" cy="239645"/>
          </a:xfrm>
          <a:prstGeom prst="rect">
            <a:avLst/>
          </a:prstGeom>
          <a:solidFill>
            <a:srgbClr val="B6DDE8"/>
          </a:solidFill>
          <a:ln w="10667">
            <a:solidFill>
              <a:srgbClr val="00AFEF"/>
            </a:solidFill>
          </a:ln>
        </p:spPr>
        <p:txBody>
          <a:bodyPr vert="horz" wrap="square" lIns="0" tIns="41810" rIns="0" bIns="0" rtlCol="0">
            <a:spAutoFit/>
          </a:bodyPr>
          <a:lstStyle/>
          <a:p>
            <a:pPr marL="133032">
              <a:spcBef>
                <a:spcPts val="328"/>
              </a:spcBef>
            </a:pPr>
            <a:r>
              <a:rPr sz="1283" spc="-13" dirty="0">
                <a:latin typeface="ＭＳ Ｐゴシック"/>
                <a:cs typeface="ＭＳ Ｐゴシック"/>
              </a:rPr>
              <a:t>具体な検討スケジュール</a:t>
            </a:r>
            <a:endParaRPr sz="1283">
              <a:latin typeface="ＭＳ Ｐゴシック"/>
              <a:cs typeface="ＭＳ Ｐゴシック"/>
            </a:endParaRPr>
          </a:p>
        </p:txBody>
      </p:sp>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117789" y="361922"/>
            <a:ext cx="7333119"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新潟県十日町市</a:t>
            </a:r>
            <a:r>
              <a:rPr spc="-9" dirty="0"/>
              <a:t>）</a:t>
            </a:r>
            <a:r>
              <a:rPr spc="-30" dirty="0"/>
              <a:t>排雪・攪拌作業の効率化、除雪体制適正化への助言、情報提供</a:t>
            </a:r>
          </a:p>
        </p:txBody>
      </p:sp>
      <p:sp>
        <p:nvSpPr>
          <p:cNvPr id="3" name="object 3"/>
          <p:cNvSpPr txBox="1"/>
          <p:nvPr/>
        </p:nvSpPr>
        <p:spPr>
          <a:xfrm>
            <a:off x="8941029" y="6292310"/>
            <a:ext cx="115657" cy="237487"/>
          </a:xfrm>
          <a:prstGeom prst="rect">
            <a:avLst/>
          </a:prstGeom>
        </p:spPr>
        <p:txBody>
          <a:bodyPr vert="horz" wrap="square" lIns="0" tIns="13575" rIns="0" bIns="0" rtlCol="0">
            <a:spAutoFit/>
          </a:bodyPr>
          <a:lstStyle/>
          <a:p>
            <a:pPr marL="10860">
              <a:spcBef>
                <a:spcPts val="107"/>
              </a:spcBef>
            </a:pPr>
            <a:r>
              <a:rPr sz="1454" spc="-43" dirty="0">
                <a:latin typeface="ＭＳ Ｐゴシック"/>
                <a:cs typeface="ＭＳ Ｐゴシック"/>
              </a:rPr>
              <a:t>7</a:t>
            </a:r>
            <a:endParaRPr sz="1454">
              <a:latin typeface="ＭＳ Ｐゴシック"/>
              <a:cs typeface="ＭＳ Ｐゴシック"/>
            </a:endParaRPr>
          </a:p>
        </p:txBody>
      </p:sp>
      <p:grpSp>
        <p:nvGrpSpPr>
          <p:cNvPr id="4" name="object 4"/>
          <p:cNvGrpSpPr/>
          <p:nvPr/>
        </p:nvGrpSpPr>
        <p:grpSpPr>
          <a:xfrm>
            <a:off x="7140139" y="4596327"/>
            <a:ext cx="1773958" cy="1820655"/>
            <a:chOff x="8349996" y="5146548"/>
            <a:chExt cx="2074545" cy="2129155"/>
          </a:xfrm>
        </p:grpSpPr>
        <p:sp>
          <p:nvSpPr>
            <p:cNvPr id="5" name="object 5"/>
            <p:cNvSpPr/>
            <p:nvPr/>
          </p:nvSpPr>
          <p:spPr>
            <a:xfrm>
              <a:off x="8349996" y="5146548"/>
              <a:ext cx="2074545" cy="2129155"/>
            </a:xfrm>
            <a:custGeom>
              <a:avLst/>
              <a:gdLst/>
              <a:ahLst/>
              <a:cxnLst/>
              <a:rect l="l" t="t" r="r" b="b"/>
              <a:pathLst>
                <a:path w="2074545" h="2129154">
                  <a:moveTo>
                    <a:pt x="2074164" y="2129028"/>
                  </a:moveTo>
                  <a:lnTo>
                    <a:pt x="0" y="2129028"/>
                  </a:lnTo>
                  <a:lnTo>
                    <a:pt x="0" y="0"/>
                  </a:lnTo>
                  <a:lnTo>
                    <a:pt x="2074164" y="0"/>
                  </a:lnTo>
                  <a:lnTo>
                    <a:pt x="2074164" y="2129028"/>
                  </a:lnTo>
                  <a:close/>
                </a:path>
              </a:pathLst>
            </a:custGeom>
            <a:solidFill>
              <a:srgbClr val="DBE6F2"/>
            </a:solidFill>
          </p:spPr>
          <p:txBody>
            <a:bodyPr wrap="square" lIns="0" tIns="0" rIns="0" bIns="0" rtlCol="0"/>
            <a:lstStyle/>
            <a:p>
              <a:endParaRPr sz="1749"/>
            </a:p>
          </p:txBody>
        </p:sp>
        <p:sp>
          <p:nvSpPr>
            <p:cNvPr id="6" name="object 6"/>
            <p:cNvSpPr/>
            <p:nvPr/>
          </p:nvSpPr>
          <p:spPr>
            <a:xfrm>
              <a:off x="8417052" y="5177028"/>
              <a:ext cx="279400" cy="708660"/>
            </a:xfrm>
            <a:custGeom>
              <a:avLst/>
              <a:gdLst/>
              <a:ahLst/>
              <a:cxnLst/>
              <a:rect l="l" t="t" r="r" b="b"/>
              <a:pathLst>
                <a:path w="279400" h="708660">
                  <a:moveTo>
                    <a:pt x="138683" y="708659"/>
                  </a:moveTo>
                  <a:lnTo>
                    <a:pt x="0" y="568451"/>
                  </a:lnTo>
                  <a:lnTo>
                    <a:pt x="0" y="0"/>
                  </a:lnTo>
                  <a:lnTo>
                    <a:pt x="278892" y="0"/>
                  </a:lnTo>
                  <a:lnTo>
                    <a:pt x="278892" y="568451"/>
                  </a:lnTo>
                  <a:lnTo>
                    <a:pt x="138683" y="708659"/>
                  </a:lnTo>
                  <a:close/>
                </a:path>
              </a:pathLst>
            </a:custGeom>
            <a:solidFill>
              <a:srgbClr val="4F80BC"/>
            </a:solidFill>
          </p:spPr>
          <p:txBody>
            <a:bodyPr wrap="square" lIns="0" tIns="0" rIns="0" bIns="0" rtlCol="0"/>
            <a:lstStyle/>
            <a:p>
              <a:endParaRPr sz="1749"/>
            </a:p>
          </p:txBody>
        </p:sp>
        <p:sp>
          <p:nvSpPr>
            <p:cNvPr id="7" name="object 7"/>
            <p:cNvSpPr/>
            <p:nvPr/>
          </p:nvSpPr>
          <p:spPr>
            <a:xfrm>
              <a:off x="8417052" y="5177028"/>
              <a:ext cx="279400" cy="708660"/>
            </a:xfrm>
            <a:custGeom>
              <a:avLst/>
              <a:gdLst/>
              <a:ahLst/>
              <a:cxnLst/>
              <a:rect l="l" t="t" r="r" b="b"/>
              <a:pathLst>
                <a:path w="279400" h="708660">
                  <a:moveTo>
                    <a:pt x="278892" y="0"/>
                  </a:moveTo>
                  <a:lnTo>
                    <a:pt x="278892" y="568451"/>
                  </a:lnTo>
                  <a:lnTo>
                    <a:pt x="138683" y="708659"/>
                  </a:lnTo>
                  <a:lnTo>
                    <a:pt x="0" y="568451"/>
                  </a:lnTo>
                  <a:lnTo>
                    <a:pt x="0" y="0"/>
                  </a:lnTo>
                  <a:lnTo>
                    <a:pt x="278892" y="0"/>
                  </a:lnTo>
                  <a:close/>
                </a:path>
              </a:pathLst>
            </a:custGeom>
            <a:ln w="27432">
              <a:solidFill>
                <a:srgbClr val="1C334D"/>
              </a:solidFill>
            </a:ln>
          </p:spPr>
          <p:txBody>
            <a:bodyPr wrap="square" lIns="0" tIns="0" rIns="0" bIns="0" rtlCol="0"/>
            <a:lstStyle/>
            <a:p>
              <a:endParaRPr sz="1749"/>
            </a:p>
          </p:txBody>
        </p:sp>
      </p:grpSp>
      <p:sp>
        <p:nvSpPr>
          <p:cNvPr id="8" name="object 8"/>
          <p:cNvSpPr/>
          <p:nvPr/>
        </p:nvSpPr>
        <p:spPr>
          <a:xfrm>
            <a:off x="5090232" y="4596327"/>
            <a:ext cx="1849434" cy="1820655"/>
          </a:xfrm>
          <a:custGeom>
            <a:avLst/>
            <a:gdLst/>
            <a:ahLst/>
            <a:cxnLst/>
            <a:rect l="l" t="t" r="r" b="b"/>
            <a:pathLst>
              <a:path w="2162809" h="2129154">
                <a:moveTo>
                  <a:pt x="2162555" y="2129028"/>
                </a:moveTo>
                <a:lnTo>
                  <a:pt x="0" y="2129028"/>
                </a:lnTo>
                <a:lnTo>
                  <a:pt x="0" y="0"/>
                </a:lnTo>
                <a:lnTo>
                  <a:pt x="2162555" y="0"/>
                </a:lnTo>
                <a:lnTo>
                  <a:pt x="2162555" y="2129028"/>
                </a:lnTo>
                <a:close/>
              </a:path>
            </a:pathLst>
          </a:custGeom>
          <a:solidFill>
            <a:srgbClr val="DBE6F2"/>
          </a:solidFill>
        </p:spPr>
        <p:txBody>
          <a:bodyPr wrap="square" lIns="0" tIns="0" rIns="0" bIns="0" rtlCol="0"/>
          <a:lstStyle/>
          <a:p>
            <a:endParaRPr sz="1749"/>
          </a:p>
        </p:txBody>
      </p:sp>
      <p:grpSp>
        <p:nvGrpSpPr>
          <p:cNvPr id="9" name="object 9"/>
          <p:cNvGrpSpPr/>
          <p:nvPr/>
        </p:nvGrpSpPr>
        <p:grpSpPr>
          <a:xfrm>
            <a:off x="151169" y="4901271"/>
            <a:ext cx="4670825" cy="1535584"/>
            <a:chOff x="176784" y="5503164"/>
            <a:chExt cx="5462270" cy="1795780"/>
          </a:xfrm>
        </p:grpSpPr>
        <p:sp>
          <p:nvSpPr>
            <p:cNvPr id="10" name="object 10"/>
            <p:cNvSpPr/>
            <p:nvPr/>
          </p:nvSpPr>
          <p:spPr>
            <a:xfrm>
              <a:off x="176784" y="5503164"/>
              <a:ext cx="5462270" cy="1795780"/>
            </a:xfrm>
            <a:custGeom>
              <a:avLst/>
              <a:gdLst/>
              <a:ahLst/>
              <a:cxnLst/>
              <a:rect l="l" t="t" r="r" b="b"/>
              <a:pathLst>
                <a:path w="5462270" h="1795779">
                  <a:moveTo>
                    <a:pt x="5462016" y="1795271"/>
                  </a:moveTo>
                  <a:lnTo>
                    <a:pt x="0" y="1795271"/>
                  </a:lnTo>
                  <a:lnTo>
                    <a:pt x="0" y="0"/>
                  </a:lnTo>
                  <a:lnTo>
                    <a:pt x="5462016" y="0"/>
                  </a:lnTo>
                  <a:lnTo>
                    <a:pt x="5462016" y="1795271"/>
                  </a:lnTo>
                  <a:close/>
                </a:path>
              </a:pathLst>
            </a:custGeom>
            <a:solidFill>
              <a:srgbClr val="DBE6F2"/>
            </a:solidFill>
          </p:spPr>
          <p:txBody>
            <a:bodyPr wrap="square" lIns="0" tIns="0" rIns="0" bIns="0" rtlCol="0"/>
            <a:lstStyle/>
            <a:p>
              <a:endParaRPr sz="1749"/>
            </a:p>
          </p:txBody>
        </p:sp>
        <p:pic>
          <p:nvPicPr>
            <p:cNvPr id="11" name="object 11"/>
            <p:cNvPicPr/>
            <p:nvPr/>
          </p:nvPicPr>
          <p:blipFill>
            <a:blip r:embed="rId2" cstate="print"/>
            <a:stretch>
              <a:fillRect/>
            </a:stretch>
          </p:blipFill>
          <p:spPr>
            <a:xfrm>
              <a:off x="199643" y="5724144"/>
              <a:ext cx="2257044" cy="1549907"/>
            </a:xfrm>
            <a:prstGeom prst="rect">
              <a:avLst/>
            </a:prstGeom>
          </p:spPr>
        </p:pic>
        <p:pic>
          <p:nvPicPr>
            <p:cNvPr id="12" name="object 12"/>
            <p:cNvPicPr/>
            <p:nvPr/>
          </p:nvPicPr>
          <p:blipFill>
            <a:blip r:embed="rId3" cstate="print"/>
            <a:stretch>
              <a:fillRect/>
            </a:stretch>
          </p:blipFill>
          <p:spPr>
            <a:xfrm>
              <a:off x="2936748" y="6038087"/>
              <a:ext cx="2548127" cy="1112519"/>
            </a:xfrm>
            <a:prstGeom prst="rect">
              <a:avLst/>
            </a:prstGeom>
          </p:spPr>
        </p:pic>
      </p:grpSp>
      <p:sp>
        <p:nvSpPr>
          <p:cNvPr id="13" name="object 13"/>
          <p:cNvSpPr txBox="1"/>
          <p:nvPr/>
        </p:nvSpPr>
        <p:spPr>
          <a:xfrm>
            <a:off x="271061" y="3780533"/>
            <a:ext cx="1624092" cy="239096"/>
          </a:xfrm>
          <a:prstGeom prst="rect">
            <a:avLst/>
          </a:prstGeom>
          <a:solidFill>
            <a:srgbClr val="B6DDE8"/>
          </a:solidFill>
          <a:ln w="10667">
            <a:solidFill>
              <a:srgbClr val="00AFEF"/>
            </a:solidFill>
          </a:ln>
        </p:spPr>
        <p:txBody>
          <a:bodyPr vert="horz" wrap="square" lIns="0" tIns="41267" rIns="0" bIns="0" rtlCol="0">
            <a:spAutoFit/>
          </a:bodyPr>
          <a:lstStyle/>
          <a:p>
            <a:pPr marL="154752">
              <a:spcBef>
                <a:spcPts val="325"/>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14" name="object 14"/>
          <p:cNvSpPr txBox="1"/>
          <p:nvPr/>
        </p:nvSpPr>
        <p:spPr>
          <a:xfrm>
            <a:off x="294268" y="4122694"/>
            <a:ext cx="4423220" cy="764150"/>
          </a:xfrm>
          <a:prstGeom prst="rect">
            <a:avLst/>
          </a:prstGeom>
        </p:spPr>
        <p:txBody>
          <a:bodyPr vert="horz" wrap="square" lIns="0" tIns="10317" rIns="0" bIns="0" rtlCol="0">
            <a:spAutoFit/>
          </a:bodyPr>
          <a:lstStyle/>
          <a:p>
            <a:pPr marL="141720" marR="4344" indent="-131403">
              <a:spcBef>
                <a:spcPts val="81"/>
              </a:spcBef>
            </a:pPr>
            <a:r>
              <a:rPr sz="1112" spc="-30" dirty="0">
                <a:latin typeface="ＭＳ Ｐゴシック"/>
                <a:cs typeface="ＭＳ Ｐゴシック"/>
              </a:rPr>
              <a:t>〇業者判断となっている除雪の出動を市で定量的に判断するため、積雪深を把握する新技術の活用を検討。</a:t>
            </a:r>
            <a:endParaRPr sz="1112">
              <a:latin typeface="ＭＳ Ｐゴシック"/>
              <a:cs typeface="ＭＳ Ｐゴシック"/>
            </a:endParaRPr>
          </a:p>
          <a:p>
            <a:pPr marL="141720" marR="30950" indent="-131403">
              <a:lnSpc>
                <a:spcPts val="1317"/>
              </a:lnSpc>
              <a:spcBef>
                <a:spcPts val="616"/>
              </a:spcBef>
            </a:pPr>
            <a:r>
              <a:rPr sz="1112" spc="-26" dirty="0">
                <a:latin typeface="ＭＳ Ｐゴシック"/>
                <a:cs typeface="ＭＳ Ｐゴシック"/>
              </a:rPr>
              <a:t>〇現状の攪拌による消雪の効率化のため、環境への影響が少ない融雪剤の活用を検討。</a:t>
            </a:r>
            <a:endParaRPr sz="1112">
              <a:latin typeface="ＭＳ Ｐゴシック"/>
              <a:cs typeface="ＭＳ Ｐゴシック"/>
            </a:endParaRPr>
          </a:p>
        </p:txBody>
      </p:sp>
      <p:sp>
        <p:nvSpPr>
          <p:cNvPr id="15" name="object 15"/>
          <p:cNvSpPr/>
          <p:nvPr/>
        </p:nvSpPr>
        <p:spPr>
          <a:xfrm>
            <a:off x="4950139" y="2421314"/>
            <a:ext cx="0" cy="4132719"/>
          </a:xfrm>
          <a:custGeom>
            <a:avLst/>
            <a:gdLst/>
            <a:ahLst/>
            <a:cxnLst/>
            <a:rect l="l" t="t" r="r" b="b"/>
            <a:pathLst>
              <a:path h="4832984">
                <a:moveTo>
                  <a:pt x="0" y="0"/>
                </a:moveTo>
                <a:lnTo>
                  <a:pt x="0" y="4832604"/>
                </a:lnTo>
              </a:path>
            </a:pathLst>
          </a:custGeom>
          <a:ln w="13716">
            <a:solidFill>
              <a:srgbClr val="000000"/>
            </a:solidFill>
            <a:prstDash val="sysDash"/>
          </a:ln>
        </p:spPr>
        <p:txBody>
          <a:bodyPr wrap="square" lIns="0" tIns="0" rIns="0" bIns="0" rtlCol="0"/>
          <a:lstStyle/>
          <a:p>
            <a:endParaRPr sz="1749"/>
          </a:p>
        </p:txBody>
      </p:sp>
      <p:sp>
        <p:nvSpPr>
          <p:cNvPr id="16" name="object 16"/>
          <p:cNvSpPr txBox="1"/>
          <p:nvPr/>
        </p:nvSpPr>
        <p:spPr>
          <a:xfrm>
            <a:off x="5269779" y="4263437"/>
            <a:ext cx="1570335"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①除雪出動判断の適正化</a:t>
            </a:r>
            <a:endParaRPr sz="1112">
              <a:latin typeface="ＭＳ Ｐゴシック"/>
              <a:cs typeface="ＭＳ Ｐゴシック"/>
            </a:endParaRPr>
          </a:p>
        </p:txBody>
      </p:sp>
      <p:sp>
        <p:nvSpPr>
          <p:cNvPr id="17" name="object 17"/>
          <p:cNvSpPr txBox="1"/>
          <p:nvPr/>
        </p:nvSpPr>
        <p:spPr>
          <a:xfrm>
            <a:off x="7474398" y="4283230"/>
            <a:ext cx="1288522"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②除雪方法の効率化</a:t>
            </a:r>
            <a:endParaRPr sz="1112">
              <a:latin typeface="ＭＳ Ｐゴシック"/>
              <a:cs typeface="ＭＳ Ｐゴシック"/>
            </a:endParaRPr>
          </a:p>
        </p:txBody>
      </p:sp>
      <p:sp>
        <p:nvSpPr>
          <p:cNvPr id="18" name="object 18"/>
          <p:cNvSpPr txBox="1"/>
          <p:nvPr/>
        </p:nvSpPr>
        <p:spPr>
          <a:xfrm>
            <a:off x="295822" y="2344426"/>
            <a:ext cx="2158397" cy="239096"/>
          </a:xfrm>
          <a:prstGeom prst="rect">
            <a:avLst/>
          </a:prstGeom>
          <a:solidFill>
            <a:srgbClr val="B6DDE8"/>
          </a:solidFill>
          <a:ln w="10667">
            <a:solidFill>
              <a:srgbClr val="00AFEF"/>
            </a:solidFill>
          </a:ln>
        </p:spPr>
        <p:txBody>
          <a:bodyPr vert="horz" wrap="square" lIns="0" tIns="41267" rIns="0" bIns="0" rtlCol="0">
            <a:spAutoFit/>
          </a:bodyPr>
          <a:lstStyle/>
          <a:p>
            <a:pPr marL="110769">
              <a:spcBef>
                <a:spcPts val="325"/>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19" name="object 19"/>
          <p:cNvSpPr txBox="1"/>
          <p:nvPr/>
        </p:nvSpPr>
        <p:spPr>
          <a:xfrm>
            <a:off x="291519" y="2660827"/>
            <a:ext cx="2916958" cy="943045"/>
          </a:xfrm>
          <a:prstGeom prst="rect">
            <a:avLst/>
          </a:prstGeom>
        </p:spPr>
        <p:txBody>
          <a:bodyPr vert="horz" wrap="square" lIns="0" tIns="10317" rIns="0" bIns="0" rtlCol="0">
            <a:spAutoFit/>
          </a:bodyPr>
          <a:lstStyle/>
          <a:p>
            <a:pPr marL="141720" marR="12488" indent="-131946">
              <a:spcBef>
                <a:spcPts val="81"/>
              </a:spcBef>
              <a:buSzPct val="92307"/>
              <a:buChar char="○"/>
              <a:tabLst>
                <a:tab pos="141720" algn="l"/>
                <a:tab pos="150951" algn="l"/>
              </a:tabLst>
            </a:pPr>
            <a:r>
              <a:rPr sz="1112" dirty="0">
                <a:latin typeface="ＭＳ Ｐゴシック"/>
                <a:cs typeface="ＭＳ Ｐゴシック"/>
              </a:rPr>
              <a:t>	</a:t>
            </a:r>
            <a:r>
              <a:rPr sz="1112" spc="-26" dirty="0">
                <a:latin typeface="ＭＳ Ｐゴシック"/>
                <a:cs typeface="ＭＳ Ｐゴシック"/>
              </a:rPr>
              <a:t>積雪深把握技術、環境影響の少ない融雪剤の紹介、比較検討を実施。</a:t>
            </a:r>
            <a:endParaRPr sz="1112">
              <a:latin typeface="ＭＳ Ｐゴシック"/>
              <a:cs typeface="ＭＳ Ｐゴシック"/>
            </a:endParaRPr>
          </a:p>
          <a:p>
            <a:pPr marL="141720" marR="4344" indent="-131403">
              <a:lnSpc>
                <a:spcPct val="99600"/>
              </a:lnSpc>
              <a:spcBef>
                <a:spcPts val="556"/>
              </a:spcBef>
            </a:pPr>
            <a:r>
              <a:rPr sz="1112" spc="-13" dirty="0">
                <a:latin typeface="ＭＳ Ｐゴシック"/>
                <a:cs typeface="ＭＳ Ｐゴシック"/>
              </a:rPr>
              <a:t>〇</a:t>
            </a:r>
            <a:r>
              <a:rPr sz="1112" spc="-9" dirty="0">
                <a:latin typeface="ＭＳ Ｐゴシック"/>
                <a:cs typeface="ＭＳ Ｐゴシック"/>
              </a:rPr>
              <a:t>GPS</a:t>
            </a:r>
            <a:r>
              <a:rPr sz="1112" spc="-21" dirty="0">
                <a:latin typeface="ＭＳ Ｐゴシック"/>
                <a:cs typeface="ＭＳ Ｐゴシック"/>
              </a:rPr>
              <a:t>未導入の排雪ダンプについて、アナログ式のタコグラフ読取技術等による省力化について</a:t>
            </a:r>
            <a:r>
              <a:rPr sz="1112" spc="-17" dirty="0">
                <a:latin typeface="ＭＳ Ｐゴシック"/>
                <a:cs typeface="ＭＳ Ｐゴシック"/>
              </a:rPr>
              <a:t>の助言を実施。</a:t>
            </a:r>
            <a:endParaRPr sz="1112">
              <a:latin typeface="ＭＳ Ｐゴシック"/>
              <a:cs typeface="ＭＳ Ｐゴシック"/>
            </a:endParaRPr>
          </a:p>
        </p:txBody>
      </p:sp>
      <p:sp>
        <p:nvSpPr>
          <p:cNvPr id="20" name="object 20"/>
          <p:cNvSpPr txBox="1"/>
          <p:nvPr/>
        </p:nvSpPr>
        <p:spPr>
          <a:xfrm>
            <a:off x="151169" y="4901272"/>
            <a:ext cx="4670825" cy="298560"/>
          </a:xfrm>
          <a:prstGeom prst="rect">
            <a:avLst/>
          </a:prstGeom>
        </p:spPr>
        <p:txBody>
          <a:bodyPr vert="horz" wrap="square" lIns="0" tIns="61358" rIns="0" bIns="0" rtlCol="0">
            <a:spAutoFit/>
          </a:bodyPr>
          <a:lstStyle/>
          <a:p>
            <a:pPr marL="184616">
              <a:spcBef>
                <a:spcPts val="483"/>
              </a:spcBef>
            </a:pPr>
            <a:r>
              <a:rPr sz="727" spc="-4" dirty="0">
                <a:latin typeface="ＭＳ Ｐゴシック"/>
                <a:cs typeface="ＭＳ Ｐゴシック"/>
              </a:rPr>
              <a:t>アナログ式タコグラフ読取技術</a:t>
            </a:r>
            <a:endParaRPr sz="727">
              <a:latin typeface="ＭＳ Ｐゴシック"/>
              <a:cs typeface="ＭＳ Ｐゴシック"/>
            </a:endParaRPr>
          </a:p>
          <a:p>
            <a:pPr marL="2789874">
              <a:spcBef>
                <a:spcPts val="145"/>
              </a:spcBef>
            </a:pPr>
            <a:r>
              <a:rPr sz="727" spc="-4" dirty="0">
                <a:latin typeface="ＭＳ Ｐゴシック"/>
                <a:cs typeface="ＭＳ Ｐゴシック"/>
              </a:rPr>
              <a:t>積雪深自動モニタリングシステム</a:t>
            </a:r>
            <a:endParaRPr sz="727">
              <a:latin typeface="ＭＳ Ｐゴシック"/>
              <a:cs typeface="ＭＳ Ｐゴシック"/>
            </a:endParaRPr>
          </a:p>
        </p:txBody>
      </p:sp>
      <p:pic>
        <p:nvPicPr>
          <p:cNvPr id="21" name="object 21"/>
          <p:cNvPicPr/>
          <p:nvPr/>
        </p:nvPicPr>
        <p:blipFill>
          <a:blip r:embed="rId4" cstate="print"/>
          <a:stretch>
            <a:fillRect/>
          </a:stretch>
        </p:blipFill>
        <p:spPr>
          <a:xfrm>
            <a:off x="3273595" y="2388734"/>
            <a:ext cx="1553394" cy="1162439"/>
          </a:xfrm>
          <a:prstGeom prst="rect">
            <a:avLst/>
          </a:prstGeom>
        </p:spPr>
      </p:pic>
      <p:sp>
        <p:nvSpPr>
          <p:cNvPr id="22" name="object 22"/>
          <p:cNvSpPr txBox="1"/>
          <p:nvPr/>
        </p:nvSpPr>
        <p:spPr>
          <a:xfrm>
            <a:off x="225179" y="6433420"/>
            <a:ext cx="4205480" cy="123953"/>
          </a:xfrm>
          <a:prstGeom prst="rect">
            <a:avLst/>
          </a:prstGeom>
        </p:spPr>
        <p:txBody>
          <a:bodyPr vert="horz" wrap="square" lIns="0" tIns="11946" rIns="0" bIns="0" rtlCol="0">
            <a:spAutoFit/>
          </a:bodyPr>
          <a:lstStyle/>
          <a:p>
            <a:pPr marL="10860">
              <a:spcBef>
                <a:spcPts val="94"/>
              </a:spcBef>
              <a:tabLst>
                <a:tab pos="2723630" algn="l"/>
              </a:tabLst>
            </a:pPr>
            <a:r>
              <a:rPr sz="727" dirty="0">
                <a:latin typeface="ＭＳ Ｐゴシック"/>
                <a:cs typeface="ＭＳ Ｐゴシック"/>
              </a:rPr>
              <a:t>出典</a:t>
            </a:r>
            <a:r>
              <a:rPr sz="727" spc="-9" dirty="0">
                <a:latin typeface="ＭＳ Ｐゴシック"/>
                <a:cs typeface="ＭＳ Ｐゴシック"/>
              </a:rPr>
              <a:t>）https://</a:t>
            </a:r>
            <a:r>
              <a:rPr sz="727" spc="-9" dirty="0">
                <a:latin typeface="ＭＳ Ｐゴシック"/>
                <a:cs typeface="ＭＳ Ｐゴシック"/>
                <a:hlinkClick r:id="rId5"/>
              </a:rPr>
              <a:t>www.wise.co.jp/tachographocr/</a:t>
            </a:r>
            <a:r>
              <a:rPr sz="727" dirty="0">
                <a:latin typeface="ＭＳ Ｐゴシック"/>
                <a:cs typeface="ＭＳ Ｐゴシック"/>
              </a:rPr>
              <a:t>	出典）https://axelmark-</a:t>
            </a:r>
            <a:r>
              <a:rPr sz="727" spc="-9" dirty="0">
                <a:latin typeface="ＭＳ Ｐゴシック"/>
                <a:cs typeface="ＭＳ Ｐゴシック"/>
              </a:rPr>
              <a:t>iot.jp/yukimi/</a:t>
            </a:r>
            <a:endParaRPr sz="727">
              <a:latin typeface="ＭＳ Ｐゴシック"/>
              <a:cs typeface="ＭＳ Ｐゴシック"/>
            </a:endParaRPr>
          </a:p>
        </p:txBody>
      </p:sp>
      <p:sp>
        <p:nvSpPr>
          <p:cNvPr id="23" name="object 23"/>
          <p:cNvSpPr txBox="1"/>
          <p:nvPr/>
        </p:nvSpPr>
        <p:spPr>
          <a:xfrm>
            <a:off x="5021829" y="2708659"/>
            <a:ext cx="3701039" cy="1520575"/>
          </a:xfrm>
          <a:prstGeom prst="rect">
            <a:avLst/>
          </a:prstGeom>
        </p:spPr>
        <p:txBody>
          <a:bodyPr vert="horz" wrap="square" lIns="0" tIns="10317" rIns="0" bIns="0" rtlCol="0">
            <a:spAutoFit/>
          </a:bodyPr>
          <a:lstStyle/>
          <a:p>
            <a:pPr marL="142806" marR="4344" indent="-131946">
              <a:spcBef>
                <a:spcPts val="81"/>
              </a:spcBef>
            </a:pPr>
            <a:r>
              <a:rPr sz="1112" spc="-26" dirty="0">
                <a:latin typeface="ＭＳ Ｐゴシック"/>
                <a:cs typeface="ＭＳ Ｐゴシック"/>
              </a:rPr>
              <a:t>〇除雪費削減のため、効率的な除雪施工法の検討、業者管理の適正化策などについて助言。</a:t>
            </a:r>
            <a:endParaRPr sz="1112">
              <a:latin typeface="ＭＳ Ｐゴシック"/>
              <a:cs typeface="ＭＳ Ｐゴシック"/>
            </a:endParaRPr>
          </a:p>
          <a:p>
            <a:pPr marL="142806" marR="23349" indent="-131946" algn="just">
              <a:lnSpc>
                <a:spcPct val="99600"/>
              </a:lnSpc>
              <a:spcBef>
                <a:spcPts val="560"/>
              </a:spcBef>
            </a:pPr>
            <a:r>
              <a:rPr sz="1112" spc="-30" dirty="0">
                <a:latin typeface="ＭＳ Ｐゴシック"/>
                <a:cs typeface="ＭＳ Ｐゴシック"/>
              </a:rPr>
              <a:t>〇市による除雪判断のため、積雪深把握技術の活用を検討。</a:t>
            </a:r>
            <a:r>
              <a:rPr sz="1112" spc="-26" dirty="0">
                <a:latin typeface="ＭＳ Ｐゴシック"/>
                <a:cs typeface="ＭＳ Ｐゴシック"/>
              </a:rPr>
              <a:t>令和７年度予算要求に向け、導入技術を具体化する。また、</a:t>
            </a:r>
            <a:r>
              <a:rPr sz="1112" spc="-30" dirty="0">
                <a:latin typeface="ＭＳ Ｐゴシック"/>
                <a:cs typeface="ＭＳ Ｐゴシック"/>
              </a:rPr>
              <a:t>今冬に融雪剤による消雪効果の検証を検討。</a:t>
            </a:r>
            <a:endParaRPr sz="1112">
              <a:latin typeface="ＭＳ Ｐゴシック"/>
              <a:cs typeface="ＭＳ Ｐゴシック"/>
            </a:endParaRPr>
          </a:p>
          <a:p>
            <a:pPr marL="142806" marR="76018" indent="-131946">
              <a:spcBef>
                <a:spcPts val="543"/>
              </a:spcBef>
            </a:pPr>
            <a:r>
              <a:rPr sz="1112" spc="-26" dirty="0">
                <a:latin typeface="ＭＳ Ｐゴシック"/>
                <a:cs typeface="ＭＳ Ｐゴシック"/>
              </a:rPr>
              <a:t>〇令和７年の除雪費前払制度の改定前に委託業者へ技術導</a:t>
            </a:r>
            <a:r>
              <a:rPr sz="1112" spc="-30" dirty="0">
                <a:latin typeface="ＭＳ Ｐゴシック"/>
                <a:cs typeface="ＭＳ Ｐゴシック"/>
              </a:rPr>
              <a:t>入を周知し、令和７年早期に新技術の実証、実装を行う。</a:t>
            </a:r>
            <a:endParaRPr sz="1112">
              <a:latin typeface="ＭＳ Ｐゴシック"/>
              <a:cs typeface="ＭＳ Ｐゴシック"/>
            </a:endParaRPr>
          </a:p>
        </p:txBody>
      </p:sp>
      <p:sp>
        <p:nvSpPr>
          <p:cNvPr id="24" name="object 24"/>
          <p:cNvSpPr txBox="1"/>
          <p:nvPr/>
        </p:nvSpPr>
        <p:spPr>
          <a:xfrm>
            <a:off x="5550255" y="4678427"/>
            <a:ext cx="1367256" cy="319025"/>
          </a:xfrm>
          <a:prstGeom prst="rect">
            <a:avLst/>
          </a:prstGeom>
          <a:solidFill>
            <a:srgbClr val="FFFFFF"/>
          </a:solidFill>
          <a:ln w="13715">
            <a:solidFill>
              <a:srgbClr val="1C334D"/>
            </a:solidFill>
          </a:ln>
        </p:spPr>
        <p:txBody>
          <a:bodyPr vert="horz" wrap="square" lIns="0" tIns="68417" rIns="0" bIns="0" rtlCol="0">
            <a:spAutoFit/>
          </a:bodyPr>
          <a:lstStyle/>
          <a:p>
            <a:pPr>
              <a:spcBef>
                <a:spcPts val="539"/>
              </a:spcBef>
            </a:pPr>
            <a:endParaRPr sz="812">
              <a:latin typeface="Times New Roman"/>
              <a:cs typeface="Times New Roman"/>
            </a:endParaRPr>
          </a:p>
          <a:p>
            <a:pPr marL="84706"/>
            <a:r>
              <a:rPr sz="812" spc="-9" dirty="0">
                <a:latin typeface="ＭＳ Ｐゴシック"/>
                <a:cs typeface="ＭＳ Ｐゴシック"/>
              </a:rPr>
              <a:t>課題・ニーズを整理</a:t>
            </a:r>
            <a:endParaRPr sz="812">
              <a:latin typeface="ＭＳ Ｐゴシック"/>
              <a:cs typeface="ＭＳ Ｐゴシック"/>
            </a:endParaRPr>
          </a:p>
        </p:txBody>
      </p:sp>
      <p:grpSp>
        <p:nvGrpSpPr>
          <p:cNvPr id="25" name="object 25"/>
          <p:cNvGrpSpPr/>
          <p:nvPr/>
        </p:nvGrpSpPr>
        <p:grpSpPr>
          <a:xfrm>
            <a:off x="5182541" y="5258125"/>
            <a:ext cx="288872" cy="605437"/>
            <a:chOff x="6060694" y="5920485"/>
            <a:chExt cx="337820" cy="708025"/>
          </a:xfrm>
        </p:grpSpPr>
        <p:sp>
          <p:nvSpPr>
            <p:cNvPr id="26" name="object 26"/>
            <p:cNvSpPr/>
            <p:nvPr/>
          </p:nvSpPr>
          <p:spPr>
            <a:xfrm>
              <a:off x="6074664" y="5934455"/>
              <a:ext cx="309880" cy="680085"/>
            </a:xfrm>
            <a:custGeom>
              <a:avLst/>
              <a:gdLst/>
              <a:ahLst/>
              <a:cxnLst/>
              <a:rect l="l" t="t" r="r" b="b"/>
              <a:pathLst>
                <a:path w="309879" h="680084">
                  <a:moveTo>
                    <a:pt x="153923" y="679704"/>
                  </a:moveTo>
                  <a:lnTo>
                    <a:pt x="0" y="524256"/>
                  </a:lnTo>
                  <a:lnTo>
                    <a:pt x="0" y="0"/>
                  </a:lnTo>
                  <a:lnTo>
                    <a:pt x="153923" y="153924"/>
                  </a:lnTo>
                  <a:lnTo>
                    <a:pt x="309371" y="0"/>
                  </a:lnTo>
                  <a:lnTo>
                    <a:pt x="309371" y="524256"/>
                  </a:lnTo>
                  <a:lnTo>
                    <a:pt x="153923" y="679704"/>
                  </a:lnTo>
                  <a:close/>
                </a:path>
              </a:pathLst>
            </a:custGeom>
            <a:solidFill>
              <a:srgbClr val="4F80BC"/>
            </a:solidFill>
          </p:spPr>
          <p:txBody>
            <a:bodyPr wrap="square" lIns="0" tIns="0" rIns="0" bIns="0" rtlCol="0"/>
            <a:lstStyle/>
            <a:p>
              <a:endParaRPr sz="1749"/>
            </a:p>
          </p:txBody>
        </p:sp>
        <p:sp>
          <p:nvSpPr>
            <p:cNvPr id="27" name="object 27"/>
            <p:cNvSpPr/>
            <p:nvPr/>
          </p:nvSpPr>
          <p:spPr>
            <a:xfrm>
              <a:off x="6074664" y="5934455"/>
              <a:ext cx="309880" cy="680085"/>
            </a:xfrm>
            <a:custGeom>
              <a:avLst/>
              <a:gdLst/>
              <a:ahLst/>
              <a:cxnLst/>
              <a:rect l="l" t="t" r="r" b="b"/>
              <a:pathLst>
                <a:path w="309879" h="680084">
                  <a:moveTo>
                    <a:pt x="309371" y="0"/>
                  </a:moveTo>
                  <a:lnTo>
                    <a:pt x="309371" y="524256"/>
                  </a:lnTo>
                  <a:lnTo>
                    <a:pt x="153923" y="679704"/>
                  </a:lnTo>
                  <a:lnTo>
                    <a:pt x="0" y="524256"/>
                  </a:lnTo>
                  <a:lnTo>
                    <a:pt x="0" y="0"/>
                  </a:lnTo>
                  <a:lnTo>
                    <a:pt x="153923" y="153924"/>
                  </a:lnTo>
                  <a:lnTo>
                    <a:pt x="309371" y="0"/>
                  </a:lnTo>
                  <a:close/>
                </a:path>
              </a:pathLst>
            </a:custGeom>
            <a:ln w="27432">
              <a:solidFill>
                <a:srgbClr val="1C334D"/>
              </a:solidFill>
            </a:ln>
          </p:spPr>
          <p:txBody>
            <a:bodyPr wrap="square" lIns="0" tIns="0" rIns="0" bIns="0" rtlCol="0"/>
            <a:lstStyle/>
            <a:p>
              <a:endParaRPr sz="1749"/>
            </a:p>
          </p:txBody>
        </p:sp>
      </p:grpSp>
      <p:sp>
        <p:nvSpPr>
          <p:cNvPr id="28" name="object 28"/>
          <p:cNvSpPr txBox="1"/>
          <p:nvPr/>
        </p:nvSpPr>
        <p:spPr>
          <a:xfrm>
            <a:off x="5277575" y="5420824"/>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29" name="object 29"/>
          <p:cNvSpPr txBox="1"/>
          <p:nvPr/>
        </p:nvSpPr>
        <p:spPr>
          <a:xfrm>
            <a:off x="5550255" y="5237491"/>
            <a:ext cx="1367256" cy="382624"/>
          </a:xfrm>
          <a:prstGeom prst="rect">
            <a:avLst/>
          </a:prstGeom>
          <a:solidFill>
            <a:srgbClr val="FFFFFF"/>
          </a:solidFill>
          <a:ln w="13715">
            <a:solidFill>
              <a:srgbClr val="1C334D"/>
            </a:solidFill>
          </a:ln>
        </p:spPr>
        <p:txBody>
          <a:bodyPr vert="horz" wrap="square" lIns="0" tIns="3258" rIns="0" bIns="0" rtlCol="0">
            <a:spAutoFit/>
          </a:bodyPr>
          <a:lstStyle/>
          <a:p>
            <a:pPr>
              <a:spcBef>
                <a:spcPts val="26"/>
              </a:spcBef>
            </a:pPr>
            <a:endParaRPr sz="812">
              <a:latin typeface="Times New Roman"/>
              <a:cs typeface="Times New Roman"/>
            </a:endParaRPr>
          </a:p>
          <a:p>
            <a:pPr marL="84706" marR="93937">
              <a:lnSpc>
                <a:spcPct val="102200"/>
              </a:lnSpc>
            </a:pPr>
            <a:r>
              <a:rPr sz="812" dirty="0">
                <a:latin typeface="ＭＳ Ｐゴシック"/>
                <a:cs typeface="ＭＳ Ｐゴシック"/>
              </a:rPr>
              <a:t>R</a:t>
            </a:r>
            <a:r>
              <a:rPr sz="812" spc="-4" dirty="0">
                <a:latin typeface="ＭＳ Ｐゴシック"/>
                <a:cs typeface="ＭＳ Ｐゴシック"/>
              </a:rPr>
              <a:t>７年度の予算要求に向け</a:t>
            </a:r>
            <a:r>
              <a:rPr sz="812" spc="-9" dirty="0">
                <a:latin typeface="ＭＳ Ｐゴシック"/>
                <a:cs typeface="ＭＳ Ｐゴシック"/>
              </a:rPr>
              <a:t>て導入技術を選定</a:t>
            </a:r>
            <a:endParaRPr sz="812">
              <a:latin typeface="ＭＳ Ｐゴシック"/>
              <a:cs typeface="ＭＳ Ｐゴシック"/>
            </a:endParaRPr>
          </a:p>
        </p:txBody>
      </p:sp>
      <p:sp>
        <p:nvSpPr>
          <p:cNvPr id="30" name="object 30"/>
          <p:cNvSpPr txBox="1"/>
          <p:nvPr/>
        </p:nvSpPr>
        <p:spPr>
          <a:xfrm>
            <a:off x="5550255" y="5791344"/>
            <a:ext cx="1367256" cy="320670"/>
          </a:xfrm>
          <a:prstGeom prst="rect">
            <a:avLst/>
          </a:prstGeom>
          <a:solidFill>
            <a:srgbClr val="FFFFFF"/>
          </a:solidFill>
          <a:ln w="13715">
            <a:solidFill>
              <a:srgbClr val="1C334D"/>
            </a:solidFill>
          </a:ln>
        </p:spPr>
        <p:txBody>
          <a:bodyPr vert="horz" wrap="square" lIns="0" tIns="70046" rIns="0" bIns="0" rtlCol="0">
            <a:spAutoFit/>
          </a:bodyPr>
          <a:lstStyle/>
          <a:p>
            <a:pPr>
              <a:spcBef>
                <a:spcPts val="552"/>
              </a:spcBef>
            </a:pPr>
            <a:endParaRPr sz="812">
              <a:latin typeface="Times New Roman"/>
              <a:cs typeface="Times New Roman"/>
            </a:endParaRPr>
          </a:p>
          <a:p>
            <a:pPr marL="84706"/>
            <a:r>
              <a:rPr sz="812" spc="-9" dirty="0">
                <a:latin typeface="ＭＳ Ｐゴシック"/>
                <a:cs typeface="ＭＳ Ｐゴシック"/>
              </a:rPr>
              <a:t>新技術の実証/実装</a:t>
            </a:r>
            <a:endParaRPr sz="812">
              <a:latin typeface="ＭＳ Ｐゴシック"/>
              <a:cs typeface="ＭＳ Ｐゴシック"/>
            </a:endParaRPr>
          </a:p>
        </p:txBody>
      </p:sp>
      <p:sp>
        <p:nvSpPr>
          <p:cNvPr id="31" name="object 31"/>
          <p:cNvSpPr txBox="1"/>
          <p:nvPr/>
        </p:nvSpPr>
        <p:spPr>
          <a:xfrm>
            <a:off x="7555855" y="4635421"/>
            <a:ext cx="1299382" cy="321767"/>
          </a:xfrm>
          <a:prstGeom prst="rect">
            <a:avLst/>
          </a:prstGeom>
          <a:solidFill>
            <a:srgbClr val="FFFFFF"/>
          </a:solidFill>
          <a:ln w="13715">
            <a:solidFill>
              <a:srgbClr val="1C334D"/>
            </a:solidFill>
          </a:ln>
        </p:spPr>
        <p:txBody>
          <a:bodyPr vert="horz" wrap="square" lIns="0" tIns="71132" rIns="0" bIns="0" rtlCol="0">
            <a:spAutoFit/>
          </a:bodyPr>
          <a:lstStyle/>
          <a:p>
            <a:pPr>
              <a:spcBef>
                <a:spcPts val="560"/>
              </a:spcBef>
            </a:pPr>
            <a:endParaRPr sz="812">
              <a:latin typeface="Times New Roman"/>
              <a:cs typeface="Times New Roman"/>
            </a:endParaRPr>
          </a:p>
          <a:p>
            <a:pPr marL="85792"/>
            <a:r>
              <a:rPr sz="812" spc="-9" dirty="0">
                <a:latin typeface="ＭＳ Ｐゴシック"/>
                <a:cs typeface="ＭＳ Ｐゴシック"/>
              </a:rPr>
              <a:t>課題・ニーズを整理</a:t>
            </a:r>
            <a:endParaRPr sz="812">
              <a:latin typeface="ＭＳ Ｐゴシック"/>
              <a:cs typeface="ＭＳ Ｐゴシック"/>
            </a:endParaRPr>
          </a:p>
        </p:txBody>
      </p:sp>
      <p:grpSp>
        <p:nvGrpSpPr>
          <p:cNvPr id="32" name="object 32"/>
          <p:cNvGrpSpPr/>
          <p:nvPr/>
        </p:nvGrpSpPr>
        <p:grpSpPr>
          <a:xfrm>
            <a:off x="7180319" y="5155174"/>
            <a:ext cx="262809" cy="807430"/>
            <a:chOff x="8396985" y="5800090"/>
            <a:chExt cx="307340" cy="944244"/>
          </a:xfrm>
        </p:grpSpPr>
        <p:sp>
          <p:nvSpPr>
            <p:cNvPr id="33" name="object 33"/>
            <p:cNvSpPr/>
            <p:nvPr/>
          </p:nvSpPr>
          <p:spPr>
            <a:xfrm>
              <a:off x="8410955" y="5814060"/>
              <a:ext cx="279400" cy="916305"/>
            </a:xfrm>
            <a:custGeom>
              <a:avLst/>
              <a:gdLst/>
              <a:ahLst/>
              <a:cxnLst/>
              <a:rect l="l" t="t" r="r" b="b"/>
              <a:pathLst>
                <a:path w="279400" h="916304">
                  <a:moveTo>
                    <a:pt x="140208" y="915923"/>
                  </a:moveTo>
                  <a:lnTo>
                    <a:pt x="0" y="775716"/>
                  </a:lnTo>
                  <a:lnTo>
                    <a:pt x="0" y="0"/>
                  </a:lnTo>
                  <a:lnTo>
                    <a:pt x="140208" y="138683"/>
                  </a:lnTo>
                  <a:lnTo>
                    <a:pt x="278892" y="0"/>
                  </a:lnTo>
                  <a:lnTo>
                    <a:pt x="278892" y="775716"/>
                  </a:lnTo>
                  <a:lnTo>
                    <a:pt x="140208" y="915923"/>
                  </a:lnTo>
                  <a:close/>
                </a:path>
              </a:pathLst>
            </a:custGeom>
            <a:solidFill>
              <a:srgbClr val="4F80BC"/>
            </a:solidFill>
          </p:spPr>
          <p:txBody>
            <a:bodyPr wrap="square" lIns="0" tIns="0" rIns="0" bIns="0" rtlCol="0"/>
            <a:lstStyle/>
            <a:p>
              <a:endParaRPr sz="1749"/>
            </a:p>
          </p:txBody>
        </p:sp>
        <p:sp>
          <p:nvSpPr>
            <p:cNvPr id="34" name="object 34"/>
            <p:cNvSpPr/>
            <p:nvPr/>
          </p:nvSpPr>
          <p:spPr>
            <a:xfrm>
              <a:off x="8410955" y="5814060"/>
              <a:ext cx="279400" cy="916305"/>
            </a:xfrm>
            <a:custGeom>
              <a:avLst/>
              <a:gdLst/>
              <a:ahLst/>
              <a:cxnLst/>
              <a:rect l="l" t="t" r="r" b="b"/>
              <a:pathLst>
                <a:path w="279400" h="916304">
                  <a:moveTo>
                    <a:pt x="278892" y="0"/>
                  </a:moveTo>
                  <a:lnTo>
                    <a:pt x="278892" y="775716"/>
                  </a:lnTo>
                  <a:lnTo>
                    <a:pt x="140208" y="915923"/>
                  </a:lnTo>
                  <a:lnTo>
                    <a:pt x="0" y="775716"/>
                  </a:lnTo>
                  <a:lnTo>
                    <a:pt x="0" y="0"/>
                  </a:lnTo>
                  <a:lnTo>
                    <a:pt x="140208" y="138683"/>
                  </a:lnTo>
                  <a:lnTo>
                    <a:pt x="278892" y="0"/>
                  </a:lnTo>
                  <a:close/>
                </a:path>
              </a:pathLst>
            </a:custGeom>
            <a:ln w="27432">
              <a:solidFill>
                <a:srgbClr val="1C334D"/>
              </a:solidFill>
            </a:ln>
          </p:spPr>
          <p:txBody>
            <a:bodyPr wrap="square" lIns="0" tIns="0" rIns="0" bIns="0" rtlCol="0"/>
            <a:lstStyle/>
            <a:p>
              <a:endParaRPr sz="1749"/>
            </a:p>
          </p:txBody>
        </p:sp>
      </p:grpSp>
      <p:sp>
        <p:nvSpPr>
          <p:cNvPr id="35" name="object 35"/>
          <p:cNvSpPr txBox="1"/>
          <p:nvPr/>
        </p:nvSpPr>
        <p:spPr>
          <a:xfrm>
            <a:off x="7268699" y="5422198"/>
            <a:ext cx="102083" cy="290614"/>
          </a:xfrm>
          <a:prstGeom prst="rect">
            <a:avLst/>
          </a:prstGeom>
        </p:spPr>
        <p:txBody>
          <a:bodyPr vert="horz" wrap="square" lIns="0" tIns="14118" rIns="0" bIns="0" rtlCol="0">
            <a:spAutoFit/>
          </a:bodyPr>
          <a:lstStyle/>
          <a:p>
            <a:pPr marL="10860">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36" name="object 36"/>
          <p:cNvSpPr txBox="1"/>
          <p:nvPr/>
        </p:nvSpPr>
        <p:spPr>
          <a:xfrm>
            <a:off x="7273739" y="4734056"/>
            <a:ext cx="102083" cy="290614"/>
          </a:xfrm>
          <a:prstGeom prst="rect">
            <a:avLst/>
          </a:prstGeom>
        </p:spPr>
        <p:txBody>
          <a:bodyPr vert="horz" wrap="square" lIns="0" tIns="14118" rIns="0" bIns="0" rtlCol="0">
            <a:spAutoFit/>
          </a:bodyPr>
          <a:lstStyle/>
          <a:p>
            <a:pPr marL="10860">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p:txBody>
      </p:sp>
      <p:grpSp>
        <p:nvGrpSpPr>
          <p:cNvPr id="37" name="object 37"/>
          <p:cNvGrpSpPr/>
          <p:nvPr/>
        </p:nvGrpSpPr>
        <p:grpSpPr>
          <a:xfrm>
            <a:off x="5174722" y="5806766"/>
            <a:ext cx="312221" cy="575572"/>
            <a:chOff x="6051550" y="6562090"/>
            <a:chExt cx="365125" cy="673100"/>
          </a:xfrm>
        </p:grpSpPr>
        <p:sp>
          <p:nvSpPr>
            <p:cNvPr id="38" name="object 38"/>
            <p:cNvSpPr/>
            <p:nvPr/>
          </p:nvSpPr>
          <p:spPr>
            <a:xfrm>
              <a:off x="6065520" y="6576060"/>
              <a:ext cx="337185" cy="645160"/>
            </a:xfrm>
            <a:custGeom>
              <a:avLst/>
              <a:gdLst/>
              <a:ahLst/>
              <a:cxnLst/>
              <a:rect l="l" t="t" r="r" b="b"/>
              <a:pathLst>
                <a:path w="337185" h="645159">
                  <a:moveTo>
                    <a:pt x="169164" y="644651"/>
                  </a:moveTo>
                  <a:lnTo>
                    <a:pt x="0" y="475487"/>
                  </a:lnTo>
                  <a:lnTo>
                    <a:pt x="0" y="0"/>
                  </a:lnTo>
                  <a:lnTo>
                    <a:pt x="169164" y="169163"/>
                  </a:lnTo>
                  <a:lnTo>
                    <a:pt x="336803" y="0"/>
                  </a:lnTo>
                  <a:lnTo>
                    <a:pt x="336803" y="475487"/>
                  </a:lnTo>
                  <a:lnTo>
                    <a:pt x="169164" y="644651"/>
                  </a:lnTo>
                  <a:close/>
                </a:path>
              </a:pathLst>
            </a:custGeom>
            <a:solidFill>
              <a:srgbClr val="4F80BC"/>
            </a:solidFill>
          </p:spPr>
          <p:txBody>
            <a:bodyPr wrap="square" lIns="0" tIns="0" rIns="0" bIns="0" rtlCol="0"/>
            <a:lstStyle/>
            <a:p>
              <a:endParaRPr sz="1749"/>
            </a:p>
          </p:txBody>
        </p:sp>
        <p:sp>
          <p:nvSpPr>
            <p:cNvPr id="39" name="object 39"/>
            <p:cNvSpPr/>
            <p:nvPr/>
          </p:nvSpPr>
          <p:spPr>
            <a:xfrm>
              <a:off x="6065520" y="6576060"/>
              <a:ext cx="337185" cy="645160"/>
            </a:xfrm>
            <a:custGeom>
              <a:avLst/>
              <a:gdLst/>
              <a:ahLst/>
              <a:cxnLst/>
              <a:rect l="l" t="t" r="r" b="b"/>
              <a:pathLst>
                <a:path w="337185" h="645159">
                  <a:moveTo>
                    <a:pt x="336803" y="0"/>
                  </a:moveTo>
                  <a:lnTo>
                    <a:pt x="336803" y="475487"/>
                  </a:lnTo>
                  <a:lnTo>
                    <a:pt x="169164" y="644651"/>
                  </a:lnTo>
                  <a:lnTo>
                    <a:pt x="0" y="475487"/>
                  </a:lnTo>
                  <a:lnTo>
                    <a:pt x="0" y="0"/>
                  </a:lnTo>
                  <a:lnTo>
                    <a:pt x="169164" y="169163"/>
                  </a:lnTo>
                  <a:lnTo>
                    <a:pt x="336803" y="0"/>
                  </a:lnTo>
                  <a:close/>
                </a:path>
              </a:pathLst>
            </a:custGeom>
            <a:ln w="27432">
              <a:solidFill>
                <a:srgbClr val="1C334D"/>
              </a:solidFill>
            </a:ln>
          </p:spPr>
          <p:txBody>
            <a:bodyPr wrap="square" lIns="0" tIns="0" rIns="0" bIns="0" rtlCol="0"/>
            <a:lstStyle/>
            <a:p>
              <a:endParaRPr sz="1749"/>
            </a:p>
          </p:txBody>
        </p:sp>
      </p:grpSp>
      <p:sp>
        <p:nvSpPr>
          <p:cNvPr id="40" name="object 40"/>
          <p:cNvSpPr txBox="1"/>
          <p:nvPr/>
        </p:nvSpPr>
        <p:spPr>
          <a:xfrm>
            <a:off x="5283989" y="5987557"/>
            <a:ext cx="102083" cy="290614"/>
          </a:xfrm>
          <a:prstGeom prst="rect">
            <a:avLst/>
          </a:prstGeom>
        </p:spPr>
        <p:txBody>
          <a:bodyPr vert="horz" wrap="square" lIns="0" tIns="14118" rIns="0" bIns="0" rtlCol="0">
            <a:spAutoFit/>
          </a:bodyPr>
          <a:lstStyle/>
          <a:p>
            <a:pPr marL="10860">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4"/>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grpSp>
        <p:nvGrpSpPr>
          <p:cNvPr id="41" name="object 41"/>
          <p:cNvGrpSpPr/>
          <p:nvPr/>
        </p:nvGrpSpPr>
        <p:grpSpPr>
          <a:xfrm>
            <a:off x="5174939" y="4679730"/>
            <a:ext cx="291044" cy="629872"/>
            <a:chOff x="6051803" y="5244084"/>
            <a:chExt cx="340360" cy="736600"/>
          </a:xfrm>
        </p:grpSpPr>
        <p:sp>
          <p:nvSpPr>
            <p:cNvPr id="42" name="object 42"/>
            <p:cNvSpPr/>
            <p:nvPr/>
          </p:nvSpPr>
          <p:spPr>
            <a:xfrm>
              <a:off x="6065519" y="5257800"/>
              <a:ext cx="312420" cy="708660"/>
            </a:xfrm>
            <a:custGeom>
              <a:avLst/>
              <a:gdLst/>
              <a:ahLst/>
              <a:cxnLst/>
              <a:rect l="l" t="t" r="r" b="b"/>
              <a:pathLst>
                <a:path w="312420" h="708660">
                  <a:moveTo>
                    <a:pt x="155448" y="708660"/>
                  </a:moveTo>
                  <a:lnTo>
                    <a:pt x="0" y="551687"/>
                  </a:lnTo>
                  <a:lnTo>
                    <a:pt x="0" y="0"/>
                  </a:lnTo>
                  <a:lnTo>
                    <a:pt x="312419" y="0"/>
                  </a:lnTo>
                  <a:lnTo>
                    <a:pt x="312419" y="551687"/>
                  </a:lnTo>
                  <a:lnTo>
                    <a:pt x="155448" y="708660"/>
                  </a:lnTo>
                  <a:close/>
                </a:path>
              </a:pathLst>
            </a:custGeom>
            <a:solidFill>
              <a:srgbClr val="4F80BC"/>
            </a:solidFill>
          </p:spPr>
          <p:txBody>
            <a:bodyPr wrap="square" lIns="0" tIns="0" rIns="0" bIns="0" rtlCol="0"/>
            <a:lstStyle/>
            <a:p>
              <a:endParaRPr sz="1749"/>
            </a:p>
          </p:txBody>
        </p:sp>
        <p:sp>
          <p:nvSpPr>
            <p:cNvPr id="43" name="object 43"/>
            <p:cNvSpPr/>
            <p:nvPr/>
          </p:nvSpPr>
          <p:spPr>
            <a:xfrm>
              <a:off x="6065519" y="5257800"/>
              <a:ext cx="312420" cy="708660"/>
            </a:xfrm>
            <a:custGeom>
              <a:avLst/>
              <a:gdLst/>
              <a:ahLst/>
              <a:cxnLst/>
              <a:rect l="l" t="t" r="r" b="b"/>
              <a:pathLst>
                <a:path w="312420" h="708660">
                  <a:moveTo>
                    <a:pt x="312419" y="0"/>
                  </a:moveTo>
                  <a:lnTo>
                    <a:pt x="312419" y="551687"/>
                  </a:lnTo>
                  <a:lnTo>
                    <a:pt x="155448" y="708660"/>
                  </a:lnTo>
                  <a:lnTo>
                    <a:pt x="0" y="551687"/>
                  </a:lnTo>
                  <a:lnTo>
                    <a:pt x="0" y="0"/>
                  </a:lnTo>
                  <a:lnTo>
                    <a:pt x="312419" y="0"/>
                  </a:lnTo>
                  <a:close/>
                </a:path>
              </a:pathLst>
            </a:custGeom>
            <a:ln w="27432">
              <a:solidFill>
                <a:srgbClr val="1C334D"/>
              </a:solidFill>
            </a:ln>
          </p:spPr>
          <p:txBody>
            <a:bodyPr wrap="square" lIns="0" tIns="0" rIns="0" bIns="0" rtlCol="0"/>
            <a:lstStyle/>
            <a:p>
              <a:endParaRPr sz="1749"/>
            </a:p>
          </p:txBody>
        </p:sp>
      </p:grpSp>
      <p:sp>
        <p:nvSpPr>
          <p:cNvPr id="44" name="object 44"/>
          <p:cNvSpPr txBox="1"/>
          <p:nvPr/>
        </p:nvSpPr>
        <p:spPr>
          <a:xfrm>
            <a:off x="5283989" y="4821563"/>
            <a:ext cx="102083" cy="290614"/>
          </a:xfrm>
          <a:prstGeom prst="rect">
            <a:avLst/>
          </a:prstGeom>
        </p:spPr>
        <p:txBody>
          <a:bodyPr vert="horz" wrap="square" lIns="0" tIns="14118" rIns="0" bIns="0" rtlCol="0">
            <a:spAutoFit/>
          </a:bodyPr>
          <a:lstStyle/>
          <a:p>
            <a:pPr marL="10860">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p:txBody>
      </p:sp>
      <p:grpSp>
        <p:nvGrpSpPr>
          <p:cNvPr id="45" name="object 45"/>
          <p:cNvGrpSpPr/>
          <p:nvPr/>
        </p:nvGrpSpPr>
        <p:grpSpPr>
          <a:xfrm>
            <a:off x="7181841" y="5876052"/>
            <a:ext cx="260637" cy="569600"/>
            <a:chOff x="8398764" y="6643116"/>
            <a:chExt cx="304800" cy="666115"/>
          </a:xfrm>
        </p:grpSpPr>
        <p:sp>
          <p:nvSpPr>
            <p:cNvPr id="46" name="object 46"/>
            <p:cNvSpPr/>
            <p:nvPr/>
          </p:nvSpPr>
          <p:spPr>
            <a:xfrm>
              <a:off x="8412480" y="6656832"/>
              <a:ext cx="277495" cy="638810"/>
            </a:xfrm>
            <a:custGeom>
              <a:avLst/>
              <a:gdLst/>
              <a:ahLst/>
              <a:cxnLst/>
              <a:rect l="l" t="t" r="r" b="b"/>
              <a:pathLst>
                <a:path w="277495" h="638809">
                  <a:moveTo>
                    <a:pt x="138683" y="638555"/>
                  </a:moveTo>
                  <a:lnTo>
                    <a:pt x="0" y="499871"/>
                  </a:lnTo>
                  <a:lnTo>
                    <a:pt x="0" y="0"/>
                  </a:lnTo>
                  <a:lnTo>
                    <a:pt x="138683" y="138683"/>
                  </a:lnTo>
                  <a:lnTo>
                    <a:pt x="277367" y="0"/>
                  </a:lnTo>
                  <a:lnTo>
                    <a:pt x="277367" y="499871"/>
                  </a:lnTo>
                  <a:lnTo>
                    <a:pt x="138683" y="638555"/>
                  </a:lnTo>
                  <a:close/>
                </a:path>
              </a:pathLst>
            </a:custGeom>
            <a:solidFill>
              <a:srgbClr val="4F80BC"/>
            </a:solidFill>
          </p:spPr>
          <p:txBody>
            <a:bodyPr wrap="square" lIns="0" tIns="0" rIns="0" bIns="0" rtlCol="0"/>
            <a:lstStyle/>
            <a:p>
              <a:endParaRPr sz="1749"/>
            </a:p>
          </p:txBody>
        </p:sp>
        <p:sp>
          <p:nvSpPr>
            <p:cNvPr id="47" name="object 47"/>
            <p:cNvSpPr/>
            <p:nvPr/>
          </p:nvSpPr>
          <p:spPr>
            <a:xfrm>
              <a:off x="8412480" y="6656832"/>
              <a:ext cx="277495" cy="638810"/>
            </a:xfrm>
            <a:custGeom>
              <a:avLst/>
              <a:gdLst/>
              <a:ahLst/>
              <a:cxnLst/>
              <a:rect l="l" t="t" r="r" b="b"/>
              <a:pathLst>
                <a:path w="277495" h="638809">
                  <a:moveTo>
                    <a:pt x="277367" y="0"/>
                  </a:moveTo>
                  <a:lnTo>
                    <a:pt x="277367" y="499871"/>
                  </a:lnTo>
                  <a:lnTo>
                    <a:pt x="138683" y="638555"/>
                  </a:lnTo>
                  <a:lnTo>
                    <a:pt x="0" y="499871"/>
                  </a:lnTo>
                  <a:lnTo>
                    <a:pt x="0" y="0"/>
                  </a:lnTo>
                  <a:lnTo>
                    <a:pt x="138683" y="138683"/>
                  </a:lnTo>
                  <a:lnTo>
                    <a:pt x="277367" y="0"/>
                  </a:lnTo>
                  <a:close/>
                </a:path>
              </a:pathLst>
            </a:custGeom>
            <a:ln w="27432">
              <a:solidFill>
                <a:srgbClr val="1C334D"/>
              </a:solidFill>
            </a:ln>
          </p:spPr>
          <p:txBody>
            <a:bodyPr wrap="square" lIns="0" tIns="0" rIns="0" bIns="0" rtlCol="0"/>
            <a:lstStyle/>
            <a:p>
              <a:endParaRPr sz="1749"/>
            </a:p>
          </p:txBody>
        </p:sp>
      </p:grpSp>
      <p:sp>
        <p:nvSpPr>
          <p:cNvPr id="48" name="object 48"/>
          <p:cNvSpPr txBox="1"/>
          <p:nvPr/>
        </p:nvSpPr>
        <p:spPr>
          <a:xfrm>
            <a:off x="7260911" y="6027875"/>
            <a:ext cx="102083" cy="290614"/>
          </a:xfrm>
          <a:prstGeom prst="rect">
            <a:avLst/>
          </a:prstGeom>
        </p:spPr>
        <p:txBody>
          <a:bodyPr vert="horz" wrap="square" lIns="0" tIns="14118" rIns="0" bIns="0" rtlCol="0">
            <a:spAutoFit/>
          </a:bodyPr>
          <a:lstStyle/>
          <a:p>
            <a:pPr marL="10860">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4"/>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graphicFrame>
        <p:nvGraphicFramePr>
          <p:cNvPr id="49" name="object 49"/>
          <p:cNvGraphicFramePr>
            <a:graphicFrameLocks noGrp="1"/>
          </p:cNvGraphicFramePr>
          <p:nvPr/>
        </p:nvGraphicFramePr>
        <p:xfrm>
          <a:off x="7543474" y="5165165"/>
          <a:ext cx="1299382" cy="1190241"/>
        </p:xfrm>
        <a:graphic>
          <a:graphicData uri="http://schemas.openxmlformats.org/drawingml/2006/table">
            <a:tbl>
              <a:tblPr firstRow="1" bandRow="1">
                <a:tableStyleId>{2D5ABB26-0587-4C30-8999-92F81FD0307C}</a:tableStyleId>
              </a:tblPr>
              <a:tblGrid>
                <a:gridCol w="1299382">
                  <a:extLst>
                    <a:ext uri="{9D8B030D-6E8A-4147-A177-3AD203B41FA5}">
                      <a16:colId xmlns:a16="http://schemas.microsoft.com/office/drawing/2014/main" val="20000"/>
                    </a:ext>
                  </a:extLst>
                </a:gridCol>
              </a:tblGrid>
              <a:tr h="326882">
                <a:tc>
                  <a:txBody>
                    <a:bodyPr/>
                    <a:lstStyle/>
                    <a:p>
                      <a:pPr marL="107950">
                        <a:lnSpc>
                          <a:spcPct val="100000"/>
                        </a:lnSpc>
                        <a:spcBef>
                          <a:spcPts val="910"/>
                        </a:spcBef>
                      </a:pPr>
                      <a:r>
                        <a:rPr sz="800" spc="-10" dirty="0">
                          <a:latin typeface="ＭＳ Ｐゴシック"/>
                          <a:cs typeface="ＭＳ Ｐゴシック"/>
                        </a:rPr>
                        <a:t>具体の改善策の検討</a:t>
                      </a:r>
                      <a:endParaRPr sz="800">
                        <a:latin typeface="ＭＳ Ｐゴシック"/>
                        <a:cs typeface="ＭＳ Ｐゴシック"/>
                      </a:endParaRPr>
                    </a:p>
                  </a:txBody>
                  <a:tcPr marL="0" marR="0" marT="98825"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0"/>
                  </a:ext>
                </a:extLst>
              </a:tr>
              <a:tr h="466974">
                <a:tc>
                  <a:txBody>
                    <a:bodyPr/>
                    <a:lstStyle/>
                    <a:p>
                      <a:pPr marL="98425" marR="163195">
                        <a:lnSpc>
                          <a:spcPct val="102200"/>
                        </a:lnSpc>
                        <a:spcBef>
                          <a:spcPts val="1040"/>
                        </a:spcBef>
                      </a:pPr>
                      <a:r>
                        <a:rPr sz="800" dirty="0">
                          <a:latin typeface="ＭＳ Ｐゴシック"/>
                          <a:cs typeface="ＭＳ Ｐゴシック"/>
                        </a:rPr>
                        <a:t>R</a:t>
                      </a:r>
                      <a:r>
                        <a:rPr sz="800" spc="-5" dirty="0">
                          <a:latin typeface="ＭＳ Ｐゴシック"/>
                          <a:cs typeface="ＭＳ Ｐゴシック"/>
                        </a:rPr>
                        <a:t>７年度の導入に向けた</a:t>
                      </a:r>
                      <a:r>
                        <a:rPr sz="800" spc="-25" dirty="0">
                          <a:latin typeface="ＭＳ Ｐゴシック"/>
                          <a:cs typeface="ＭＳ Ｐゴシック"/>
                        </a:rPr>
                        <a:t>調整</a:t>
                      </a:r>
                      <a:endParaRPr sz="800">
                        <a:latin typeface="ＭＳ Ｐゴシック"/>
                        <a:cs typeface="ＭＳ Ｐゴシック"/>
                      </a:endParaRPr>
                    </a:p>
                  </a:txBody>
                  <a:tcPr marL="0" marR="0" marT="112943"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1"/>
                  </a:ext>
                </a:extLst>
              </a:tr>
              <a:tr h="396385">
                <a:tc>
                  <a:txBody>
                    <a:bodyPr/>
                    <a:lstStyle/>
                    <a:p>
                      <a:pPr>
                        <a:lnSpc>
                          <a:spcPct val="100000"/>
                        </a:lnSpc>
                        <a:spcBef>
                          <a:spcPts val="280"/>
                        </a:spcBef>
                      </a:pPr>
                      <a:endParaRPr sz="800">
                        <a:latin typeface="Times New Roman"/>
                        <a:cs typeface="Times New Roman"/>
                      </a:endParaRPr>
                    </a:p>
                    <a:p>
                      <a:pPr marL="98425">
                        <a:lnSpc>
                          <a:spcPct val="100000"/>
                        </a:lnSpc>
                      </a:pPr>
                      <a:r>
                        <a:rPr sz="800" spc="-10" dirty="0">
                          <a:latin typeface="ＭＳ Ｐゴシック"/>
                          <a:cs typeface="ＭＳ Ｐゴシック"/>
                        </a:rPr>
                        <a:t>実証/実装</a:t>
                      </a:r>
                      <a:endParaRPr sz="800">
                        <a:latin typeface="ＭＳ Ｐゴシック"/>
                        <a:cs typeface="ＭＳ Ｐゴシック"/>
                      </a:endParaRPr>
                    </a:p>
                  </a:txBody>
                  <a:tcPr marL="0" marR="0" marT="30408"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FFFFFF"/>
                    </a:solidFill>
                  </a:tcPr>
                </a:tc>
                <a:extLst>
                  <a:ext uri="{0D108BD9-81ED-4DB2-BD59-A6C34878D82A}">
                    <a16:rowId xmlns:a16="http://schemas.microsoft.com/office/drawing/2014/main" val="10002"/>
                  </a:ext>
                </a:extLst>
              </a:tr>
            </a:tbl>
          </a:graphicData>
        </a:graphic>
      </p:graphicFrame>
      <p:sp>
        <p:nvSpPr>
          <p:cNvPr id="50" name="object 50"/>
          <p:cNvSpPr txBox="1"/>
          <p:nvPr/>
        </p:nvSpPr>
        <p:spPr>
          <a:xfrm>
            <a:off x="1869756" y="851685"/>
            <a:ext cx="1604964" cy="209489"/>
          </a:xfrm>
          <a:prstGeom prst="rect">
            <a:avLst/>
          </a:prstGeom>
        </p:spPr>
        <p:txBody>
          <a:bodyPr vert="horz" wrap="square" lIns="0" tIns="11946" rIns="0" bIns="0" rtlCol="0">
            <a:spAutoFit/>
          </a:bodyPr>
          <a:lstStyle/>
          <a:p>
            <a:pPr marL="10860">
              <a:spcBef>
                <a:spcPts val="94"/>
              </a:spcBef>
            </a:pPr>
            <a:r>
              <a:rPr sz="1283" spc="-9" dirty="0">
                <a:latin typeface="ＭＳ Ｐゴシック"/>
                <a:cs typeface="ＭＳ Ｐゴシック"/>
              </a:rPr>
              <a:t>支援対象：除雪</a:t>
            </a:r>
            <a:endParaRPr sz="1283" dirty="0">
              <a:latin typeface="ＭＳ Ｐゴシック"/>
              <a:cs typeface="ＭＳ Ｐゴシック"/>
            </a:endParaRPr>
          </a:p>
        </p:txBody>
      </p:sp>
      <p:sp>
        <p:nvSpPr>
          <p:cNvPr id="51" name="object 51"/>
          <p:cNvSpPr txBox="1"/>
          <p:nvPr/>
        </p:nvSpPr>
        <p:spPr>
          <a:xfrm>
            <a:off x="250211" y="821005"/>
            <a:ext cx="1484542" cy="239096"/>
          </a:xfrm>
          <a:prstGeom prst="rect">
            <a:avLst/>
          </a:prstGeom>
          <a:ln w="13715">
            <a:solidFill>
              <a:srgbClr val="000000"/>
            </a:solidFill>
          </a:ln>
        </p:spPr>
        <p:txBody>
          <a:bodyPr vert="horz" wrap="square" lIns="0" tIns="41267" rIns="0" bIns="0" rtlCol="0">
            <a:spAutoFit/>
          </a:bodyPr>
          <a:lstStyle/>
          <a:p>
            <a:pPr marL="176471">
              <a:spcBef>
                <a:spcPts val="325"/>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52" name="object 52"/>
          <p:cNvSpPr txBox="1"/>
          <p:nvPr/>
        </p:nvSpPr>
        <p:spPr>
          <a:xfrm>
            <a:off x="250210" y="1140286"/>
            <a:ext cx="8625985" cy="837549"/>
          </a:xfrm>
          <a:prstGeom prst="rect">
            <a:avLst/>
          </a:prstGeom>
          <a:ln w="13715">
            <a:solidFill>
              <a:srgbClr val="000000"/>
            </a:solidFill>
          </a:ln>
        </p:spPr>
        <p:txBody>
          <a:bodyPr vert="horz" wrap="square" lIns="0" tIns="166699" rIns="0" bIns="0" rtlCol="0">
            <a:spAutoFit/>
          </a:bodyPr>
          <a:lstStyle/>
          <a:p>
            <a:pPr marL="85792">
              <a:spcBef>
                <a:spcPts val="1313"/>
              </a:spcBef>
            </a:pPr>
            <a:r>
              <a:rPr sz="1283" spc="-13" dirty="0">
                <a:latin typeface="ＭＳ Ｐゴシック"/>
                <a:cs typeface="ＭＳ Ｐゴシック"/>
              </a:rPr>
              <a:t>〇除雪費削減に資する除排雪方法、現行の除雪管理システムの効率化・機能拡充について検討を進める。</a:t>
            </a:r>
            <a:endParaRPr sz="1283">
              <a:latin typeface="ＭＳ Ｐゴシック"/>
              <a:cs typeface="ＭＳ Ｐゴシック"/>
            </a:endParaRPr>
          </a:p>
          <a:p>
            <a:pPr marL="250861" marR="184073" indent="-165611">
              <a:spcBef>
                <a:spcPts val="564"/>
              </a:spcBef>
            </a:pPr>
            <a:r>
              <a:rPr sz="1283" spc="-13" dirty="0">
                <a:latin typeface="ＭＳ Ｐゴシック"/>
                <a:cs typeface="ＭＳ Ｐゴシック"/>
              </a:rPr>
              <a:t>〇Ｒ７年度の積雪深把握技術導入に向けて、導入技術の検討、補助金の活用等の財源確保を図る。消雪の効率化に向けて、今冬に環境負荷の少ない融雪剤を使用した効果検証の実施を検討。</a:t>
            </a:r>
            <a:endParaRPr sz="1283">
              <a:latin typeface="ＭＳ Ｐゴシック"/>
              <a:cs typeface="ＭＳ Ｐゴシック"/>
            </a:endParaRPr>
          </a:p>
        </p:txBody>
      </p:sp>
      <p:sp>
        <p:nvSpPr>
          <p:cNvPr id="53" name="object 53"/>
          <p:cNvSpPr txBox="1"/>
          <p:nvPr/>
        </p:nvSpPr>
        <p:spPr>
          <a:xfrm>
            <a:off x="5126721" y="2310543"/>
            <a:ext cx="1974322" cy="239645"/>
          </a:xfrm>
          <a:prstGeom prst="rect">
            <a:avLst/>
          </a:prstGeom>
          <a:solidFill>
            <a:srgbClr val="B6DDE8"/>
          </a:solidFill>
          <a:ln w="10667">
            <a:solidFill>
              <a:srgbClr val="00AFEF"/>
            </a:solidFill>
          </a:ln>
        </p:spPr>
        <p:txBody>
          <a:bodyPr vert="horz" wrap="square" lIns="0" tIns="41810" rIns="0" bIns="0" rtlCol="0">
            <a:spAutoFit/>
          </a:bodyPr>
          <a:lstStyle/>
          <a:p>
            <a:pPr marL="134118">
              <a:spcBef>
                <a:spcPts val="329"/>
              </a:spcBef>
            </a:pPr>
            <a:r>
              <a:rPr sz="1283" spc="-9" dirty="0">
                <a:latin typeface="ＭＳ Ｐゴシック"/>
                <a:cs typeface="ＭＳ Ｐゴシック"/>
              </a:rPr>
              <a:t>具体な検討スケジュール</a:t>
            </a:r>
            <a:endParaRPr sz="1283">
              <a:latin typeface="ＭＳ Ｐゴシック"/>
              <a:cs typeface="ＭＳ Ｐゴシック"/>
            </a:endParaRPr>
          </a:p>
        </p:txBody>
      </p:sp>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3655428" y="2366579"/>
            <a:ext cx="1246169" cy="1466081"/>
            <a:chOff x="4274820" y="2538983"/>
            <a:chExt cx="1457325" cy="1714500"/>
          </a:xfrm>
        </p:grpSpPr>
        <p:sp>
          <p:nvSpPr>
            <p:cNvPr id="3" name="object 3"/>
            <p:cNvSpPr/>
            <p:nvPr/>
          </p:nvSpPr>
          <p:spPr>
            <a:xfrm>
              <a:off x="4274820" y="2538983"/>
              <a:ext cx="1457325" cy="1714500"/>
            </a:xfrm>
            <a:custGeom>
              <a:avLst/>
              <a:gdLst/>
              <a:ahLst/>
              <a:cxnLst/>
              <a:rect l="l" t="t" r="r" b="b"/>
              <a:pathLst>
                <a:path w="1457325" h="1714500">
                  <a:moveTo>
                    <a:pt x="1456944" y="1714500"/>
                  </a:moveTo>
                  <a:lnTo>
                    <a:pt x="0" y="1714500"/>
                  </a:lnTo>
                  <a:lnTo>
                    <a:pt x="0" y="0"/>
                  </a:lnTo>
                  <a:lnTo>
                    <a:pt x="1456944" y="0"/>
                  </a:lnTo>
                  <a:lnTo>
                    <a:pt x="1456944" y="1714500"/>
                  </a:lnTo>
                  <a:close/>
                </a:path>
              </a:pathLst>
            </a:custGeom>
            <a:solidFill>
              <a:srgbClr val="DBE6F2"/>
            </a:solidFill>
          </p:spPr>
          <p:txBody>
            <a:bodyPr wrap="square" lIns="0" tIns="0" rIns="0" bIns="0" rtlCol="0"/>
            <a:lstStyle/>
            <a:p>
              <a:endParaRPr sz="1749"/>
            </a:p>
          </p:txBody>
        </p:sp>
        <p:pic>
          <p:nvPicPr>
            <p:cNvPr id="4" name="object 4"/>
            <p:cNvPicPr/>
            <p:nvPr/>
          </p:nvPicPr>
          <p:blipFill>
            <a:blip r:embed="rId2" cstate="print"/>
            <a:stretch>
              <a:fillRect/>
            </a:stretch>
          </p:blipFill>
          <p:spPr>
            <a:xfrm>
              <a:off x="4360164" y="2569464"/>
              <a:ext cx="1359407" cy="1152143"/>
            </a:xfrm>
            <a:prstGeom prst="rect">
              <a:avLst/>
            </a:prstGeom>
          </p:spPr>
        </p:pic>
      </p:grpSp>
      <p:sp>
        <p:nvSpPr>
          <p:cNvPr id="5" name="object 5"/>
          <p:cNvSpPr txBox="1">
            <a:spLocks noGrp="1"/>
          </p:cNvSpPr>
          <p:nvPr>
            <p:ph type="title"/>
          </p:nvPr>
        </p:nvSpPr>
        <p:spPr>
          <a:xfrm>
            <a:off x="190297" y="378399"/>
            <a:ext cx="8683350" cy="235544"/>
          </a:xfrm>
          <a:prstGeom prst="rect">
            <a:avLst/>
          </a:prstGeom>
        </p:spPr>
        <p:txBody>
          <a:bodyPr vert="horz" wrap="square" lIns="0" tIns="10317" rIns="0" bIns="0" rtlCol="0">
            <a:spAutoFit/>
          </a:bodyPr>
          <a:lstStyle/>
          <a:p>
            <a:pPr marL="11403">
              <a:lnSpc>
                <a:spcPct val="100000"/>
              </a:lnSpc>
              <a:spcBef>
                <a:spcPts val="81"/>
              </a:spcBef>
            </a:pPr>
            <a:r>
              <a:rPr spc="-9" dirty="0"/>
              <a:t>（</a:t>
            </a:r>
            <a:r>
              <a:rPr spc="-21" dirty="0"/>
              <a:t>静岡県静岡市</a:t>
            </a:r>
            <a:r>
              <a:rPr spc="-9" dirty="0"/>
              <a:t>）</a:t>
            </a:r>
            <a:r>
              <a:rPr spc="-30" dirty="0"/>
              <a:t>タブレットを活用した橋梁点検への新技術導入、要領の見直しに関する助言、情報提供</a:t>
            </a:r>
          </a:p>
        </p:txBody>
      </p:sp>
      <p:sp>
        <p:nvSpPr>
          <p:cNvPr id="6" name="object 6"/>
          <p:cNvSpPr/>
          <p:nvPr/>
        </p:nvSpPr>
        <p:spPr>
          <a:xfrm>
            <a:off x="151168" y="4795713"/>
            <a:ext cx="4670825" cy="1535584"/>
          </a:xfrm>
          <a:custGeom>
            <a:avLst/>
            <a:gdLst/>
            <a:ahLst/>
            <a:cxnLst/>
            <a:rect l="l" t="t" r="r" b="b"/>
            <a:pathLst>
              <a:path w="5462270" h="1795779">
                <a:moveTo>
                  <a:pt x="5462016" y="1795272"/>
                </a:moveTo>
                <a:lnTo>
                  <a:pt x="0" y="1795272"/>
                </a:lnTo>
                <a:lnTo>
                  <a:pt x="0" y="0"/>
                </a:lnTo>
                <a:lnTo>
                  <a:pt x="5462016" y="0"/>
                </a:lnTo>
                <a:lnTo>
                  <a:pt x="5462016" y="1795272"/>
                </a:lnTo>
                <a:close/>
              </a:path>
            </a:pathLst>
          </a:custGeom>
          <a:solidFill>
            <a:srgbClr val="DBE6F2"/>
          </a:solidFill>
        </p:spPr>
        <p:txBody>
          <a:bodyPr wrap="square" lIns="0" tIns="0" rIns="0" bIns="0" rtlCol="0"/>
          <a:lstStyle/>
          <a:p>
            <a:endParaRPr sz="1749"/>
          </a:p>
        </p:txBody>
      </p:sp>
      <p:sp>
        <p:nvSpPr>
          <p:cNvPr id="7" name="object 7"/>
          <p:cNvSpPr txBox="1"/>
          <p:nvPr/>
        </p:nvSpPr>
        <p:spPr>
          <a:xfrm>
            <a:off x="295822" y="3591572"/>
            <a:ext cx="1625178" cy="239645"/>
          </a:xfrm>
          <a:prstGeom prst="rect">
            <a:avLst/>
          </a:prstGeom>
          <a:solidFill>
            <a:srgbClr val="B6DDE8"/>
          </a:solidFill>
          <a:ln w="10667">
            <a:solidFill>
              <a:srgbClr val="00AFEF"/>
            </a:solidFill>
          </a:ln>
        </p:spPr>
        <p:txBody>
          <a:bodyPr vert="horz" wrap="square" lIns="0" tIns="41810" rIns="0" bIns="0" rtlCol="0">
            <a:spAutoFit/>
          </a:bodyPr>
          <a:lstStyle/>
          <a:p>
            <a:pPr marL="155838">
              <a:spcBef>
                <a:spcPts val="329"/>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8" name="object 8"/>
          <p:cNvSpPr/>
          <p:nvPr/>
        </p:nvSpPr>
        <p:spPr>
          <a:xfrm>
            <a:off x="4950139" y="2317059"/>
            <a:ext cx="0" cy="4131090"/>
          </a:xfrm>
          <a:custGeom>
            <a:avLst/>
            <a:gdLst/>
            <a:ahLst/>
            <a:cxnLst/>
            <a:rect l="l" t="t" r="r" b="b"/>
            <a:pathLst>
              <a:path h="4831080">
                <a:moveTo>
                  <a:pt x="0" y="0"/>
                </a:moveTo>
                <a:lnTo>
                  <a:pt x="0" y="4831079"/>
                </a:lnTo>
              </a:path>
            </a:pathLst>
          </a:custGeom>
          <a:ln w="13716">
            <a:solidFill>
              <a:srgbClr val="000000"/>
            </a:solidFill>
            <a:prstDash val="sysDash"/>
          </a:ln>
        </p:spPr>
        <p:txBody>
          <a:bodyPr wrap="square" lIns="0" tIns="0" rIns="0" bIns="0" rtlCol="0"/>
          <a:lstStyle/>
          <a:p>
            <a:endParaRPr sz="1749"/>
          </a:p>
        </p:txBody>
      </p:sp>
      <p:sp>
        <p:nvSpPr>
          <p:cNvPr id="9" name="object 9"/>
          <p:cNvSpPr txBox="1"/>
          <p:nvPr/>
        </p:nvSpPr>
        <p:spPr>
          <a:xfrm>
            <a:off x="268430" y="6162237"/>
            <a:ext cx="2533062" cy="138130"/>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出典）</a:t>
            </a:r>
            <a:r>
              <a:rPr sz="812" u="sng" dirty="0">
                <a:solidFill>
                  <a:srgbClr val="0000FF"/>
                </a:solidFill>
                <a:uFill>
                  <a:solidFill>
                    <a:srgbClr val="0000FF"/>
                  </a:solidFill>
                </a:uFill>
                <a:latin typeface="ＭＳ Ｐゴシック"/>
                <a:cs typeface="ＭＳ Ｐゴシック"/>
              </a:rPr>
              <a:t>https://</a:t>
            </a:r>
            <a:r>
              <a:rPr sz="812" u="sng" dirty="0">
                <a:solidFill>
                  <a:srgbClr val="0000FF"/>
                </a:solidFill>
                <a:uFill>
                  <a:solidFill>
                    <a:srgbClr val="0000FF"/>
                  </a:solidFill>
                </a:uFill>
                <a:latin typeface="ＭＳ Ｐゴシック"/>
                <a:cs typeface="ＭＳ Ｐゴシック"/>
                <a:hlinkClick r:id="rId3"/>
              </a:rPr>
              <a:t>www.agencysoft.co.jp/bridge/</a:t>
            </a:r>
            <a:r>
              <a:rPr sz="812" spc="-9" dirty="0">
                <a:latin typeface="ＭＳ Ｐゴシック"/>
                <a:cs typeface="ＭＳ Ｐゴシック"/>
              </a:rPr>
              <a:t>、静岡市資料</a:t>
            </a:r>
            <a:endParaRPr sz="812">
              <a:latin typeface="ＭＳ Ｐゴシック"/>
              <a:cs typeface="ＭＳ Ｐゴシック"/>
            </a:endParaRPr>
          </a:p>
        </p:txBody>
      </p:sp>
      <p:sp>
        <p:nvSpPr>
          <p:cNvPr id="10" name="object 10"/>
          <p:cNvSpPr txBox="1"/>
          <p:nvPr/>
        </p:nvSpPr>
        <p:spPr>
          <a:xfrm>
            <a:off x="5126721" y="2229745"/>
            <a:ext cx="1995499" cy="239645"/>
          </a:xfrm>
          <a:prstGeom prst="rect">
            <a:avLst/>
          </a:prstGeom>
          <a:solidFill>
            <a:srgbClr val="B6DDE8"/>
          </a:solidFill>
          <a:ln w="10667">
            <a:solidFill>
              <a:srgbClr val="00AFEF"/>
            </a:solidFill>
          </a:ln>
        </p:spPr>
        <p:txBody>
          <a:bodyPr vert="horz" wrap="square" lIns="0" tIns="41810" rIns="0" bIns="0" rtlCol="0">
            <a:spAutoFit/>
          </a:bodyPr>
          <a:lstStyle/>
          <a:p>
            <a:pPr marL="143892">
              <a:spcBef>
                <a:spcPts val="329"/>
              </a:spcBef>
            </a:pPr>
            <a:r>
              <a:rPr sz="1283" spc="-9" dirty="0">
                <a:latin typeface="ＭＳ Ｐゴシック"/>
                <a:cs typeface="ＭＳ Ｐゴシック"/>
              </a:rPr>
              <a:t>具体な検討スケジュール</a:t>
            </a:r>
            <a:endParaRPr sz="1283">
              <a:latin typeface="ＭＳ Ｐゴシック"/>
              <a:cs typeface="ＭＳ Ｐゴシック"/>
            </a:endParaRPr>
          </a:p>
        </p:txBody>
      </p:sp>
      <p:sp>
        <p:nvSpPr>
          <p:cNvPr id="11" name="object 11"/>
          <p:cNvSpPr txBox="1"/>
          <p:nvPr/>
        </p:nvSpPr>
        <p:spPr>
          <a:xfrm>
            <a:off x="5249988" y="2611348"/>
            <a:ext cx="3707012" cy="1575846"/>
          </a:xfrm>
          <a:prstGeom prst="rect">
            <a:avLst/>
          </a:prstGeom>
        </p:spPr>
        <p:txBody>
          <a:bodyPr vert="horz" wrap="square" lIns="0" tIns="10317" rIns="0" bIns="0" rtlCol="0">
            <a:spAutoFit/>
          </a:bodyPr>
          <a:lstStyle/>
          <a:p>
            <a:pPr marL="142263" marR="4344" indent="-132489">
              <a:spcBef>
                <a:spcPts val="81"/>
              </a:spcBef>
              <a:buSzPct val="92307"/>
              <a:buChar char="○"/>
              <a:tabLst>
                <a:tab pos="142263" algn="l"/>
                <a:tab pos="150951" algn="l"/>
              </a:tabLst>
            </a:pPr>
            <a:r>
              <a:rPr sz="1112" dirty="0">
                <a:latin typeface="ＭＳ Ｐゴシック"/>
                <a:cs typeface="ＭＳ Ｐゴシック"/>
              </a:rPr>
              <a:t>	</a:t>
            </a:r>
            <a:r>
              <a:rPr sz="1112" spc="-17" dirty="0">
                <a:latin typeface="ＭＳ Ｐゴシック"/>
                <a:cs typeface="ＭＳ Ｐゴシック"/>
              </a:rPr>
              <a:t>今秋からの職員点検に間に合うよう、タブレット端末の選定、発注準備への助言を行うとともに、市の点検要領の改定への助言を実施。</a:t>
            </a:r>
            <a:endParaRPr sz="1112">
              <a:latin typeface="ＭＳ Ｐゴシック"/>
              <a:cs typeface="ＭＳ Ｐゴシック"/>
            </a:endParaRPr>
          </a:p>
          <a:p>
            <a:pPr marL="151494" indent="-141177">
              <a:spcBef>
                <a:spcPts val="543"/>
              </a:spcBef>
              <a:buSzPct val="92307"/>
              <a:buChar char="○"/>
              <a:tabLst>
                <a:tab pos="151494" algn="l"/>
              </a:tabLst>
            </a:pPr>
            <a:r>
              <a:rPr sz="1112" spc="-30" dirty="0">
                <a:latin typeface="ＭＳ Ｐゴシック"/>
                <a:cs typeface="ＭＳ Ｐゴシック"/>
              </a:rPr>
              <a:t>その後、点検に着手するにあたり、職員研修の実施を予定。</a:t>
            </a:r>
            <a:endParaRPr sz="1112">
              <a:latin typeface="ＭＳ Ｐゴシック"/>
              <a:cs typeface="ＭＳ Ｐゴシック"/>
            </a:endParaRPr>
          </a:p>
          <a:p>
            <a:pPr marL="142263" marR="193304" indent="-132489">
              <a:lnSpc>
                <a:spcPts val="1325"/>
              </a:lnSpc>
              <a:spcBef>
                <a:spcPts val="603"/>
              </a:spcBef>
              <a:buSzPct val="92307"/>
              <a:buChar char="○"/>
              <a:tabLst>
                <a:tab pos="142263" algn="l"/>
                <a:tab pos="150951" algn="l"/>
              </a:tabLst>
            </a:pPr>
            <a:r>
              <a:rPr sz="1112" dirty="0">
                <a:latin typeface="ＭＳ Ｐゴシック"/>
                <a:cs typeface="ＭＳ Ｐゴシック"/>
              </a:rPr>
              <a:t>	</a:t>
            </a:r>
            <a:r>
              <a:rPr sz="1112" spc="-30" dirty="0">
                <a:latin typeface="ＭＳ Ｐゴシック"/>
                <a:cs typeface="ＭＳ Ｐゴシック"/>
              </a:rPr>
              <a:t>年度内の診断結果の取りまとめに向け、庁内会議で診断</a:t>
            </a:r>
            <a:r>
              <a:rPr sz="1112" spc="-26" dirty="0">
                <a:latin typeface="ＭＳ Ｐゴシック"/>
                <a:cs typeface="ＭＳ Ｐゴシック"/>
              </a:rPr>
              <a:t>結果への助言を行う。</a:t>
            </a:r>
            <a:endParaRPr sz="1112">
              <a:latin typeface="ＭＳ Ｐゴシック"/>
              <a:cs typeface="ＭＳ Ｐゴシック"/>
            </a:endParaRPr>
          </a:p>
          <a:p>
            <a:pPr marL="151494" indent="-141177">
              <a:spcBef>
                <a:spcPts val="513"/>
              </a:spcBef>
              <a:buSzPct val="92307"/>
              <a:buChar char="○"/>
              <a:tabLst>
                <a:tab pos="151494" algn="l"/>
              </a:tabLst>
            </a:pPr>
            <a:r>
              <a:rPr sz="1112" spc="-30" dirty="0">
                <a:latin typeface="ＭＳ Ｐゴシック"/>
                <a:cs typeface="ＭＳ Ｐゴシック"/>
              </a:rPr>
              <a:t>期間を通じ、技術運用、システム改善を支援。</a:t>
            </a:r>
            <a:endParaRPr sz="1112">
              <a:latin typeface="ＭＳ Ｐゴシック"/>
              <a:cs typeface="ＭＳ Ｐゴシック"/>
            </a:endParaRPr>
          </a:p>
        </p:txBody>
      </p:sp>
      <p:sp>
        <p:nvSpPr>
          <p:cNvPr id="12" name="object 12"/>
          <p:cNvSpPr txBox="1"/>
          <p:nvPr/>
        </p:nvSpPr>
        <p:spPr>
          <a:xfrm>
            <a:off x="295822" y="2229745"/>
            <a:ext cx="2158397" cy="239645"/>
          </a:xfrm>
          <a:prstGeom prst="rect">
            <a:avLst/>
          </a:prstGeom>
          <a:solidFill>
            <a:srgbClr val="B6DDE8"/>
          </a:solidFill>
          <a:ln w="10667">
            <a:solidFill>
              <a:srgbClr val="00AFEF"/>
            </a:solidFill>
          </a:ln>
        </p:spPr>
        <p:txBody>
          <a:bodyPr vert="horz" wrap="square" lIns="0" tIns="41810" rIns="0" bIns="0" rtlCol="0">
            <a:spAutoFit/>
          </a:bodyPr>
          <a:lstStyle/>
          <a:p>
            <a:pPr marL="110769">
              <a:spcBef>
                <a:spcPts val="329"/>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13" name="object 13"/>
          <p:cNvSpPr txBox="1"/>
          <p:nvPr/>
        </p:nvSpPr>
        <p:spPr>
          <a:xfrm>
            <a:off x="319008" y="2621793"/>
            <a:ext cx="3240581" cy="943045"/>
          </a:xfrm>
          <a:prstGeom prst="rect">
            <a:avLst/>
          </a:prstGeom>
        </p:spPr>
        <p:txBody>
          <a:bodyPr vert="horz" wrap="square" lIns="0" tIns="10317" rIns="0" bIns="0" rtlCol="0">
            <a:spAutoFit/>
          </a:bodyPr>
          <a:lstStyle/>
          <a:p>
            <a:pPr marL="141720" marR="4344" indent="-131403">
              <a:spcBef>
                <a:spcPts val="81"/>
              </a:spcBef>
            </a:pPr>
            <a:r>
              <a:rPr sz="1112" spc="-30" dirty="0">
                <a:latin typeface="ＭＳ Ｐゴシック"/>
                <a:cs typeface="ＭＳ Ｐゴシック"/>
              </a:rPr>
              <a:t>〇事務局より、橋梁点検カタログをもとに関連する技術の一覧表を作成し、性能を比較・検討。</a:t>
            </a:r>
            <a:endParaRPr sz="1112">
              <a:latin typeface="ＭＳ Ｐゴシック"/>
              <a:cs typeface="ＭＳ Ｐゴシック"/>
            </a:endParaRPr>
          </a:p>
          <a:p>
            <a:pPr marL="141720" marR="41810" indent="-131403">
              <a:lnSpc>
                <a:spcPct val="99600"/>
              </a:lnSpc>
              <a:spcBef>
                <a:spcPts val="556"/>
              </a:spcBef>
            </a:pPr>
            <a:r>
              <a:rPr sz="1112" spc="-17" dirty="0">
                <a:latin typeface="ＭＳ Ｐゴシック"/>
                <a:cs typeface="ＭＳ Ｐゴシック"/>
              </a:rPr>
              <a:t>〇</a:t>
            </a:r>
            <a:r>
              <a:rPr sz="1112" spc="-9" dirty="0">
                <a:latin typeface="ＭＳ Ｐゴシック"/>
                <a:cs typeface="ＭＳ Ｐゴシック"/>
              </a:rPr>
              <a:t>SIP</a:t>
            </a:r>
            <a:r>
              <a:rPr sz="1112" spc="-21" dirty="0">
                <a:latin typeface="ＭＳ Ｐゴシック"/>
                <a:cs typeface="ＭＳ Ｐゴシック"/>
              </a:rPr>
              <a:t>スマートインフラ</a:t>
            </a:r>
            <a:r>
              <a:rPr sz="1112" spc="-9" dirty="0">
                <a:latin typeface="ＭＳ Ｐゴシック"/>
                <a:cs typeface="ＭＳ Ｐゴシック"/>
              </a:rPr>
              <a:t>（</a:t>
            </a:r>
            <a:r>
              <a:rPr sz="1112" spc="-26" dirty="0">
                <a:latin typeface="ＭＳ Ｐゴシック"/>
                <a:cs typeface="ＭＳ Ｐゴシック"/>
              </a:rPr>
              <a:t>サブ課題</a:t>
            </a:r>
            <a:r>
              <a:rPr sz="1112" spc="-9" dirty="0">
                <a:latin typeface="ＭＳ Ｐゴシック"/>
                <a:cs typeface="ＭＳ Ｐゴシック"/>
              </a:rPr>
              <a:t>C）</a:t>
            </a:r>
            <a:r>
              <a:rPr sz="1112" spc="-26" dirty="0">
                <a:latin typeface="ＭＳ Ｐゴシック"/>
                <a:cs typeface="ＭＳ Ｐゴシック"/>
              </a:rPr>
              <a:t>から、タブレット端</a:t>
            </a:r>
            <a:r>
              <a:rPr sz="1112" spc="-30" dirty="0">
                <a:latin typeface="ＭＳ Ｐゴシック"/>
                <a:cs typeface="ＭＳ Ｐゴシック"/>
              </a:rPr>
              <a:t>末を用いた橋梁点検システム研究開発を紹介し、試</a:t>
            </a:r>
            <a:r>
              <a:rPr sz="1112" spc="-26" dirty="0">
                <a:latin typeface="ＭＳ Ｐゴシック"/>
                <a:cs typeface="ＭＳ Ｐゴシック"/>
              </a:rPr>
              <a:t>行を実施。</a:t>
            </a:r>
            <a:endParaRPr sz="1112">
              <a:latin typeface="ＭＳ Ｐゴシック"/>
              <a:cs typeface="ＭＳ Ｐゴシック"/>
            </a:endParaRPr>
          </a:p>
        </p:txBody>
      </p:sp>
      <p:grpSp>
        <p:nvGrpSpPr>
          <p:cNvPr id="14" name="object 14"/>
          <p:cNvGrpSpPr/>
          <p:nvPr/>
        </p:nvGrpSpPr>
        <p:grpSpPr>
          <a:xfrm>
            <a:off x="367550" y="4991278"/>
            <a:ext cx="4238059" cy="1127253"/>
            <a:chOff x="403860" y="5643372"/>
            <a:chExt cx="4956175" cy="1318260"/>
          </a:xfrm>
        </p:grpSpPr>
        <p:pic>
          <p:nvPicPr>
            <p:cNvPr id="15" name="object 15"/>
            <p:cNvPicPr/>
            <p:nvPr/>
          </p:nvPicPr>
          <p:blipFill>
            <a:blip r:embed="rId4" cstate="print"/>
            <a:stretch>
              <a:fillRect/>
            </a:stretch>
          </p:blipFill>
          <p:spPr>
            <a:xfrm>
              <a:off x="403860" y="5643372"/>
              <a:ext cx="1937003" cy="1318259"/>
            </a:xfrm>
            <a:prstGeom prst="rect">
              <a:avLst/>
            </a:prstGeom>
          </p:spPr>
        </p:pic>
        <p:pic>
          <p:nvPicPr>
            <p:cNvPr id="16" name="object 16"/>
            <p:cNvPicPr/>
            <p:nvPr/>
          </p:nvPicPr>
          <p:blipFill>
            <a:blip r:embed="rId5" cstate="print"/>
            <a:stretch>
              <a:fillRect/>
            </a:stretch>
          </p:blipFill>
          <p:spPr>
            <a:xfrm>
              <a:off x="2868167" y="5650992"/>
              <a:ext cx="2491739" cy="1275587"/>
            </a:xfrm>
            <a:prstGeom prst="rect">
              <a:avLst/>
            </a:prstGeom>
          </p:spPr>
        </p:pic>
      </p:grpSp>
      <p:sp>
        <p:nvSpPr>
          <p:cNvPr id="17" name="object 17"/>
          <p:cNvSpPr txBox="1"/>
          <p:nvPr/>
        </p:nvSpPr>
        <p:spPr>
          <a:xfrm>
            <a:off x="319008" y="3918176"/>
            <a:ext cx="4480777" cy="1054806"/>
          </a:xfrm>
          <a:prstGeom prst="rect">
            <a:avLst/>
          </a:prstGeom>
        </p:spPr>
        <p:txBody>
          <a:bodyPr vert="horz" wrap="square" lIns="0" tIns="10317" rIns="0" bIns="0" rtlCol="0">
            <a:spAutoFit/>
          </a:bodyPr>
          <a:lstStyle/>
          <a:p>
            <a:pPr marL="141720" marR="4344" indent="-131403">
              <a:spcBef>
                <a:spcPts val="81"/>
              </a:spcBef>
            </a:pPr>
            <a:r>
              <a:rPr sz="1112" spc="-30" dirty="0">
                <a:latin typeface="ＭＳ Ｐゴシック"/>
                <a:cs typeface="ＭＳ Ｐゴシック"/>
              </a:rPr>
              <a:t>〇複数の橋梁点検タブレット端末を抽出し、性能を比較検討。国様式への対応、市の既存データベースとの連携可否、所要費用を確認。</a:t>
            </a:r>
            <a:endParaRPr sz="1112">
              <a:latin typeface="ＭＳ Ｐゴシック"/>
              <a:cs typeface="ＭＳ Ｐゴシック"/>
            </a:endParaRPr>
          </a:p>
          <a:p>
            <a:pPr marL="141720" marR="61901" indent="-131946">
              <a:lnSpc>
                <a:spcPts val="1325"/>
              </a:lnSpc>
              <a:spcBef>
                <a:spcPts val="603"/>
              </a:spcBef>
              <a:buSzPct val="92307"/>
              <a:buChar char="○"/>
              <a:tabLst>
                <a:tab pos="141720" algn="l"/>
                <a:tab pos="150951" algn="l"/>
              </a:tabLst>
            </a:pPr>
            <a:r>
              <a:rPr sz="1112" dirty="0">
                <a:latin typeface="ＭＳ Ｐゴシック"/>
                <a:cs typeface="ＭＳ Ｐゴシック"/>
              </a:rPr>
              <a:t>	</a:t>
            </a:r>
            <a:r>
              <a:rPr sz="1112" spc="-26" dirty="0">
                <a:latin typeface="ＭＳ Ｐゴシック"/>
                <a:cs typeface="ＭＳ Ｐゴシック"/>
              </a:rPr>
              <a:t>試行可能な製品について、試行結果及び国の点検要領改定への対応状</a:t>
            </a:r>
            <a:r>
              <a:rPr sz="1112" spc="-30" dirty="0">
                <a:latin typeface="ＭＳ Ｐゴシック"/>
                <a:cs typeface="ＭＳ Ｐゴシック"/>
              </a:rPr>
              <a:t>況を確認の上、導入対象を選定予定。</a:t>
            </a:r>
            <a:endParaRPr sz="1112">
              <a:latin typeface="ＭＳ Ｐゴシック"/>
              <a:cs typeface="ＭＳ Ｐゴシック"/>
            </a:endParaRPr>
          </a:p>
          <a:p>
            <a:pPr marL="402897">
              <a:spcBef>
                <a:spcPts val="1334"/>
              </a:spcBef>
              <a:tabLst>
                <a:tab pos="2112225" algn="l"/>
              </a:tabLst>
            </a:pPr>
            <a:r>
              <a:rPr sz="812" dirty="0">
                <a:latin typeface="ＭＳ Ｐゴシック"/>
                <a:cs typeface="ＭＳ Ｐゴシック"/>
              </a:rPr>
              <a:t>試行したタブレット端</a:t>
            </a:r>
            <a:r>
              <a:rPr sz="812" spc="-43" dirty="0">
                <a:latin typeface="ＭＳ Ｐゴシック"/>
                <a:cs typeface="ＭＳ Ｐゴシック"/>
              </a:rPr>
              <a:t>末</a:t>
            </a:r>
            <a:r>
              <a:rPr sz="812" dirty="0">
                <a:latin typeface="ＭＳ Ｐゴシック"/>
                <a:cs typeface="ＭＳ Ｐゴシック"/>
              </a:rPr>
              <a:t>	</a:t>
            </a:r>
            <a:r>
              <a:rPr sz="1219" baseline="2923" dirty="0">
                <a:latin typeface="ＭＳ Ｐゴシック"/>
                <a:cs typeface="ＭＳ Ｐゴシック"/>
              </a:rPr>
              <a:t>静岡市</a:t>
            </a:r>
            <a:r>
              <a:rPr sz="1219" spc="198" baseline="2923" dirty="0">
                <a:latin typeface="ＭＳ Ｐゴシック"/>
                <a:cs typeface="ＭＳ Ｐゴシック"/>
              </a:rPr>
              <a:t>  </a:t>
            </a:r>
            <a:r>
              <a:rPr sz="1219" baseline="2923" dirty="0">
                <a:latin typeface="ＭＳ Ｐゴシック"/>
                <a:cs typeface="ＭＳ Ｐゴシック"/>
              </a:rPr>
              <a:t>道路施設共通データベー</a:t>
            </a:r>
            <a:r>
              <a:rPr sz="1219" spc="-64" baseline="2923" dirty="0">
                <a:latin typeface="ＭＳ Ｐゴシック"/>
                <a:cs typeface="ＭＳ Ｐゴシック"/>
              </a:rPr>
              <a:t>ス</a:t>
            </a:r>
            <a:endParaRPr sz="1219" baseline="2923">
              <a:latin typeface="ＭＳ Ｐゴシック"/>
              <a:cs typeface="ＭＳ Ｐゴシック"/>
            </a:endParaRPr>
          </a:p>
        </p:txBody>
      </p:sp>
      <p:sp>
        <p:nvSpPr>
          <p:cNvPr id="18" name="object 18"/>
          <p:cNvSpPr/>
          <p:nvPr/>
        </p:nvSpPr>
        <p:spPr>
          <a:xfrm>
            <a:off x="7119288" y="4761830"/>
            <a:ext cx="1719115" cy="1757125"/>
          </a:xfrm>
          <a:custGeom>
            <a:avLst/>
            <a:gdLst/>
            <a:ahLst/>
            <a:cxnLst/>
            <a:rect l="l" t="t" r="r" b="b"/>
            <a:pathLst>
              <a:path w="2010409" h="2054859">
                <a:moveTo>
                  <a:pt x="2010155" y="2054351"/>
                </a:moveTo>
                <a:lnTo>
                  <a:pt x="0" y="2054351"/>
                </a:lnTo>
                <a:lnTo>
                  <a:pt x="0" y="0"/>
                </a:lnTo>
                <a:lnTo>
                  <a:pt x="2010155" y="0"/>
                </a:lnTo>
                <a:lnTo>
                  <a:pt x="2010155" y="2054351"/>
                </a:lnTo>
                <a:close/>
              </a:path>
            </a:pathLst>
          </a:custGeom>
          <a:solidFill>
            <a:srgbClr val="DBE6F2"/>
          </a:solidFill>
        </p:spPr>
        <p:txBody>
          <a:bodyPr wrap="square" lIns="0" tIns="0" rIns="0" bIns="0" rtlCol="0"/>
          <a:lstStyle/>
          <a:p>
            <a:endParaRPr sz="1749"/>
          </a:p>
        </p:txBody>
      </p:sp>
      <p:sp>
        <p:nvSpPr>
          <p:cNvPr id="19" name="object 19"/>
          <p:cNvSpPr/>
          <p:nvPr/>
        </p:nvSpPr>
        <p:spPr>
          <a:xfrm>
            <a:off x="5134541" y="4761830"/>
            <a:ext cx="1905362" cy="1757125"/>
          </a:xfrm>
          <a:custGeom>
            <a:avLst/>
            <a:gdLst/>
            <a:ahLst/>
            <a:cxnLst/>
            <a:rect l="l" t="t" r="r" b="b"/>
            <a:pathLst>
              <a:path w="2228215" h="2054859">
                <a:moveTo>
                  <a:pt x="2228087" y="2054351"/>
                </a:moveTo>
                <a:lnTo>
                  <a:pt x="0" y="2054351"/>
                </a:lnTo>
                <a:lnTo>
                  <a:pt x="0" y="0"/>
                </a:lnTo>
                <a:lnTo>
                  <a:pt x="2228087" y="0"/>
                </a:lnTo>
                <a:lnTo>
                  <a:pt x="2228087" y="2054351"/>
                </a:lnTo>
                <a:close/>
              </a:path>
            </a:pathLst>
          </a:custGeom>
          <a:solidFill>
            <a:srgbClr val="DBE6F2"/>
          </a:solidFill>
        </p:spPr>
        <p:txBody>
          <a:bodyPr wrap="square" lIns="0" tIns="0" rIns="0" bIns="0" rtlCol="0"/>
          <a:lstStyle/>
          <a:p>
            <a:endParaRPr sz="1749"/>
          </a:p>
        </p:txBody>
      </p:sp>
      <p:sp>
        <p:nvSpPr>
          <p:cNvPr id="20" name="object 20"/>
          <p:cNvSpPr txBox="1"/>
          <p:nvPr/>
        </p:nvSpPr>
        <p:spPr>
          <a:xfrm>
            <a:off x="7572796" y="4825685"/>
            <a:ext cx="1138113" cy="331187"/>
          </a:xfrm>
          <a:prstGeom prst="rect">
            <a:avLst/>
          </a:prstGeom>
          <a:solidFill>
            <a:srgbClr val="FFFFFF"/>
          </a:solidFill>
          <a:ln w="13715">
            <a:solidFill>
              <a:srgbClr val="1C334D"/>
            </a:solidFill>
          </a:ln>
        </p:spPr>
        <p:txBody>
          <a:bodyPr vert="horz" wrap="square" lIns="0" tIns="54299" rIns="0" bIns="0" rtlCol="0">
            <a:spAutoFit/>
          </a:bodyPr>
          <a:lstStyle/>
          <a:p>
            <a:pPr>
              <a:spcBef>
                <a:spcPts val="428"/>
              </a:spcBef>
            </a:pPr>
            <a:endParaRPr sz="898">
              <a:latin typeface="Times New Roman"/>
              <a:cs typeface="Times New Roman"/>
            </a:endParaRPr>
          </a:p>
          <a:p>
            <a:pPr marL="85792">
              <a:spcBef>
                <a:spcPts val="4"/>
              </a:spcBef>
            </a:pPr>
            <a:r>
              <a:rPr sz="898" spc="-9" dirty="0">
                <a:latin typeface="ＭＳ Ｐゴシック"/>
                <a:cs typeface="ＭＳ Ｐゴシック"/>
              </a:rPr>
              <a:t>業務発注準備</a:t>
            </a:r>
            <a:endParaRPr sz="898">
              <a:latin typeface="ＭＳ Ｐゴシック"/>
              <a:cs typeface="ＭＳ Ｐゴシック"/>
            </a:endParaRPr>
          </a:p>
        </p:txBody>
      </p:sp>
      <p:grpSp>
        <p:nvGrpSpPr>
          <p:cNvPr id="21" name="object 21"/>
          <p:cNvGrpSpPr/>
          <p:nvPr/>
        </p:nvGrpSpPr>
        <p:grpSpPr>
          <a:xfrm>
            <a:off x="7200086" y="4837415"/>
            <a:ext cx="294845" cy="1624092"/>
            <a:chOff x="8420100" y="5428488"/>
            <a:chExt cx="344805" cy="1899285"/>
          </a:xfrm>
        </p:grpSpPr>
        <p:sp>
          <p:nvSpPr>
            <p:cNvPr id="22" name="object 22"/>
            <p:cNvSpPr/>
            <p:nvPr/>
          </p:nvSpPr>
          <p:spPr>
            <a:xfrm>
              <a:off x="8441435" y="6131052"/>
              <a:ext cx="309880" cy="1183005"/>
            </a:xfrm>
            <a:custGeom>
              <a:avLst/>
              <a:gdLst/>
              <a:ahLst/>
              <a:cxnLst/>
              <a:rect l="l" t="t" r="r" b="b"/>
              <a:pathLst>
                <a:path w="309879" h="1183004">
                  <a:moveTo>
                    <a:pt x="153924" y="1182624"/>
                  </a:moveTo>
                  <a:lnTo>
                    <a:pt x="0" y="1027176"/>
                  </a:lnTo>
                  <a:lnTo>
                    <a:pt x="0" y="0"/>
                  </a:lnTo>
                  <a:lnTo>
                    <a:pt x="153924" y="153924"/>
                  </a:lnTo>
                  <a:lnTo>
                    <a:pt x="309371" y="0"/>
                  </a:lnTo>
                  <a:lnTo>
                    <a:pt x="309371" y="1027176"/>
                  </a:lnTo>
                  <a:lnTo>
                    <a:pt x="153924" y="1182624"/>
                  </a:lnTo>
                  <a:close/>
                </a:path>
              </a:pathLst>
            </a:custGeom>
            <a:solidFill>
              <a:srgbClr val="4F80BC"/>
            </a:solidFill>
          </p:spPr>
          <p:txBody>
            <a:bodyPr wrap="square" lIns="0" tIns="0" rIns="0" bIns="0" rtlCol="0"/>
            <a:lstStyle/>
            <a:p>
              <a:endParaRPr sz="1749"/>
            </a:p>
          </p:txBody>
        </p:sp>
        <p:sp>
          <p:nvSpPr>
            <p:cNvPr id="23" name="object 23"/>
            <p:cNvSpPr/>
            <p:nvPr/>
          </p:nvSpPr>
          <p:spPr>
            <a:xfrm>
              <a:off x="8441435" y="6131052"/>
              <a:ext cx="309880" cy="1183005"/>
            </a:xfrm>
            <a:custGeom>
              <a:avLst/>
              <a:gdLst/>
              <a:ahLst/>
              <a:cxnLst/>
              <a:rect l="l" t="t" r="r" b="b"/>
              <a:pathLst>
                <a:path w="309879" h="1183004">
                  <a:moveTo>
                    <a:pt x="309371" y="0"/>
                  </a:moveTo>
                  <a:lnTo>
                    <a:pt x="309371" y="1027176"/>
                  </a:lnTo>
                  <a:lnTo>
                    <a:pt x="153924" y="1182624"/>
                  </a:lnTo>
                  <a:lnTo>
                    <a:pt x="0" y="1027176"/>
                  </a:lnTo>
                  <a:lnTo>
                    <a:pt x="0" y="0"/>
                  </a:lnTo>
                  <a:lnTo>
                    <a:pt x="153924" y="153924"/>
                  </a:lnTo>
                  <a:lnTo>
                    <a:pt x="309371" y="0"/>
                  </a:lnTo>
                  <a:close/>
                </a:path>
              </a:pathLst>
            </a:custGeom>
            <a:ln w="27432">
              <a:solidFill>
                <a:srgbClr val="1C334D"/>
              </a:solidFill>
            </a:ln>
          </p:spPr>
          <p:txBody>
            <a:bodyPr wrap="square" lIns="0" tIns="0" rIns="0" bIns="0" rtlCol="0"/>
            <a:lstStyle/>
            <a:p>
              <a:endParaRPr sz="1749"/>
            </a:p>
          </p:txBody>
        </p:sp>
        <p:sp>
          <p:nvSpPr>
            <p:cNvPr id="24" name="object 24"/>
            <p:cNvSpPr/>
            <p:nvPr/>
          </p:nvSpPr>
          <p:spPr>
            <a:xfrm>
              <a:off x="8433816" y="5442204"/>
              <a:ext cx="312420" cy="708660"/>
            </a:xfrm>
            <a:custGeom>
              <a:avLst/>
              <a:gdLst/>
              <a:ahLst/>
              <a:cxnLst/>
              <a:rect l="l" t="t" r="r" b="b"/>
              <a:pathLst>
                <a:path w="312420" h="708660">
                  <a:moveTo>
                    <a:pt x="156971" y="708660"/>
                  </a:moveTo>
                  <a:lnTo>
                    <a:pt x="0" y="551688"/>
                  </a:lnTo>
                  <a:lnTo>
                    <a:pt x="0" y="0"/>
                  </a:lnTo>
                  <a:lnTo>
                    <a:pt x="312419" y="0"/>
                  </a:lnTo>
                  <a:lnTo>
                    <a:pt x="312419" y="551688"/>
                  </a:lnTo>
                  <a:lnTo>
                    <a:pt x="156971" y="708660"/>
                  </a:lnTo>
                  <a:close/>
                </a:path>
              </a:pathLst>
            </a:custGeom>
            <a:solidFill>
              <a:srgbClr val="4F80BC"/>
            </a:solidFill>
          </p:spPr>
          <p:txBody>
            <a:bodyPr wrap="square" lIns="0" tIns="0" rIns="0" bIns="0" rtlCol="0"/>
            <a:lstStyle/>
            <a:p>
              <a:endParaRPr sz="1749"/>
            </a:p>
          </p:txBody>
        </p:sp>
        <p:sp>
          <p:nvSpPr>
            <p:cNvPr id="25" name="object 25"/>
            <p:cNvSpPr/>
            <p:nvPr/>
          </p:nvSpPr>
          <p:spPr>
            <a:xfrm>
              <a:off x="8433816" y="5442204"/>
              <a:ext cx="312420" cy="708660"/>
            </a:xfrm>
            <a:custGeom>
              <a:avLst/>
              <a:gdLst/>
              <a:ahLst/>
              <a:cxnLst/>
              <a:rect l="l" t="t" r="r" b="b"/>
              <a:pathLst>
                <a:path w="312420" h="708660">
                  <a:moveTo>
                    <a:pt x="312419" y="0"/>
                  </a:moveTo>
                  <a:lnTo>
                    <a:pt x="312419" y="551688"/>
                  </a:lnTo>
                  <a:lnTo>
                    <a:pt x="156971" y="708660"/>
                  </a:lnTo>
                  <a:lnTo>
                    <a:pt x="0" y="551688"/>
                  </a:lnTo>
                  <a:lnTo>
                    <a:pt x="0" y="0"/>
                  </a:lnTo>
                  <a:lnTo>
                    <a:pt x="312419" y="0"/>
                  </a:lnTo>
                  <a:close/>
                </a:path>
              </a:pathLst>
            </a:custGeom>
            <a:ln w="27432">
              <a:solidFill>
                <a:srgbClr val="1C334D"/>
              </a:solidFill>
            </a:ln>
          </p:spPr>
          <p:txBody>
            <a:bodyPr wrap="square" lIns="0" tIns="0" rIns="0" bIns="0" rtlCol="0"/>
            <a:lstStyle/>
            <a:p>
              <a:endParaRPr sz="1749"/>
            </a:p>
          </p:txBody>
        </p:sp>
      </p:grpSp>
      <p:sp>
        <p:nvSpPr>
          <p:cNvPr id="26" name="object 26"/>
          <p:cNvSpPr txBox="1"/>
          <p:nvPr/>
        </p:nvSpPr>
        <p:spPr>
          <a:xfrm>
            <a:off x="7572796" y="5392571"/>
            <a:ext cx="1138113" cy="467684"/>
          </a:xfrm>
          <a:prstGeom prst="rect">
            <a:avLst/>
          </a:prstGeom>
          <a:solidFill>
            <a:srgbClr val="FFFFFF"/>
          </a:solidFill>
          <a:ln w="13715">
            <a:solidFill>
              <a:srgbClr val="1C334D"/>
            </a:solidFill>
          </a:ln>
        </p:spPr>
        <p:txBody>
          <a:bodyPr vert="horz" wrap="square" lIns="0" tIns="41267" rIns="0" bIns="0" rtlCol="0">
            <a:spAutoFit/>
          </a:bodyPr>
          <a:lstStyle/>
          <a:p>
            <a:pPr marL="85792" marR="106426">
              <a:lnSpc>
                <a:spcPct val="102800"/>
              </a:lnSpc>
              <a:spcBef>
                <a:spcPts val="325"/>
              </a:spcBef>
            </a:pPr>
            <a:r>
              <a:rPr sz="898" spc="-9" dirty="0">
                <a:latin typeface="ＭＳ Ｐゴシック"/>
                <a:cs typeface="ＭＳ Ｐゴシック"/>
              </a:rPr>
              <a:t>点検要領改定、長寿命化計画改定へ</a:t>
            </a:r>
            <a:r>
              <a:rPr sz="898" spc="-17" dirty="0">
                <a:latin typeface="ＭＳ Ｐゴシック"/>
                <a:cs typeface="ＭＳ Ｐゴシック"/>
              </a:rPr>
              <a:t>の助言</a:t>
            </a:r>
            <a:endParaRPr sz="898">
              <a:latin typeface="ＭＳ Ｐゴシック"/>
              <a:cs typeface="ＭＳ Ｐゴシック"/>
            </a:endParaRPr>
          </a:p>
        </p:txBody>
      </p:sp>
      <p:sp>
        <p:nvSpPr>
          <p:cNvPr id="27" name="object 27"/>
          <p:cNvSpPr txBox="1"/>
          <p:nvPr/>
        </p:nvSpPr>
        <p:spPr>
          <a:xfrm>
            <a:off x="7572796" y="5954242"/>
            <a:ext cx="1138113" cy="536770"/>
          </a:xfrm>
          <a:prstGeom prst="rect">
            <a:avLst/>
          </a:prstGeom>
          <a:solidFill>
            <a:srgbClr val="FFFFFF"/>
          </a:solidFill>
          <a:ln w="13715">
            <a:solidFill>
              <a:srgbClr val="1C334D"/>
            </a:solidFill>
          </a:ln>
        </p:spPr>
        <p:txBody>
          <a:bodyPr vert="horz" wrap="square" lIns="0" tIns="109685" rIns="0" bIns="0" rtlCol="0">
            <a:spAutoFit/>
          </a:bodyPr>
          <a:lstStyle/>
          <a:p>
            <a:pPr marL="85792" marR="165069">
              <a:lnSpc>
                <a:spcPct val="103099"/>
              </a:lnSpc>
              <a:spcBef>
                <a:spcPts val="864"/>
              </a:spcBef>
            </a:pPr>
            <a:r>
              <a:rPr sz="898" spc="-9" dirty="0">
                <a:latin typeface="ＭＳ Ｐゴシック"/>
                <a:cs typeface="ＭＳ Ｐゴシック"/>
              </a:rPr>
              <a:t>診断・補修方法検討議論での助言</a:t>
            </a:r>
            <a:endParaRPr sz="898">
              <a:latin typeface="ＭＳ Ｐゴシック"/>
              <a:cs typeface="ＭＳ Ｐゴシック"/>
            </a:endParaRPr>
          </a:p>
        </p:txBody>
      </p:sp>
      <p:sp>
        <p:nvSpPr>
          <p:cNvPr id="28" name="object 28"/>
          <p:cNvSpPr txBox="1"/>
          <p:nvPr/>
        </p:nvSpPr>
        <p:spPr>
          <a:xfrm>
            <a:off x="7119288" y="4761831"/>
            <a:ext cx="1719115" cy="1336964"/>
          </a:xfrm>
          <a:prstGeom prst="rect">
            <a:avLst/>
          </a:prstGeom>
        </p:spPr>
        <p:txBody>
          <a:bodyPr vert="horz" wrap="square" lIns="0" tIns="89594" rIns="0" bIns="0" rtlCol="0">
            <a:spAutoFit/>
          </a:bodyPr>
          <a:lstStyle/>
          <a:p>
            <a:pPr>
              <a:spcBef>
                <a:spcPts val="705"/>
              </a:spcBef>
            </a:pPr>
            <a:endParaRPr sz="898">
              <a:latin typeface="Times New Roman"/>
              <a:cs typeface="Times New Roman"/>
            </a:endParaRPr>
          </a:p>
          <a:p>
            <a:pPr marL="203078"/>
            <a:r>
              <a:rPr sz="898" spc="-43" dirty="0">
                <a:solidFill>
                  <a:srgbClr val="FFFFFF"/>
                </a:solidFill>
                <a:latin typeface="ＭＳ Ｐゴシック"/>
                <a:cs typeface="ＭＳ Ｐゴシック"/>
              </a:rPr>
              <a:t>R</a:t>
            </a:r>
            <a:endParaRPr sz="898">
              <a:latin typeface="ＭＳ Ｐゴシック"/>
              <a:cs typeface="ＭＳ Ｐゴシック"/>
            </a:endParaRPr>
          </a:p>
          <a:p>
            <a:pPr marL="198734">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a:p>
            <a:pPr>
              <a:lnSpc>
                <a:spcPct val="100000"/>
              </a:lnSpc>
            </a:pP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1065"/>
              </a:spcBef>
            </a:pPr>
            <a:endParaRPr sz="898">
              <a:latin typeface="ＭＳ Ｐゴシック"/>
              <a:cs typeface="ＭＳ Ｐゴシック"/>
            </a:endParaRPr>
          </a:p>
          <a:p>
            <a:pPr marL="203078">
              <a:spcBef>
                <a:spcPts val="4"/>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98734">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29" name="object 29"/>
          <p:cNvSpPr txBox="1"/>
          <p:nvPr/>
        </p:nvSpPr>
        <p:spPr>
          <a:xfrm>
            <a:off x="5595867" y="4847841"/>
            <a:ext cx="1367256" cy="391134"/>
          </a:xfrm>
          <a:prstGeom prst="rect">
            <a:avLst/>
          </a:prstGeom>
          <a:solidFill>
            <a:srgbClr val="FFFFFF"/>
          </a:solidFill>
          <a:ln w="13715">
            <a:solidFill>
              <a:srgbClr val="1C334D"/>
            </a:solidFill>
          </a:ln>
        </p:spPr>
        <p:txBody>
          <a:bodyPr vert="horz" wrap="square" lIns="0" tIns="106427" rIns="0" bIns="0" rtlCol="0">
            <a:spAutoFit/>
          </a:bodyPr>
          <a:lstStyle/>
          <a:p>
            <a:pPr marL="84706" marR="588057">
              <a:lnSpc>
                <a:spcPct val="102800"/>
              </a:lnSpc>
              <a:spcBef>
                <a:spcPts val="838"/>
              </a:spcBef>
            </a:pPr>
            <a:r>
              <a:rPr sz="898" spc="-9" dirty="0">
                <a:latin typeface="ＭＳ Ｐゴシック"/>
                <a:cs typeface="ＭＳ Ｐゴシック"/>
              </a:rPr>
              <a:t>スケジュール条件等を整理</a:t>
            </a:r>
            <a:endParaRPr sz="898">
              <a:latin typeface="ＭＳ Ｐゴシック"/>
              <a:cs typeface="ＭＳ Ｐゴシック"/>
            </a:endParaRPr>
          </a:p>
        </p:txBody>
      </p:sp>
      <p:grpSp>
        <p:nvGrpSpPr>
          <p:cNvPr id="30" name="object 30"/>
          <p:cNvGrpSpPr/>
          <p:nvPr/>
        </p:nvGrpSpPr>
        <p:grpSpPr>
          <a:xfrm>
            <a:off x="5225763" y="4820474"/>
            <a:ext cx="292130" cy="1640924"/>
            <a:chOff x="6111239" y="5408676"/>
            <a:chExt cx="341630" cy="1918970"/>
          </a:xfrm>
        </p:grpSpPr>
        <p:sp>
          <p:nvSpPr>
            <p:cNvPr id="31" name="object 31"/>
            <p:cNvSpPr/>
            <p:nvPr/>
          </p:nvSpPr>
          <p:spPr>
            <a:xfrm>
              <a:off x="6128003" y="6109716"/>
              <a:ext cx="311150" cy="1203960"/>
            </a:xfrm>
            <a:custGeom>
              <a:avLst/>
              <a:gdLst/>
              <a:ahLst/>
              <a:cxnLst/>
              <a:rect l="l" t="t" r="r" b="b"/>
              <a:pathLst>
                <a:path w="311150" h="1203959">
                  <a:moveTo>
                    <a:pt x="155448" y="1203960"/>
                  </a:moveTo>
                  <a:lnTo>
                    <a:pt x="0" y="1048512"/>
                  </a:lnTo>
                  <a:lnTo>
                    <a:pt x="0" y="0"/>
                  </a:lnTo>
                  <a:lnTo>
                    <a:pt x="155448" y="155448"/>
                  </a:lnTo>
                  <a:lnTo>
                    <a:pt x="310896" y="0"/>
                  </a:lnTo>
                  <a:lnTo>
                    <a:pt x="310896" y="1048512"/>
                  </a:lnTo>
                  <a:lnTo>
                    <a:pt x="155448" y="1203960"/>
                  </a:lnTo>
                  <a:close/>
                </a:path>
              </a:pathLst>
            </a:custGeom>
            <a:solidFill>
              <a:srgbClr val="4F80BC"/>
            </a:solidFill>
          </p:spPr>
          <p:txBody>
            <a:bodyPr wrap="square" lIns="0" tIns="0" rIns="0" bIns="0" rtlCol="0"/>
            <a:lstStyle/>
            <a:p>
              <a:endParaRPr sz="1749"/>
            </a:p>
          </p:txBody>
        </p:sp>
        <p:sp>
          <p:nvSpPr>
            <p:cNvPr id="32" name="object 32"/>
            <p:cNvSpPr/>
            <p:nvPr/>
          </p:nvSpPr>
          <p:spPr>
            <a:xfrm>
              <a:off x="6128003" y="6109716"/>
              <a:ext cx="311150" cy="1203960"/>
            </a:xfrm>
            <a:custGeom>
              <a:avLst/>
              <a:gdLst/>
              <a:ahLst/>
              <a:cxnLst/>
              <a:rect l="l" t="t" r="r" b="b"/>
              <a:pathLst>
                <a:path w="311150" h="1203959">
                  <a:moveTo>
                    <a:pt x="310896" y="0"/>
                  </a:moveTo>
                  <a:lnTo>
                    <a:pt x="310896" y="1048512"/>
                  </a:lnTo>
                  <a:lnTo>
                    <a:pt x="155448" y="1203960"/>
                  </a:lnTo>
                  <a:lnTo>
                    <a:pt x="0" y="1048512"/>
                  </a:lnTo>
                  <a:lnTo>
                    <a:pt x="0" y="0"/>
                  </a:lnTo>
                  <a:lnTo>
                    <a:pt x="155448" y="155448"/>
                  </a:lnTo>
                  <a:lnTo>
                    <a:pt x="310896" y="0"/>
                  </a:lnTo>
                  <a:close/>
                </a:path>
              </a:pathLst>
            </a:custGeom>
            <a:ln w="27432">
              <a:solidFill>
                <a:srgbClr val="1C334D"/>
              </a:solidFill>
            </a:ln>
          </p:spPr>
          <p:txBody>
            <a:bodyPr wrap="square" lIns="0" tIns="0" rIns="0" bIns="0" rtlCol="0"/>
            <a:lstStyle/>
            <a:p>
              <a:endParaRPr sz="1749"/>
            </a:p>
          </p:txBody>
        </p:sp>
        <p:sp>
          <p:nvSpPr>
            <p:cNvPr id="33" name="object 33"/>
            <p:cNvSpPr/>
            <p:nvPr/>
          </p:nvSpPr>
          <p:spPr>
            <a:xfrm>
              <a:off x="6124955" y="5422392"/>
              <a:ext cx="314325" cy="708660"/>
            </a:xfrm>
            <a:custGeom>
              <a:avLst/>
              <a:gdLst/>
              <a:ahLst/>
              <a:cxnLst/>
              <a:rect l="l" t="t" r="r" b="b"/>
              <a:pathLst>
                <a:path w="314325" h="708660">
                  <a:moveTo>
                    <a:pt x="156972" y="708659"/>
                  </a:moveTo>
                  <a:lnTo>
                    <a:pt x="0" y="551687"/>
                  </a:lnTo>
                  <a:lnTo>
                    <a:pt x="0" y="0"/>
                  </a:lnTo>
                  <a:lnTo>
                    <a:pt x="313944" y="0"/>
                  </a:lnTo>
                  <a:lnTo>
                    <a:pt x="313944" y="551687"/>
                  </a:lnTo>
                  <a:lnTo>
                    <a:pt x="156972" y="708659"/>
                  </a:lnTo>
                  <a:close/>
                </a:path>
              </a:pathLst>
            </a:custGeom>
            <a:solidFill>
              <a:srgbClr val="4F80BC"/>
            </a:solidFill>
          </p:spPr>
          <p:txBody>
            <a:bodyPr wrap="square" lIns="0" tIns="0" rIns="0" bIns="0" rtlCol="0"/>
            <a:lstStyle/>
            <a:p>
              <a:endParaRPr sz="1749"/>
            </a:p>
          </p:txBody>
        </p:sp>
        <p:sp>
          <p:nvSpPr>
            <p:cNvPr id="34" name="object 34"/>
            <p:cNvSpPr/>
            <p:nvPr/>
          </p:nvSpPr>
          <p:spPr>
            <a:xfrm>
              <a:off x="6124955" y="5422392"/>
              <a:ext cx="314325" cy="708660"/>
            </a:xfrm>
            <a:custGeom>
              <a:avLst/>
              <a:gdLst/>
              <a:ahLst/>
              <a:cxnLst/>
              <a:rect l="l" t="t" r="r" b="b"/>
              <a:pathLst>
                <a:path w="314325" h="708660">
                  <a:moveTo>
                    <a:pt x="313944" y="0"/>
                  </a:moveTo>
                  <a:lnTo>
                    <a:pt x="313944" y="551687"/>
                  </a:lnTo>
                  <a:lnTo>
                    <a:pt x="156972" y="708659"/>
                  </a:lnTo>
                  <a:lnTo>
                    <a:pt x="0" y="551687"/>
                  </a:lnTo>
                  <a:lnTo>
                    <a:pt x="0" y="0"/>
                  </a:lnTo>
                  <a:lnTo>
                    <a:pt x="313944" y="0"/>
                  </a:lnTo>
                  <a:close/>
                </a:path>
              </a:pathLst>
            </a:custGeom>
            <a:ln w="27432">
              <a:solidFill>
                <a:srgbClr val="1C334D"/>
              </a:solidFill>
            </a:ln>
          </p:spPr>
          <p:txBody>
            <a:bodyPr wrap="square" lIns="0" tIns="0" rIns="0" bIns="0" rtlCol="0"/>
            <a:lstStyle/>
            <a:p>
              <a:endParaRPr sz="1749"/>
            </a:p>
          </p:txBody>
        </p:sp>
      </p:grpSp>
      <p:sp>
        <p:nvSpPr>
          <p:cNvPr id="35" name="object 35"/>
          <p:cNvSpPr txBox="1"/>
          <p:nvPr/>
        </p:nvSpPr>
        <p:spPr>
          <a:xfrm>
            <a:off x="5595867" y="5406906"/>
            <a:ext cx="1367256" cy="327349"/>
          </a:xfrm>
          <a:prstGeom prst="rect">
            <a:avLst/>
          </a:prstGeom>
          <a:solidFill>
            <a:srgbClr val="FFFFFF"/>
          </a:solidFill>
          <a:ln w="13715">
            <a:solidFill>
              <a:srgbClr val="1C334D"/>
            </a:solidFill>
          </a:ln>
        </p:spPr>
        <p:txBody>
          <a:bodyPr vert="horz" wrap="square" lIns="0" tIns="50498" rIns="0" bIns="0" rtlCol="0">
            <a:spAutoFit/>
          </a:bodyPr>
          <a:lstStyle/>
          <a:p>
            <a:pPr>
              <a:spcBef>
                <a:spcPts val="398"/>
              </a:spcBef>
            </a:pPr>
            <a:endParaRPr sz="898">
              <a:latin typeface="Times New Roman"/>
              <a:cs typeface="Times New Roman"/>
            </a:endParaRPr>
          </a:p>
          <a:p>
            <a:pPr marL="84706"/>
            <a:r>
              <a:rPr sz="898" spc="-4" dirty="0">
                <a:latin typeface="ＭＳ Ｐゴシック"/>
                <a:cs typeface="ＭＳ Ｐゴシック"/>
              </a:rPr>
              <a:t>性能比較、試行を実施</a:t>
            </a:r>
            <a:endParaRPr sz="898">
              <a:latin typeface="ＭＳ Ｐゴシック"/>
              <a:cs typeface="ＭＳ Ｐゴシック"/>
            </a:endParaRPr>
          </a:p>
        </p:txBody>
      </p:sp>
      <p:sp>
        <p:nvSpPr>
          <p:cNvPr id="36" name="object 36"/>
          <p:cNvSpPr txBox="1"/>
          <p:nvPr/>
        </p:nvSpPr>
        <p:spPr>
          <a:xfrm>
            <a:off x="5595867" y="5960759"/>
            <a:ext cx="1367256" cy="392230"/>
          </a:xfrm>
          <a:prstGeom prst="rect">
            <a:avLst/>
          </a:prstGeom>
          <a:solidFill>
            <a:srgbClr val="FFFFFF"/>
          </a:solidFill>
          <a:ln w="13715">
            <a:solidFill>
              <a:srgbClr val="1C334D"/>
            </a:solidFill>
          </a:ln>
        </p:spPr>
        <p:txBody>
          <a:bodyPr vert="horz" wrap="square" lIns="0" tIns="107513" rIns="0" bIns="0" rtlCol="0">
            <a:spAutoFit/>
          </a:bodyPr>
          <a:lstStyle/>
          <a:p>
            <a:pPr marL="84706" marR="97738">
              <a:lnSpc>
                <a:spcPct val="102800"/>
              </a:lnSpc>
              <a:spcBef>
                <a:spcPts val="847"/>
              </a:spcBef>
            </a:pPr>
            <a:r>
              <a:rPr sz="898" spc="-4" dirty="0">
                <a:latin typeface="ＭＳ Ｐゴシック"/>
                <a:cs typeface="ＭＳ Ｐゴシック"/>
              </a:rPr>
              <a:t>タブレット導入、点検・検</a:t>
            </a:r>
            <a:r>
              <a:rPr sz="898" spc="-9" dirty="0">
                <a:latin typeface="ＭＳ Ｐゴシック"/>
                <a:cs typeface="ＭＳ Ｐゴシック"/>
              </a:rPr>
              <a:t>証、運用改善</a:t>
            </a:r>
            <a:endParaRPr sz="898">
              <a:latin typeface="ＭＳ Ｐゴシック"/>
              <a:cs typeface="ＭＳ Ｐゴシック"/>
            </a:endParaRPr>
          </a:p>
        </p:txBody>
      </p:sp>
      <p:sp>
        <p:nvSpPr>
          <p:cNvPr id="37" name="object 37"/>
          <p:cNvSpPr txBox="1"/>
          <p:nvPr/>
        </p:nvSpPr>
        <p:spPr>
          <a:xfrm>
            <a:off x="5134541" y="4761830"/>
            <a:ext cx="1905362" cy="1319967"/>
          </a:xfrm>
          <a:prstGeom prst="rect">
            <a:avLst/>
          </a:prstGeom>
        </p:spPr>
        <p:txBody>
          <a:bodyPr vert="horz" wrap="square" lIns="0" tIns="72761" rIns="0" bIns="0" rtlCol="0">
            <a:spAutoFit/>
          </a:bodyPr>
          <a:lstStyle/>
          <a:p>
            <a:pPr>
              <a:spcBef>
                <a:spcPts val="573"/>
              </a:spcBef>
            </a:pPr>
            <a:endParaRPr sz="898">
              <a:latin typeface="Times New Roman"/>
              <a:cs typeface="Times New Roman"/>
            </a:endParaRPr>
          </a:p>
          <a:p>
            <a:pPr marL="213394"/>
            <a:r>
              <a:rPr sz="898" spc="-43" dirty="0">
                <a:solidFill>
                  <a:srgbClr val="FFFFFF"/>
                </a:solidFill>
                <a:latin typeface="ＭＳ Ｐゴシック"/>
                <a:cs typeface="ＭＳ Ｐゴシック"/>
              </a:rPr>
              <a:t>R</a:t>
            </a:r>
            <a:endParaRPr sz="898">
              <a:latin typeface="ＭＳ Ｐゴシック"/>
              <a:cs typeface="ＭＳ Ｐゴシック"/>
            </a:endParaRPr>
          </a:p>
          <a:p>
            <a:pPr marL="209594">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a:p>
            <a:pPr>
              <a:lnSpc>
                <a:spcPct val="100000"/>
              </a:lnSpc>
            </a:pP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1065"/>
              </a:spcBef>
            </a:pPr>
            <a:endParaRPr sz="898">
              <a:latin typeface="ＭＳ Ｐゴシック"/>
              <a:cs typeface="ＭＳ Ｐゴシック"/>
            </a:endParaRPr>
          </a:p>
          <a:p>
            <a:pPr marL="201992"/>
            <a:r>
              <a:rPr sz="898" spc="-43" dirty="0">
                <a:solidFill>
                  <a:srgbClr val="FFFFFF"/>
                </a:solidFill>
                <a:latin typeface="ＭＳ Ｐゴシック"/>
                <a:cs typeface="ＭＳ Ｐゴシック"/>
              </a:rPr>
              <a:t>R</a:t>
            </a:r>
            <a:endParaRPr sz="898">
              <a:latin typeface="ＭＳ Ｐゴシック"/>
              <a:cs typeface="ＭＳ Ｐゴシック"/>
            </a:endParaRPr>
          </a:p>
          <a:p>
            <a:pPr marL="197648">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38" name="object 38"/>
          <p:cNvSpPr txBox="1"/>
          <p:nvPr/>
        </p:nvSpPr>
        <p:spPr>
          <a:xfrm>
            <a:off x="5153775" y="4356350"/>
            <a:ext cx="1857036" cy="352691"/>
          </a:xfrm>
          <a:prstGeom prst="rect">
            <a:avLst/>
          </a:prstGeom>
        </p:spPr>
        <p:txBody>
          <a:bodyPr vert="horz" wrap="square" lIns="0" tIns="10317" rIns="0" bIns="0" rtlCol="0">
            <a:spAutoFit/>
          </a:bodyPr>
          <a:lstStyle/>
          <a:p>
            <a:pPr marL="141720" marR="4344" indent="-131403">
              <a:spcBef>
                <a:spcPts val="81"/>
              </a:spcBef>
            </a:pPr>
            <a:r>
              <a:rPr sz="1112" spc="-30" dirty="0">
                <a:latin typeface="ＭＳ Ｐゴシック"/>
                <a:cs typeface="ＭＳ Ｐゴシック"/>
              </a:rPr>
              <a:t>①タブレット端末導入・システム改善</a:t>
            </a:r>
            <a:endParaRPr sz="1112">
              <a:latin typeface="ＭＳ Ｐゴシック"/>
              <a:cs typeface="ＭＳ Ｐゴシック"/>
            </a:endParaRPr>
          </a:p>
        </p:txBody>
      </p:sp>
      <p:sp>
        <p:nvSpPr>
          <p:cNvPr id="39" name="object 39"/>
          <p:cNvSpPr txBox="1"/>
          <p:nvPr/>
        </p:nvSpPr>
        <p:spPr>
          <a:xfrm>
            <a:off x="7139582" y="4344255"/>
            <a:ext cx="1640381" cy="352691"/>
          </a:xfrm>
          <a:prstGeom prst="rect">
            <a:avLst/>
          </a:prstGeom>
        </p:spPr>
        <p:txBody>
          <a:bodyPr vert="horz" wrap="square" lIns="0" tIns="10317" rIns="0" bIns="0" rtlCol="0">
            <a:spAutoFit/>
          </a:bodyPr>
          <a:lstStyle/>
          <a:p>
            <a:pPr marL="142806" marR="4344" indent="-131946">
              <a:spcBef>
                <a:spcPts val="81"/>
              </a:spcBef>
            </a:pPr>
            <a:r>
              <a:rPr sz="1112" spc="-21" dirty="0">
                <a:latin typeface="ＭＳ Ｐゴシック"/>
                <a:cs typeface="ＭＳ Ｐゴシック"/>
              </a:rPr>
              <a:t>②点検要領・長寿命化計画</a:t>
            </a:r>
            <a:r>
              <a:rPr sz="1112" spc="-26" dirty="0">
                <a:latin typeface="ＭＳ Ｐゴシック"/>
                <a:cs typeface="ＭＳ Ｐゴシック"/>
              </a:rPr>
              <a:t>改定、診断への助言</a:t>
            </a:r>
            <a:endParaRPr sz="1112">
              <a:latin typeface="ＭＳ Ｐゴシック"/>
              <a:cs typeface="ＭＳ Ｐゴシック"/>
            </a:endParaRPr>
          </a:p>
        </p:txBody>
      </p:sp>
      <p:sp>
        <p:nvSpPr>
          <p:cNvPr id="40" name="object 40"/>
          <p:cNvSpPr txBox="1"/>
          <p:nvPr/>
        </p:nvSpPr>
        <p:spPr>
          <a:xfrm>
            <a:off x="250210" y="1154620"/>
            <a:ext cx="8625985" cy="928666"/>
          </a:xfrm>
          <a:prstGeom prst="rect">
            <a:avLst/>
          </a:prstGeom>
          <a:ln w="13715">
            <a:solidFill>
              <a:srgbClr val="000000"/>
            </a:solidFill>
          </a:ln>
        </p:spPr>
        <p:txBody>
          <a:bodyPr vert="horz" wrap="square" lIns="0" tIns="66245" rIns="0" bIns="0" rtlCol="0">
            <a:spAutoFit/>
          </a:bodyPr>
          <a:lstStyle/>
          <a:p>
            <a:pPr marL="250861" marR="104797" indent="-165611">
              <a:lnSpc>
                <a:spcPct val="100699"/>
              </a:lnSpc>
              <a:spcBef>
                <a:spcPts val="522"/>
              </a:spcBef>
            </a:pPr>
            <a:r>
              <a:rPr sz="1283" spc="-13" dirty="0">
                <a:latin typeface="ＭＳ Ｐゴシック"/>
                <a:cs typeface="ＭＳ Ｐゴシック"/>
              </a:rPr>
              <a:t>〇国の点検要領の改定を契機とした、市独自の点検要領・記入様式の改定、施設データベースの改良などを通じて、橋梁メンテナンス全体の効率化、高度化を図る。</a:t>
            </a:r>
            <a:endParaRPr sz="1283">
              <a:latin typeface="ＭＳ Ｐゴシック"/>
              <a:cs typeface="ＭＳ Ｐゴシック"/>
            </a:endParaRPr>
          </a:p>
          <a:p>
            <a:pPr marL="250861" marR="86878" indent="-165611">
              <a:lnSpc>
                <a:spcPct val="101400"/>
              </a:lnSpc>
              <a:spcBef>
                <a:spcPts val="539"/>
              </a:spcBef>
            </a:pPr>
            <a:r>
              <a:rPr sz="1283" spc="-13" dirty="0">
                <a:latin typeface="ＭＳ Ｐゴシック"/>
                <a:cs typeface="ＭＳ Ｐゴシック"/>
              </a:rPr>
              <a:t>〇今秋からの職員点検に向け、技術選定に関する検討を進める。職員研修を実施し、年度内に診断結果のとりまとめを行う</a:t>
            </a:r>
            <a:r>
              <a:rPr sz="1283" spc="-17" dirty="0">
                <a:latin typeface="ＭＳ Ｐゴシック"/>
                <a:cs typeface="ＭＳ Ｐゴシック"/>
              </a:rPr>
              <a:t>予定。</a:t>
            </a:r>
            <a:endParaRPr sz="1283">
              <a:latin typeface="ＭＳ Ｐゴシック"/>
              <a:cs typeface="ＭＳ Ｐゴシック"/>
            </a:endParaRPr>
          </a:p>
        </p:txBody>
      </p:sp>
      <p:sp>
        <p:nvSpPr>
          <p:cNvPr id="41" name="object 41"/>
          <p:cNvSpPr txBox="1"/>
          <p:nvPr/>
        </p:nvSpPr>
        <p:spPr>
          <a:xfrm>
            <a:off x="1869756" y="854251"/>
            <a:ext cx="1858650" cy="209489"/>
          </a:xfrm>
          <a:prstGeom prst="rect">
            <a:avLst/>
          </a:prstGeom>
        </p:spPr>
        <p:txBody>
          <a:bodyPr vert="horz" wrap="square" lIns="0" tIns="11946" rIns="0" bIns="0" rtlCol="0">
            <a:spAutoFit/>
          </a:bodyPr>
          <a:lstStyle/>
          <a:p>
            <a:pPr marL="10860">
              <a:spcBef>
                <a:spcPts val="94"/>
              </a:spcBef>
            </a:pPr>
            <a:r>
              <a:rPr sz="1283" spc="-9" dirty="0">
                <a:latin typeface="ＭＳ Ｐゴシック"/>
                <a:cs typeface="ＭＳ Ｐゴシック"/>
              </a:rPr>
              <a:t>支援対象：橋梁</a:t>
            </a:r>
            <a:endParaRPr sz="1283" dirty="0">
              <a:latin typeface="ＭＳ Ｐゴシック"/>
              <a:cs typeface="ＭＳ Ｐゴシック"/>
            </a:endParaRPr>
          </a:p>
        </p:txBody>
      </p:sp>
      <p:sp>
        <p:nvSpPr>
          <p:cNvPr id="42" name="object 42"/>
          <p:cNvSpPr txBox="1"/>
          <p:nvPr/>
        </p:nvSpPr>
        <p:spPr>
          <a:xfrm>
            <a:off x="250211" y="821005"/>
            <a:ext cx="1484542" cy="239096"/>
          </a:xfrm>
          <a:prstGeom prst="rect">
            <a:avLst/>
          </a:prstGeom>
          <a:ln w="13715">
            <a:solidFill>
              <a:srgbClr val="000000"/>
            </a:solidFill>
          </a:ln>
        </p:spPr>
        <p:txBody>
          <a:bodyPr vert="horz" wrap="square" lIns="0" tIns="41267" rIns="0" bIns="0" rtlCol="0">
            <a:spAutoFit/>
          </a:bodyPr>
          <a:lstStyle/>
          <a:p>
            <a:pPr marL="176471">
              <a:spcBef>
                <a:spcPts val="325"/>
              </a:spcBef>
            </a:pPr>
            <a:r>
              <a:rPr sz="1283" spc="-9" dirty="0">
                <a:latin typeface="ＭＳ Ｐゴシック"/>
                <a:cs typeface="ＭＳ Ｐゴシック"/>
              </a:rPr>
              <a:t>具体な検討状況</a:t>
            </a:r>
            <a:endParaRPr sz="1283" dirty="0">
              <a:latin typeface="ＭＳ Ｐゴシック"/>
              <a:cs typeface="ＭＳ Ｐゴシック"/>
            </a:endParaRPr>
          </a:p>
        </p:txBody>
      </p:sp>
      <p:sp>
        <p:nvSpPr>
          <p:cNvPr id="43" name="object 43"/>
          <p:cNvSpPr txBox="1"/>
          <p:nvPr/>
        </p:nvSpPr>
        <p:spPr>
          <a:xfrm>
            <a:off x="8941029" y="6292310"/>
            <a:ext cx="115657" cy="237487"/>
          </a:xfrm>
          <a:prstGeom prst="rect">
            <a:avLst/>
          </a:prstGeom>
        </p:spPr>
        <p:txBody>
          <a:bodyPr vert="horz" wrap="square" lIns="0" tIns="13575" rIns="0" bIns="0" rtlCol="0">
            <a:spAutoFit/>
          </a:bodyPr>
          <a:lstStyle/>
          <a:p>
            <a:pPr marL="10860">
              <a:spcBef>
                <a:spcPts val="107"/>
              </a:spcBef>
            </a:pPr>
            <a:r>
              <a:rPr sz="1454" spc="-43" dirty="0">
                <a:latin typeface="ＭＳ Ｐゴシック"/>
                <a:cs typeface="ＭＳ Ｐゴシック"/>
              </a:rPr>
              <a:t>8</a:t>
            </a:r>
            <a:endParaRPr sz="1454">
              <a:latin typeface="ＭＳ Ｐゴシック"/>
              <a:cs typeface="ＭＳ Ｐゴシック"/>
            </a:endParaRPr>
          </a:p>
        </p:txBody>
      </p:sp>
      <p:sp>
        <p:nvSpPr>
          <p:cNvPr id="44" name="object 44"/>
          <p:cNvSpPr txBox="1"/>
          <p:nvPr/>
        </p:nvSpPr>
        <p:spPr>
          <a:xfrm>
            <a:off x="3655428" y="2366579"/>
            <a:ext cx="1246169" cy="1563890"/>
          </a:xfrm>
          <a:prstGeom prst="rect">
            <a:avLst/>
          </a:prstGeom>
        </p:spPr>
        <p:txBody>
          <a:bodyPr vert="horz" wrap="square" lIns="0" tIns="0" rIns="0" bIns="0" rtlCol="0">
            <a:spAutoFit/>
          </a:bodyPr>
          <a:lstStyle/>
          <a:p>
            <a:pPr>
              <a:lnSpc>
                <a:spcPct val="100000"/>
              </a:lnSpc>
            </a:pPr>
            <a:endParaRPr sz="727">
              <a:latin typeface="Times New Roman"/>
              <a:cs typeface="Times New Roman"/>
            </a:endParaRPr>
          </a:p>
          <a:p>
            <a:pPr>
              <a:lnSpc>
                <a:spcPct val="100000"/>
              </a:lnSpc>
            </a:pPr>
            <a:endParaRPr sz="727">
              <a:latin typeface="Times New Roman"/>
              <a:cs typeface="Times New Roman"/>
            </a:endParaRPr>
          </a:p>
          <a:p>
            <a:pPr>
              <a:lnSpc>
                <a:spcPct val="100000"/>
              </a:lnSpc>
            </a:pPr>
            <a:endParaRPr sz="727">
              <a:latin typeface="Times New Roman"/>
              <a:cs typeface="Times New Roman"/>
            </a:endParaRPr>
          </a:p>
          <a:p>
            <a:pPr>
              <a:lnSpc>
                <a:spcPct val="100000"/>
              </a:lnSpc>
            </a:pPr>
            <a:endParaRPr sz="727">
              <a:latin typeface="Times New Roman"/>
              <a:cs typeface="Times New Roman"/>
            </a:endParaRPr>
          </a:p>
          <a:p>
            <a:pPr>
              <a:lnSpc>
                <a:spcPct val="100000"/>
              </a:lnSpc>
            </a:pPr>
            <a:endParaRPr sz="727">
              <a:latin typeface="Times New Roman"/>
              <a:cs typeface="Times New Roman"/>
            </a:endParaRPr>
          </a:p>
          <a:p>
            <a:pPr>
              <a:lnSpc>
                <a:spcPct val="100000"/>
              </a:lnSpc>
            </a:pPr>
            <a:endParaRPr sz="727">
              <a:latin typeface="Times New Roman"/>
              <a:cs typeface="Times New Roman"/>
            </a:endParaRPr>
          </a:p>
          <a:p>
            <a:pPr>
              <a:lnSpc>
                <a:spcPct val="100000"/>
              </a:lnSpc>
            </a:pPr>
            <a:endParaRPr sz="727">
              <a:latin typeface="Times New Roman"/>
              <a:cs typeface="Times New Roman"/>
            </a:endParaRPr>
          </a:p>
          <a:p>
            <a:pPr>
              <a:lnSpc>
                <a:spcPct val="100000"/>
              </a:lnSpc>
            </a:pPr>
            <a:endParaRPr sz="727">
              <a:latin typeface="Times New Roman"/>
              <a:cs typeface="Times New Roman"/>
            </a:endParaRPr>
          </a:p>
          <a:p>
            <a:pPr>
              <a:spcBef>
                <a:spcPts val="791"/>
              </a:spcBef>
            </a:pPr>
            <a:endParaRPr sz="727">
              <a:latin typeface="Times New Roman"/>
              <a:cs typeface="Times New Roman"/>
            </a:endParaRPr>
          </a:p>
          <a:p>
            <a:pPr marL="92308" marR="243802">
              <a:lnSpc>
                <a:spcPct val="102200"/>
              </a:lnSpc>
            </a:pPr>
            <a:r>
              <a:rPr sz="727" spc="-4" dirty="0">
                <a:latin typeface="ＭＳ Ｐゴシック"/>
                <a:cs typeface="ＭＳ Ｐゴシック"/>
              </a:rPr>
              <a:t>タブレット端末を用いた</a:t>
            </a:r>
            <a:r>
              <a:rPr sz="727" spc="-9" dirty="0">
                <a:latin typeface="ＭＳ Ｐゴシック"/>
                <a:cs typeface="ＭＳ Ｐゴシック"/>
              </a:rPr>
              <a:t>橋梁点検システム</a:t>
            </a:r>
            <a:endParaRPr sz="727">
              <a:latin typeface="ＭＳ Ｐゴシック"/>
              <a:cs typeface="ＭＳ Ｐゴシック"/>
            </a:endParaRPr>
          </a:p>
          <a:p>
            <a:pPr marL="92308">
              <a:spcBef>
                <a:spcPts val="13"/>
              </a:spcBef>
            </a:pPr>
            <a:r>
              <a:rPr sz="727" spc="-9" dirty="0">
                <a:latin typeface="ＭＳ Ｐゴシック"/>
                <a:cs typeface="ＭＳ Ｐゴシック"/>
              </a:rPr>
              <a:t>SIP</a:t>
            </a:r>
            <a:r>
              <a:rPr sz="727" spc="-17" dirty="0">
                <a:latin typeface="ＭＳ Ｐゴシック"/>
                <a:cs typeface="ＭＳ Ｐゴシック"/>
              </a:rPr>
              <a:t>事務局</a:t>
            </a:r>
            <a:endParaRPr sz="727">
              <a:latin typeface="ＭＳ Ｐゴシック"/>
              <a:cs typeface="ＭＳ Ｐゴシック"/>
            </a:endParaRPr>
          </a:p>
        </p:txBody>
      </p:sp>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2629443" y="839250"/>
            <a:ext cx="77376" cy="126719"/>
          </a:xfrm>
          <a:prstGeom prst="rect">
            <a:avLst/>
          </a:prstGeom>
        </p:spPr>
        <p:txBody>
          <a:bodyPr vert="horz" wrap="square" lIns="0" tIns="8145" rIns="0" bIns="0" rtlCol="0">
            <a:spAutoFit/>
          </a:bodyPr>
          <a:lstStyle/>
          <a:p>
            <a:pPr marL="8145">
              <a:spcBef>
                <a:spcPts val="64"/>
              </a:spcBef>
            </a:pPr>
            <a:r>
              <a:rPr sz="770" dirty="0">
                <a:latin typeface="Meiryo UI"/>
                <a:cs typeface="Meiryo UI"/>
              </a:rPr>
              <a:t>1</a:t>
            </a:r>
            <a:endParaRPr sz="770">
              <a:latin typeface="Meiryo UI"/>
              <a:cs typeface="Meiryo UI"/>
            </a:endParaRPr>
          </a:p>
        </p:txBody>
      </p:sp>
      <p:sp>
        <p:nvSpPr>
          <p:cNvPr id="3" name="object 3"/>
          <p:cNvSpPr txBox="1"/>
          <p:nvPr/>
        </p:nvSpPr>
        <p:spPr>
          <a:xfrm>
            <a:off x="5728737" y="1143217"/>
            <a:ext cx="591319" cy="126719"/>
          </a:xfrm>
          <a:prstGeom prst="rect">
            <a:avLst/>
          </a:prstGeom>
        </p:spPr>
        <p:txBody>
          <a:bodyPr vert="horz" wrap="square" lIns="0" tIns="8145" rIns="0" bIns="0" rtlCol="0">
            <a:spAutoFit/>
          </a:bodyPr>
          <a:lstStyle/>
          <a:p>
            <a:pPr marL="8145">
              <a:spcBef>
                <a:spcPts val="64"/>
              </a:spcBef>
            </a:pPr>
            <a:r>
              <a:rPr sz="770" spc="-19" dirty="0">
                <a:solidFill>
                  <a:srgbClr val="FF0000"/>
                </a:solidFill>
                <a:latin typeface="Meiryo UI"/>
                <a:cs typeface="Meiryo UI"/>
              </a:rPr>
              <a:t>12/27</a:t>
            </a:r>
            <a:r>
              <a:rPr sz="770" spc="-67" dirty="0">
                <a:solidFill>
                  <a:srgbClr val="FF0000"/>
                </a:solidFill>
                <a:latin typeface="Meiryo UI"/>
                <a:cs typeface="Meiryo UI"/>
              </a:rPr>
              <a:t> 時点版</a:t>
            </a:r>
            <a:endParaRPr sz="770">
              <a:latin typeface="Meiryo UI"/>
              <a:cs typeface="Meiryo UI"/>
            </a:endParaRPr>
          </a:p>
        </p:txBody>
      </p:sp>
      <p:sp>
        <p:nvSpPr>
          <p:cNvPr id="4" name="object 4"/>
          <p:cNvSpPr txBox="1"/>
          <p:nvPr/>
        </p:nvSpPr>
        <p:spPr>
          <a:xfrm>
            <a:off x="2629443" y="1143217"/>
            <a:ext cx="77376" cy="126719"/>
          </a:xfrm>
          <a:prstGeom prst="rect">
            <a:avLst/>
          </a:prstGeom>
        </p:spPr>
        <p:txBody>
          <a:bodyPr vert="horz" wrap="square" lIns="0" tIns="8145" rIns="0" bIns="0" rtlCol="0">
            <a:spAutoFit/>
          </a:bodyPr>
          <a:lstStyle/>
          <a:p>
            <a:pPr marL="8145">
              <a:spcBef>
                <a:spcPts val="64"/>
              </a:spcBef>
            </a:pPr>
            <a:r>
              <a:rPr sz="770" dirty="0">
                <a:latin typeface="Meiryo UI"/>
                <a:cs typeface="Meiryo UI"/>
              </a:rPr>
              <a:t>2</a:t>
            </a:r>
            <a:endParaRPr sz="770">
              <a:latin typeface="Meiryo UI"/>
              <a:cs typeface="Meiryo UI"/>
            </a:endParaRPr>
          </a:p>
        </p:txBody>
      </p:sp>
      <p:sp>
        <p:nvSpPr>
          <p:cNvPr id="5" name="object 5"/>
          <p:cNvSpPr txBox="1"/>
          <p:nvPr/>
        </p:nvSpPr>
        <p:spPr>
          <a:xfrm>
            <a:off x="2629443" y="1447184"/>
            <a:ext cx="77376" cy="126719"/>
          </a:xfrm>
          <a:prstGeom prst="rect">
            <a:avLst/>
          </a:prstGeom>
        </p:spPr>
        <p:txBody>
          <a:bodyPr vert="horz" wrap="square" lIns="0" tIns="8145" rIns="0" bIns="0" rtlCol="0">
            <a:spAutoFit/>
          </a:bodyPr>
          <a:lstStyle/>
          <a:p>
            <a:pPr marL="8145">
              <a:spcBef>
                <a:spcPts val="64"/>
              </a:spcBef>
            </a:pPr>
            <a:r>
              <a:rPr sz="770" dirty="0">
                <a:latin typeface="Meiryo UI"/>
                <a:cs typeface="Meiryo UI"/>
              </a:rPr>
              <a:t>3</a:t>
            </a:r>
            <a:endParaRPr sz="770">
              <a:latin typeface="Meiryo UI"/>
              <a:cs typeface="Meiryo UI"/>
            </a:endParaRPr>
          </a:p>
        </p:txBody>
      </p:sp>
      <p:sp>
        <p:nvSpPr>
          <p:cNvPr id="6" name="object 6"/>
          <p:cNvSpPr/>
          <p:nvPr/>
        </p:nvSpPr>
        <p:spPr>
          <a:xfrm>
            <a:off x="2845771" y="1666445"/>
            <a:ext cx="3507191" cy="1772329"/>
          </a:xfrm>
          <a:custGeom>
            <a:avLst/>
            <a:gdLst/>
            <a:ahLst/>
            <a:cxnLst/>
            <a:rect l="l" t="t" r="r" b="b"/>
            <a:pathLst>
              <a:path w="5468620" h="2763520">
                <a:moveTo>
                  <a:pt x="5468112" y="0"/>
                </a:moveTo>
                <a:lnTo>
                  <a:pt x="0" y="0"/>
                </a:lnTo>
                <a:lnTo>
                  <a:pt x="0" y="2763011"/>
                </a:lnTo>
                <a:lnTo>
                  <a:pt x="5468112" y="2763011"/>
                </a:lnTo>
                <a:lnTo>
                  <a:pt x="5468112" y="0"/>
                </a:lnTo>
                <a:close/>
              </a:path>
            </a:pathLst>
          </a:custGeom>
          <a:solidFill>
            <a:srgbClr val="3F647E"/>
          </a:solidFill>
        </p:spPr>
        <p:txBody>
          <a:bodyPr wrap="square" lIns="0" tIns="0" rIns="0" bIns="0" rtlCol="0"/>
          <a:lstStyle/>
          <a:p>
            <a:endParaRPr sz="1311"/>
          </a:p>
        </p:txBody>
      </p:sp>
      <p:sp>
        <p:nvSpPr>
          <p:cNvPr id="7" name="object 7"/>
          <p:cNvSpPr txBox="1"/>
          <p:nvPr/>
        </p:nvSpPr>
        <p:spPr>
          <a:xfrm>
            <a:off x="2843816" y="1668660"/>
            <a:ext cx="3512078" cy="1810706"/>
          </a:xfrm>
          <a:prstGeom prst="rect">
            <a:avLst/>
          </a:prstGeom>
        </p:spPr>
        <p:txBody>
          <a:bodyPr vert="horz" wrap="square" lIns="0" tIns="8145" rIns="0" bIns="0" rtlCol="0">
            <a:spAutoFit/>
          </a:bodyPr>
          <a:lstStyle/>
          <a:p>
            <a:pPr marL="658483" marR="651154" indent="120946">
              <a:lnSpc>
                <a:spcPct val="141400"/>
              </a:lnSpc>
              <a:spcBef>
                <a:spcPts val="64"/>
              </a:spcBef>
            </a:pPr>
            <a:r>
              <a:rPr sz="1411" b="1" spc="-45" dirty="0">
                <a:solidFill>
                  <a:srgbClr val="FFFFFF"/>
                </a:solidFill>
                <a:latin typeface="Meiryo UI"/>
                <a:cs typeface="Meiryo UI"/>
              </a:rPr>
              <a:t>インフラメンテナンスにおける</a:t>
            </a:r>
            <a:r>
              <a:rPr sz="1411" b="1" spc="-71" dirty="0">
                <a:solidFill>
                  <a:srgbClr val="FFFFFF"/>
                </a:solidFill>
                <a:latin typeface="Meiryo UI"/>
                <a:cs typeface="Meiryo UI"/>
              </a:rPr>
              <a:t>包括的民間委託導入の手引き</a:t>
            </a:r>
            <a:endParaRPr sz="1411" dirty="0">
              <a:latin typeface="Meiryo UI"/>
              <a:cs typeface="Meiryo UI"/>
            </a:endParaRPr>
          </a:p>
          <a:p>
            <a:pPr marL="1584107">
              <a:spcBef>
                <a:spcPts val="699"/>
              </a:spcBef>
            </a:pPr>
            <a:r>
              <a:rPr sz="1411" b="1" spc="-48" dirty="0">
                <a:solidFill>
                  <a:srgbClr val="FFFFFF"/>
                </a:solidFill>
                <a:latin typeface="Meiryo UI"/>
                <a:cs typeface="Meiryo UI"/>
              </a:rPr>
              <a:t>(案)</a:t>
            </a:r>
            <a:endParaRPr sz="1411" dirty="0">
              <a:latin typeface="Meiryo UI"/>
              <a:cs typeface="Meiryo UI"/>
            </a:endParaRPr>
          </a:p>
          <a:p>
            <a:pPr>
              <a:spcBef>
                <a:spcPts val="45"/>
              </a:spcBef>
            </a:pPr>
            <a:endParaRPr sz="2597" dirty="0">
              <a:latin typeface="Meiryo UI"/>
              <a:cs typeface="Meiryo UI"/>
            </a:endParaRPr>
          </a:p>
          <a:p>
            <a:pPr marL="5701" algn="ctr"/>
            <a:r>
              <a:rPr sz="1154" b="1" spc="-45" dirty="0">
                <a:solidFill>
                  <a:srgbClr val="FFFFFF"/>
                </a:solidFill>
                <a:latin typeface="Meiryo UI"/>
                <a:cs typeface="Meiryo UI"/>
              </a:rPr>
              <a:t>令和４年●月</a:t>
            </a:r>
            <a:endParaRPr sz="1154" dirty="0">
              <a:latin typeface="Meiryo UI"/>
              <a:cs typeface="Meiryo UI"/>
            </a:endParaRPr>
          </a:p>
        </p:txBody>
      </p:sp>
      <p:sp>
        <p:nvSpPr>
          <p:cNvPr id="8" name="object 8"/>
          <p:cNvSpPr/>
          <p:nvPr/>
        </p:nvSpPr>
        <p:spPr>
          <a:xfrm>
            <a:off x="2841862" y="1661558"/>
            <a:ext cx="3515743" cy="1780881"/>
          </a:xfrm>
          <a:custGeom>
            <a:avLst/>
            <a:gdLst/>
            <a:ahLst/>
            <a:cxnLst/>
            <a:rect l="l" t="t" r="r" b="b"/>
            <a:pathLst>
              <a:path w="5481955" h="2776854">
                <a:moveTo>
                  <a:pt x="5481828" y="0"/>
                </a:moveTo>
                <a:lnTo>
                  <a:pt x="5475732" y="0"/>
                </a:lnTo>
                <a:lnTo>
                  <a:pt x="5475732" y="6096"/>
                </a:lnTo>
                <a:lnTo>
                  <a:pt x="5475732" y="2770632"/>
                </a:lnTo>
                <a:lnTo>
                  <a:pt x="6096" y="2770632"/>
                </a:lnTo>
                <a:lnTo>
                  <a:pt x="6096" y="6096"/>
                </a:lnTo>
                <a:lnTo>
                  <a:pt x="5475732" y="6096"/>
                </a:lnTo>
                <a:lnTo>
                  <a:pt x="5475732" y="0"/>
                </a:lnTo>
                <a:lnTo>
                  <a:pt x="6096" y="0"/>
                </a:lnTo>
                <a:lnTo>
                  <a:pt x="0" y="0"/>
                </a:lnTo>
                <a:lnTo>
                  <a:pt x="0" y="6096"/>
                </a:lnTo>
                <a:lnTo>
                  <a:pt x="0" y="2770632"/>
                </a:lnTo>
                <a:lnTo>
                  <a:pt x="0" y="2776728"/>
                </a:lnTo>
                <a:lnTo>
                  <a:pt x="6096" y="2776728"/>
                </a:lnTo>
                <a:lnTo>
                  <a:pt x="5475732" y="2776728"/>
                </a:lnTo>
                <a:lnTo>
                  <a:pt x="5481828" y="2776728"/>
                </a:lnTo>
                <a:lnTo>
                  <a:pt x="5481828" y="2770632"/>
                </a:lnTo>
                <a:lnTo>
                  <a:pt x="5481828" y="6096"/>
                </a:lnTo>
                <a:lnTo>
                  <a:pt x="5481828" y="0"/>
                </a:lnTo>
                <a:close/>
              </a:path>
            </a:pathLst>
          </a:custGeom>
          <a:solidFill>
            <a:srgbClr val="3F647E"/>
          </a:solidFill>
        </p:spPr>
        <p:txBody>
          <a:bodyPr wrap="square" lIns="0" tIns="0" rIns="0" bIns="0" rtlCol="0"/>
          <a:lstStyle/>
          <a:p>
            <a:endParaRPr sz="1311"/>
          </a:p>
        </p:txBody>
      </p:sp>
      <p:sp>
        <p:nvSpPr>
          <p:cNvPr id="9" name="object 9"/>
          <p:cNvSpPr txBox="1"/>
          <p:nvPr/>
        </p:nvSpPr>
        <p:spPr>
          <a:xfrm>
            <a:off x="2571777" y="3422484"/>
            <a:ext cx="134798" cy="2536190"/>
          </a:xfrm>
          <a:prstGeom prst="rect">
            <a:avLst/>
          </a:prstGeom>
        </p:spPr>
        <p:txBody>
          <a:bodyPr vert="horz" wrap="square" lIns="0" tIns="52942" rIns="0" bIns="0" rtlCol="0">
            <a:spAutoFit/>
          </a:bodyPr>
          <a:lstStyle/>
          <a:p>
            <a:pPr marL="65563">
              <a:spcBef>
                <a:spcPts val="417"/>
              </a:spcBef>
            </a:pPr>
            <a:r>
              <a:rPr sz="770" dirty="0">
                <a:latin typeface="Meiryo UI"/>
                <a:cs typeface="Meiryo UI"/>
              </a:rPr>
              <a:t>4</a:t>
            </a:r>
            <a:endParaRPr sz="770">
              <a:latin typeface="Meiryo UI"/>
              <a:cs typeface="Meiryo UI"/>
            </a:endParaRPr>
          </a:p>
          <a:p>
            <a:pPr marL="65563">
              <a:spcBef>
                <a:spcPts val="356"/>
              </a:spcBef>
            </a:pPr>
            <a:r>
              <a:rPr sz="770" dirty="0">
                <a:latin typeface="Meiryo UI"/>
                <a:cs typeface="Meiryo UI"/>
              </a:rPr>
              <a:t>5</a:t>
            </a:r>
            <a:endParaRPr sz="770">
              <a:latin typeface="Meiryo UI"/>
              <a:cs typeface="Meiryo UI"/>
            </a:endParaRPr>
          </a:p>
          <a:p>
            <a:pPr marL="65563">
              <a:spcBef>
                <a:spcPts val="167"/>
              </a:spcBef>
            </a:pPr>
            <a:r>
              <a:rPr sz="770" dirty="0">
                <a:latin typeface="Meiryo UI"/>
                <a:cs typeface="Meiryo UI"/>
              </a:rPr>
              <a:t>6</a:t>
            </a:r>
            <a:endParaRPr sz="770">
              <a:latin typeface="Meiryo UI"/>
              <a:cs typeface="Meiryo UI"/>
            </a:endParaRPr>
          </a:p>
          <a:p>
            <a:pPr marL="65563">
              <a:spcBef>
                <a:spcPts val="462"/>
              </a:spcBef>
            </a:pPr>
            <a:r>
              <a:rPr sz="770" dirty="0">
                <a:latin typeface="Meiryo UI"/>
                <a:cs typeface="Meiryo UI"/>
              </a:rPr>
              <a:t>7</a:t>
            </a:r>
            <a:endParaRPr sz="770">
              <a:latin typeface="Meiryo UI"/>
              <a:cs typeface="Meiryo UI"/>
            </a:endParaRPr>
          </a:p>
          <a:p>
            <a:pPr marL="65563">
              <a:spcBef>
                <a:spcPts val="362"/>
              </a:spcBef>
            </a:pPr>
            <a:r>
              <a:rPr sz="770" dirty="0">
                <a:latin typeface="Meiryo UI"/>
                <a:cs typeface="Meiryo UI"/>
              </a:rPr>
              <a:t>8</a:t>
            </a:r>
            <a:endParaRPr sz="770">
              <a:latin typeface="Meiryo UI"/>
              <a:cs typeface="Meiryo UI"/>
            </a:endParaRPr>
          </a:p>
          <a:p>
            <a:pPr marL="65563">
              <a:spcBef>
                <a:spcPts val="362"/>
              </a:spcBef>
            </a:pPr>
            <a:r>
              <a:rPr sz="770" dirty="0">
                <a:latin typeface="Meiryo UI"/>
                <a:cs typeface="Meiryo UI"/>
              </a:rPr>
              <a:t>9</a:t>
            </a:r>
            <a:endParaRPr sz="770">
              <a:latin typeface="Meiryo UI"/>
              <a:cs typeface="Meiryo UI"/>
            </a:endParaRPr>
          </a:p>
          <a:p>
            <a:pPr marL="8145">
              <a:spcBef>
                <a:spcPts val="353"/>
              </a:spcBef>
            </a:pPr>
            <a:r>
              <a:rPr sz="770" spc="-16" dirty="0">
                <a:latin typeface="Meiryo UI"/>
                <a:cs typeface="Meiryo UI"/>
              </a:rPr>
              <a:t>10</a:t>
            </a:r>
            <a:endParaRPr sz="770">
              <a:latin typeface="Meiryo UI"/>
              <a:cs typeface="Meiryo UI"/>
            </a:endParaRPr>
          </a:p>
          <a:p>
            <a:pPr marL="8145">
              <a:spcBef>
                <a:spcPts val="362"/>
              </a:spcBef>
            </a:pPr>
            <a:r>
              <a:rPr sz="770" spc="-16" dirty="0">
                <a:latin typeface="Meiryo UI"/>
                <a:cs typeface="Meiryo UI"/>
              </a:rPr>
              <a:t>11</a:t>
            </a:r>
            <a:endParaRPr sz="770">
              <a:latin typeface="Meiryo UI"/>
              <a:cs typeface="Meiryo UI"/>
            </a:endParaRPr>
          </a:p>
          <a:p>
            <a:pPr marL="8145">
              <a:spcBef>
                <a:spcPts val="362"/>
              </a:spcBef>
            </a:pPr>
            <a:r>
              <a:rPr sz="770" spc="-16" dirty="0">
                <a:latin typeface="Meiryo UI"/>
                <a:cs typeface="Meiryo UI"/>
              </a:rPr>
              <a:t>12</a:t>
            </a:r>
            <a:endParaRPr sz="770">
              <a:latin typeface="Meiryo UI"/>
              <a:cs typeface="Meiryo UI"/>
            </a:endParaRPr>
          </a:p>
          <a:p>
            <a:pPr marL="8145">
              <a:spcBef>
                <a:spcPts val="353"/>
              </a:spcBef>
            </a:pPr>
            <a:r>
              <a:rPr sz="770" spc="-16" dirty="0">
                <a:latin typeface="Meiryo UI"/>
                <a:cs typeface="Meiryo UI"/>
              </a:rPr>
              <a:t>13</a:t>
            </a:r>
            <a:endParaRPr sz="770">
              <a:latin typeface="Meiryo UI"/>
              <a:cs typeface="Meiryo UI"/>
            </a:endParaRPr>
          </a:p>
          <a:p>
            <a:pPr marL="8145">
              <a:spcBef>
                <a:spcPts val="362"/>
              </a:spcBef>
            </a:pPr>
            <a:r>
              <a:rPr sz="770" spc="-16" dirty="0">
                <a:latin typeface="Meiryo UI"/>
                <a:cs typeface="Meiryo UI"/>
              </a:rPr>
              <a:t>14</a:t>
            </a:r>
            <a:endParaRPr sz="770">
              <a:latin typeface="Meiryo UI"/>
              <a:cs typeface="Meiryo UI"/>
            </a:endParaRPr>
          </a:p>
          <a:p>
            <a:pPr marL="8145">
              <a:spcBef>
                <a:spcPts val="362"/>
              </a:spcBef>
            </a:pPr>
            <a:r>
              <a:rPr sz="770" spc="-16" dirty="0">
                <a:latin typeface="Meiryo UI"/>
                <a:cs typeface="Meiryo UI"/>
              </a:rPr>
              <a:t>15</a:t>
            </a:r>
            <a:endParaRPr sz="770">
              <a:latin typeface="Meiryo UI"/>
              <a:cs typeface="Meiryo UI"/>
            </a:endParaRPr>
          </a:p>
          <a:p>
            <a:pPr marL="8145">
              <a:spcBef>
                <a:spcPts val="353"/>
              </a:spcBef>
            </a:pPr>
            <a:r>
              <a:rPr sz="770" spc="-16" dirty="0">
                <a:latin typeface="Meiryo UI"/>
                <a:cs typeface="Meiryo UI"/>
              </a:rPr>
              <a:t>16</a:t>
            </a:r>
            <a:endParaRPr sz="770">
              <a:latin typeface="Meiryo UI"/>
              <a:cs typeface="Meiryo UI"/>
            </a:endParaRPr>
          </a:p>
          <a:p>
            <a:pPr marL="8145">
              <a:spcBef>
                <a:spcPts val="362"/>
              </a:spcBef>
            </a:pPr>
            <a:r>
              <a:rPr sz="770" spc="-16" dirty="0">
                <a:latin typeface="Meiryo UI"/>
                <a:cs typeface="Meiryo UI"/>
              </a:rPr>
              <a:t>17</a:t>
            </a:r>
            <a:endParaRPr sz="770">
              <a:latin typeface="Meiryo UI"/>
              <a:cs typeface="Meiryo UI"/>
            </a:endParaRPr>
          </a:p>
          <a:p>
            <a:pPr marL="8145">
              <a:spcBef>
                <a:spcPts val="362"/>
              </a:spcBef>
            </a:pPr>
            <a:r>
              <a:rPr sz="770" spc="-16" dirty="0">
                <a:latin typeface="Meiryo UI"/>
                <a:cs typeface="Meiryo UI"/>
              </a:rPr>
              <a:t>18</a:t>
            </a:r>
            <a:endParaRPr sz="770">
              <a:latin typeface="Meiryo UI"/>
              <a:cs typeface="Meiryo UI"/>
            </a:endParaRPr>
          </a:p>
        </p:txBody>
      </p:sp>
      <p:sp>
        <p:nvSpPr>
          <p:cNvPr id="10" name="object 10"/>
          <p:cNvSpPr txBox="1"/>
          <p:nvPr/>
        </p:nvSpPr>
        <p:spPr>
          <a:xfrm>
            <a:off x="3904933" y="5541459"/>
            <a:ext cx="1343907" cy="165677"/>
          </a:xfrm>
          <a:prstGeom prst="rect">
            <a:avLst/>
          </a:prstGeom>
        </p:spPr>
        <p:txBody>
          <a:bodyPr vert="horz" wrap="square" lIns="0" tIns="7738" rIns="0" bIns="0" rtlCol="0">
            <a:spAutoFit/>
          </a:bodyPr>
          <a:lstStyle/>
          <a:p>
            <a:pPr marL="8145">
              <a:spcBef>
                <a:spcPts val="61"/>
              </a:spcBef>
            </a:pPr>
            <a:r>
              <a:rPr sz="1026" b="1" spc="-32" dirty="0">
                <a:latin typeface="Meiryo UI"/>
                <a:cs typeface="Meiryo UI"/>
              </a:rPr>
              <a:t>国土交通省 総合政策局</a:t>
            </a:r>
            <a:endParaRPr sz="1026">
              <a:latin typeface="Meiryo UI"/>
              <a:cs typeface="Meiryo UI"/>
            </a:endParaRPr>
          </a:p>
        </p:txBody>
      </p:sp>
      <p:sp>
        <p:nvSpPr>
          <p:cNvPr id="11" name="テキスト ボックス 10">
            <a:extLst>
              <a:ext uri="{FF2B5EF4-FFF2-40B4-BE49-F238E27FC236}">
                <a16:creationId xmlns:a16="http://schemas.microsoft.com/office/drawing/2014/main" id="{13B6E5AC-D157-06E2-556B-00FFAD54C87D}"/>
              </a:ext>
            </a:extLst>
          </p:cNvPr>
          <p:cNvSpPr txBox="1"/>
          <p:nvPr/>
        </p:nvSpPr>
        <p:spPr>
          <a:xfrm>
            <a:off x="605352" y="437197"/>
            <a:ext cx="6853158" cy="707886"/>
          </a:xfrm>
          <a:prstGeom prst="rect">
            <a:avLst/>
          </a:prstGeom>
          <a:noFill/>
        </p:spPr>
        <p:txBody>
          <a:bodyPr wrap="none" rtlCol="0">
            <a:spAutoFit/>
          </a:bodyPr>
          <a:lstStyle/>
          <a:p>
            <a:r>
              <a:rPr kumimoji="1" lang="ja-JP" altLang="en-US" sz="4000" dirty="0"/>
              <a:t>民間活力　⇒最初に包括管理</a:t>
            </a:r>
          </a:p>
        </p:txBody>
      </p:sp>
    </p:spTree>
    <p:extLst>
      <p:ext uri="{BB962C8B-B14F-4D97-AF65-F5344CB8AC3E}">
        <p14:creationId xmlns:p14="http://schemas.microsoft.com/office/powerpoint/2010/main" val="624436310"/>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76556" y="352850"/>
            <a:ext cx="7286421"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愛知県豊川市</a:t>
            </a:r>
            <a:r>
              <a:rPr spc="-17" dirty="0"/>
              <a:t>）AI</a:t>
            </a:r>
            <a:r>
              <a:rPr spc="-38" dirty="0"/>
              <a:t>カメラによる道路損傷個所検出の精度向上、日常点検の効率化</a:t>
            </a:r>
          </a:p>
        </p:txBody>
      </p:sp>
      <p:sp>
        <p:nvSpPr>
          <p:cNvPr id="3" name="object 3"/>
          <p:cNvSpPr/>
          <p:nvPr/>
        </p:nvSpPr>
        <p:spPr>
          <a:xfrm>
            <a:off x="250210" y="1171560"/>
            <a:ext cx="8625985" cy="931776"/>
          </a:xfrm>
          <a:custGeom>
            <a:avLst/>
            <a:gdLst/>
            <a:ahLst/>
            <a:cxnLst/>
            <a:rect l="l" t="t" r="r" b="b"/>
            <a:pathLst>
              <a:path w="10087610" h="1089660">
                <a:moveTo>
                  <a:pt x="0" y="0"/>
                </a:moveTo>
                <a:lnTo>
                  <a:pt x="10087356" y="0"/>
                </a:lnTo>
                <a:lnTo>
                  <a:pt x="10087356" y="1089660"/>
                </a:lnTo>
                <a:lnTo>
                  <a:pt x="0" y="1089660"/>
                </a:lnTo>
                <a:lnTo>
                  <a:pt x="0" y="0"/>
                </a:lnTo>
                <a:close/>
              </a:path>
            </a:pathLst>
          </a:custGeom>
          <a:ln w="13715">
            <a:solidFill>
              <a:srgbClr val="000000"/>
            </a:solidFill>
          </a:ln>
        </p:spPr>
        <p:txBody>
          <a:bodyPr wrap="square" lIns="0" tIns="0" rIns="0" bIns="0" rtlCol="0"/>
          <a:lstStyle/>
          <a:p>
            <a:endParaRPr sz="1749"/>
          </a:p>
        </p:txBody>
      </p:sp>
      <p:sp>
        <p:nvSpPr>
          <p:cNvPr id="4" name="object 4"/>
          <p:cNvSpPr txBox="1"/>
          <p:nvPr/>
        </p:nvSpPr>
        <p:spPr>
          <a:xfrm>
            <a:off x="307280" y="1203820"/>
            <a:ext cx="8628700" cy="406914"/>
          </a:xfrm>
          <a:prstGeom prst="rect">
            <a:avLst/>
          </a:prstGeom>
        </p:spPr>
        <p:txBody>
          <a:bodyPr vert="horz" wrap="square" lIns="0" tIns="11946" rIns="0" bIns="0" rtlCol="0">
            <a:spAutoFit/>
          </a:bodyPr>
          <a:lstStyle/>
          <a:p>
            <a:pPr marL="10860">
              <a:spcBef>
                <a:spcPts val="94"/>
              </a:spcBef>
            </a:pPr>
            <a:r>
              <a:rPr sz="1283" dirty="0">
                <a:latin typeface="ＭＳ Ｐゴシック"/>
                <a:cs typeface="ＭＳ Ｐゴシック"/>
              </a:rPr>
              <a:t>〇</a:t>
            </a:r>
            <a:r>
              <a:rPr sz="1283" spc="-9" dirty="0">
                <a:latin typeface="ＭＳ Ｐゴシック"/>
                <a:cs typeface="ＭＳ Ｐゴシック"/>
              </a:rPr>
              <a:t>AI</a:t>
            </a:r>
            <a:r>
              <a:rPr sz="1283" spc="-17" dirty="0">
                <a:latin typeface="ＭＳ Ｐゴシック"/>
                <a:cs typeface="ＭＳ Ｐゴシック"/>
              </a:rPr>
              <a:t>カメラシステムの仕様を整理し、検出率向上、機能拡充を目指す。また、取得したデータを補修修繕計画の立案に活用し、</a:t>
            </a:r>
            <a:endParaRPr sz="1283">
              <a:latin typeface="ＭＳ Ｐゴシック"/>
              <a:cs typeface="ＭＳ Ｐゴシック"/>
            </a:endParaRPr>
          </a:p>
        </p:txBody>
      </p:sp>
      <p:sp>
        <p:nvSpPr>
          <p:cNvPr id="5" name="object 5"/>
          <p:cNvSpPr txBox="1"/>
          <p:nvPr/>
        </p:nvSpPr>
        <p:spPr>
          <a:xfrm>
            <a:off x="307280" y="1330947"/>
            <a:ext cx="8526617" cy="743166"/>
          </a:xfrm>
          <a:prstGeom prst="rect">
            <a:avLst/>
          </a:prstGeom>
        </p:spPr>
        <p:txBody>
          <a:bodyPr vert="horz" wrap="square" lIns="0" tIns="81992" rIns="0" bIns="0" rtlCol="0">
            <a:spAutoFit/>
          </a:bodyPr>
          <a:lstStyle/>
          <a:p>
            <a:pPr marL="175928">
              <a:spcBef>
                <a:spcPts val="646"/>
              </a:spcBef>
            </a:pPr>
            <a:r>
              <a:rPr sz="1283" spc="-4" dirty="0">
                <a:latin typeface="ＭＳ Ｐゴシック"/>
                <a:cs typeface="ＭＳ Ｐゴシック"/>
              </a:rPr>
              <a:t>修繕や長期的な予防保全策を検討。</a:t>
            </a:r>
            <a:endParaRPr sz="1283">
              <a:latin typeface="ＭＳ Ｐゴシック"/>
              <a:cs typeface="ＭＳ Ｐゴシック"/>
            </a:endParaRPr>
          </a:p>
          <a:p>
            <a:pPr marL="175928" marR="4344" indent="-165611">
              <a:lnSpc>
                <a:spcPct val="101400"/>
              </a:lnSpc>
              <a:spcBef>
                <a:spcPts val="539"/>
              </a:spcBef>
            </a:pPr>
            <a:r>
              <a:rPr sz="1283" spc="-9" dirty="0">
                <a:latin typeface="ＭＳ Ｐゴシック"/>
                <a:cs typeface="ＭＳ Ｐゴシック"/>
              </a:rPr>
              <a:t>〇今年度、損傷個所検出精度向上に向けた助言を実施、中期的な道路舗装の日常点検</a:t>
            </a:r>
            <a:r>
              <a:rPr sz="1283" dirty="0">
                <a:latin typeface="ＭＳ Ｐゴシック"/>
                <a:cs typeface="ＭＳ Ｐゴシック"/>
              </a:rPr>
              <a:t>（直営対応）</a:t>
            </a:r>
            <a:r>
              <a:rPr sz="1283" spc="-4" dirty="0">
                <a:latin typeface="ＭＳ Ｐゴシック"/>
                <a:cs typeface="ＭＳ Ｐゴシック"/>
              </a:rPr>
              <a:t>の効率化の実現に向け</a:t>
            </a:r>
            <a:r>
              <a:rPr sz="1283" spc="-13" dirty="0">
                <a:latin typeface="ＭＳ Ｐゴシック"/>
                <a:cs typeface="ＭＳ Ｐゴシック"/>
              </a:rPr>
              <a:t>た提案を行う方針。</a:t>
            </a:r>
            <a:endParaRPr sz="1283">
              <a:latin typeface="ＭＳ Ｐゴシック"/>
              <a:cs typeface="ＭＳ Ｐゴシック"/>
            </a:endParaRPr>
          </a:p>
        </p:txBody>
      </p:sp>
      <p:sp>
        <p:nvSpPr>
          <p:cNvPr id="6" name="object 6"/>
          <p:cNvSpPr/>
          <p:nvPr/>
        </p:nvSpPr>
        <p:spPr>
          <a:xfrm>
            <a:off x="134227" y="4750102"/>
            <a:ext cx="4670825" cy="1764727"/>
          </a:xfrm>
          <a:custGeom>
            <a:avLst/>
            <a:gdLst/>
            <a:ahLst/>
            <a:cxnLst/>
            <a:rect l="l" t="t" r="r" b="b"/>
            <a:pathLst>
              <a:path w="5462270" h="2063750">
                <a:moveTo>
                  <a:pt x="5462015" y="2063496"/>
                </a:moveTo>
                <a:lnTo>
                  <a:pt x="0" y="2063496"/>
                </a:lnTo>
                <a:lnTo>
                  <a:pt x="0" y="0"/>
                </a:lnTo>
                <a:lnTo>
                  <a:pt x="5462015" y="0"/>
                </a:lnTo>
                <a:lnTo>
                  <a:pt x="5462015" y="2063496"/>
                </a:lnTo>
                <a:close/>
              </a:path>
            </a:pathLst>
          </a:custGeom>
          <a:solidFill>
            <a:srgbClr val="DBE6F2"/>
          </a:solidFill>
        </p:spPr>
        <p:txBody>
          <a:bodyPr wrap="square" lIns="0" tIns="0" rIns="0" bIns="0" rtlCol="0"/>
          <a:lstStyle/>
          <a:p>
            <a:endParaRPr sz="1749"/>
          </a:p>
        </p:txBody>
      </p:sp>
      <p:sp>
        <p:nvSpPr>
          <p:cNvPr id="7" name="object 7"/>
          <p:cNvSpPr txBox="1"/>
          <p:nvPr/>
        </p:nvSpPr>
        <p:spPr>
          <a:xfrm>
            <a:off x="295822" y="3383062"/>
            <a:ext cx="1625178" cy="239645"/>
          </a:xfrm>
          <a:prstGeom prst="rect">
            <a:avLst/>
          </a:prstGeom>
          <a:solidFill>
            <a:srgbClr val="B6DDE8"/>
          </a:solidFill>
          <a:ln w="10667">
            <a:solidFill>
              <a:srgbClr val="00AFEF"/>
            </a:solidFill>
          </a:ln>
        </p:spPr>
        <p:txBody>
          <a:bodyPr vert="horz" wrap="square" lIns="0" tIns="41810" rIns="0" bIns="0" rtlCol="0">
            <a:spAutoFit/>
          </a:bodyPr>
          <a:lstStyle/>
          <a:p>
            <a:pPr marL="155838">
              <a:spcBef>
                <a:spcPts val="329"/>
              </a:spcBef>
            </a:pPr>
            <a:r>
              <a:rPr sz="1283" spc="-9" dirty="0">
                <a:latin typeface="ＭＳ Ｐゴシック"/>
                <a:cs typeface="ＭＳ Ｐゴシック"/>
              </a:rPr>
              <a:t>検討中の新技術等</a:t>
            </a:r>
            <a:endParaRPr sz="1283">
              <a:latin typeface="ＭＳ Ｐゴシック"/>
              <a:cs typeface="ＭＳ Ｐゴシック"/>
            </a:endParaRPr>
          </a:p>
        </p:txBody>
      </p:sp>
      <p:grpSp>
        <p:nvGrpSpPr>
          <p:cNvPr id="8" name="object 8"/>
          <p:cNvGrpSpPr/>
          <p:nvPr/>
        </p:nvGrpSpPr>
        <p:grpSpPr>
          <a:xfrm>
            <a:off x="3368728" y="2317059"/>
            <a:ext cx="1587710" cy="4131090"/>
            <a:chOff x="3939540" y="2481072"/>
            <a:chExt cx="1856739" cy="4831080"/>
          </a:xfrm>
        </p:grpSpPr>
        <p:sp>
          <p:nvSpPr>
            <p:cNvPr id="9" name="object 9"/>
            <p:cNvSpPr/>
            <p:nvPr/>
          </p:nvSpPr>
          <p:spPr>
            <a:xfrm>
              <a:off x="5788913" y="2481072"/>
              <a:ext cx="0" cy="4831080"/>
            </a:xfrm>
            <a:custGeom>
              <a:avLst/>
              <a:gdLst/>
              <a:ahLst/>
              <a:cxnLst/>
              <a:rect l="l" t="t" r="r" b="b"/>
              <a:pathLst>
                <a:path h="4831080">
                  <a:moveTo>
                    <a:pt x="0" y="0"/>
                  </a:moveTo>
                  <a:lnTo>
                    <a:pt x="0" y="4831079"/>
                  </a:lnTo>
                </a:path>
              </a:pathLst>
            </a:custGeom>
            <a:ln w="13716">
              <a:solidFill>
                <a:srgbClr val="000000"/>
              </a:solidFill>
              <a:prstDash val="sysDash"/>
            </a:ln>
          </p:spPr>
          <p:txBody>
            <a:bodyPr wrap="square" lIns="0" tIns="0" rIns="0" bIns="0" rtlCol="0"/>
            <a:lstStyle/>
            <a:p>
              <a:endParaRPr sz="1749"/>
            </a:p>
          </p:txBody>
        </p:sp>
        <p:sp>
          <p:nvSpPr>
            <p:cNvPr id="10" name="object 10"/>
            <p:cNvSpPr/>
            <p:nvPr/>
          </p:nvSpPr>
          <p:spPr>
            <a:xfrm>
              <a:off x="3939540" y="2545080"/>
              <a:ext cx="1849120" cy="1515110"/>
            </a:xfrm>
            <a:custGeom>
              <a:avLst/>
              <a:gdLst/>
              <a:ahLst/>
              <a:cxnLst/>
              <a:rect l="l" t="t" r="r" b="b"/>
              <a:pathLst>
                <a:path w="1849120" h="1515110">
                  <a:moveTo>
                    <a:pt x="1848611" y="1514855"/>
                  </a:moveTo>
                  <a:lnTo>
                    <a:pt x="0" y="1514855"/>
                  </a:lnTo>
                  <a:lnTo>
                    <a:pt x="0" y="0"/>
                  </a:lnTo>
                  <a:lnTo>
                    <a:pt x="1848611" y="0"/>
                  </a:lnTo>
                  <a:lnTo>
                    <a:pt x="1848611" y="1514855"/>
                  </a:lnTo>
                  <a:close/>
                </a:path>
              </a:pathLst>
            </a:custGeom>
            <a:solidFill>
              <a:srgbClr val="DBE6F2"/>
            </a:solidFill>
          </p:spPr>
          <p:txBody>
            <a:bodyPr wrap="square" lIns="0" tIns="0" rIns="0" bIns="0" rtlCol="0"/>
            <a:lstStyle/>
            <a:p>
              <a:endParaRPr sz="1749"/>
            </a:p>
          </p:txBody>
        </p:sp>
      </p:grpSp>
      <p:sp>
        <p:nvSpPr>
          <p:cNvPr id="11" name="object 11"/>
          <p:cNvSpPr txBox="1"/>
          <p:nvPr/>
        </p:nvSpPr>
        <p:spPr>
          <a:xfrm>
            <a:off x="164109" y="6116879"/>
            <a:ext cx="2511885" cy="138130"/>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出典</a:t>
            </a:r>
            <a:r>
              <a:rPr sz="812" spc="-9" dirty="0">
                <a:latin typeface="ＭＳ Ｐゴシック"/>
                <a:cs typeface="ＭＳ Ｐゴシック"/>
              </a:rPr>
              <a:t>）https://</a:t>
            </a:r>
            <a:r>
              <a:rPr sz="812" spc="-9" dirty="0">
                <a:latin typeface="ＭＳ Ｐゴシック"/>
                <a:cs typeface="ＭＳ Ｐゴシック"/>
                <a:hlinkClick r:id="rId2"/>
              </a:rPr>
              <a:t>www.aisin.com/jp/news/2023/005858.html</a:t>
            </a:r>
            <a:endParaRPr sz="812">
              <a:latin typeface="ＭＳ Ｐゴシック"/>
              <a:cs typeface="ＭＳ Ｐゴシック"/>
            </a:endParaRPr>
          </a:p>
        </p:txBody>
      </p:sp>
      <p:sp>
        <p:nvSpPr>
          <p:cNvPr id="12" name="object 12"/>
          <p:cNvSpPr txBox="1"/>
          <p:nvPr/>
        </p:nvSpPr>
        <p:spPr>
          <a:xfrm>
            <a:off x="2909847" y="6090490"/>
            <a:ext cx="1814682" cy="378532"/>
          </a:xfrm>
          <a:prstGeom prst="rect">
            <a:avLst/>
          </a:prstGeom>
        </p:spPr>
        <p:txBody>
          <a:bodyPr vert="horz" wrap="square" lIns="0" tIns="10317" rIns="0" bIns="0" rtlCol="0">
            <a:spAutoFit/>
          </a:bodyPr>
          <a:lstStyle/>
          <a:p>
            <a:pPr marR="4344">
              <a:lnSpc>
                <a:spcPct val="102099"/>
              </a:lnSpc>
              <a:spcBef>
                <a:spcPts val="81"/>
              </a:spcBef>
            </a:pPr>
            <a:r>
              <a:rPr sz="812" dirty="0">
                <a:latin typeface="ＭＳ Ｐゴシック"/>
                <a:cs typeface="ＭＳ Ｐゴシック"/>
              </a:rPr>
              <a:t>出典</a:t>
            </a:r>
            <a:r>
              <a:rPr sz="812" spc="-43" dirty="0">
                <a:latin typeface="ＭＳ Ｐゴシック"/>
                <a:cs typeface="ＭＳ Ｐゴシック"/>
              </a:rPr>
              <a:t>） </a:t>
            </a:r>
            <a:r>
              <a:rPr sz="812" spc="-9" dirty="0">
                <a:latin typeface="ＭＳ Ｐゴシック"/>
                <a:cs typeface="ＭＳ Ｐゴシック"/>
              </a:rPr>
              <a:t>https://</a:t>
            </a:r>
            <a:r>
              <a:rPr sz="812" spc="-9" dirty="0">
                <a:latin typeface="ＭＳ Ｐゴシック"/>
                <a:cs typeface="ＭＳ Ｐゴシック"/>
                <a:hlinkClick r:id="rId3"/>
              </a:rPr>
              <a:t>www.mlit.go.jp/road/tech/pdf/ca</a:t>
            </a:r>
            <a:r>
              <a:rPr sz="812" spc="-9" dirty="0">
                <a:latin typeface="ＭＳ Ｐゴシック"/>
                <a:cs typeface="ＭＳ Ｐゴシック"/>
              </a:rPr>
              <a:t> </a:t>
            </a:r>
            <a:r>
              <a:rPr sz="812" dirty="0">
                <a:latin typeface="ＭＳ Ｐゴシック"/>
                <a:cs typeface="ＭＳ Ｐゴシック"/>
              </a:rPr>
              <a:t>talog-</a:t>
            </a:r>
            <a:r>
              <a:rPr sz="812" spc="-9" dirty="0">
                <a:latin typeface="ＭＳ Ｐゴシック"/>
                <a:cs typeface="ＭＳ Ｐゴシック"/>
              </a:rPr>
              <a:t>hosou0009.pdf</a:t>
            </a:r>
            <a:endParaRPr sz="812">
              <a:latin typeface="ＭＳ Ｐゴシック"/>
              <a:cs typeface="ＭＳ Ｐゴシック"/>
            </a:endParaRPr>
          </a:p>
        </p:txBody>
      </p:sp>
      <p:sp>
        <p:nvSpPr>
          <p:cNvPr id="13" name="object 13"/>
          <p:cNvSpPr txBox="1"/>
          <p:nvPr/>
        </p:nvSpPr>
        <p:spPr>
          <a:xfrm>
            <a:off x="5249988" y="2713056"/>
            <a:ext cx="3367642" cy="1272495"/>
          </a:xfrm>
          <a:prstGeom prst="rect">
            <a:avLst/>
          </a:prstGeom>
        </p:spPr>
        <p:txBody>
          <a:bodyPr vert="horz" wrap="square" lIns="0" tIns="10317" rIns="0" bIns="0" rtlCol="0">
            <a:spAutoFit/>
          </a:bodyPr>
          <a:lstStyle/>
          <a:p>
            <a:pPr marL="142263" marR="26606" indent="-131946">
              <a:spcBef>
                <a:spcPts val="81"/>
              </a:spcBef>
            </a:pPr>
            <a:r>
              <a:rPr sz="1112" spc="-30" dirty="0">
                <a:latin typeface="ＭＳ Ｐゴシック"/>
                <a:cs typeface="ＭＳ Ｐゴシック"/>
              </a:rPr>
              <a:t>〇今年度、現行システムの精度改善状況を確認し、他技</a:t>
            </a:r>
            <a:r>
              <a:rPr sz="1112" spc="-26" dirty="0">
                <a:latin typeface="ＭＳ Ｐゴシック"/>
                <a:cs typeface="ＭＳ Ｐゴシック"/>
              </a:rPr>
              <a:t>術と比較の上、改善支援の継続や他技術導入などの方針を検討。</a:t>
            </a:r>
            <a:endParaRPr sz="1112">
              <a:latin typeface="ＭＳ Ｐゴシック"/>
              <a:cs typeface="ＭＳ Ｐゴシック"/>
            </a:endParaRPr>
          </a:p>
          <a:p>
            <a:pPr marL="142263" marR="4344" indent="-131946">
              <a:lnSpc>
                <a:spcPct val="99700"/>
              </a:lnSpc>
              <a:spcBef>
                <a:spcPts val="547"/>
              </a:spcBef>
            </a:pPr>
            <a:r>
              <a:rPr sz="1112" spc="-21" dirty="0">
                <a:latin typeface="ＭＳ Ｐゴシック"/>
                <a:cs typeface="ＭＳ Ｐゴシック"/>
              </a:rPr>
              <a:t>〇来年度までに</a:t>
            </a:r>
            <a:r>
              <a:rPr sz="1112" spc="-9" dirty="0">
                <a:latin typeface="ＭＳ Ｐゴシック"/>
                <a:cs typeface="ＭＳ Ｐゴシック"/>
              </a:rPr>
              <a:t>AI</a:t>
            </a:r>
            <a:r>
              <a:rPr sz="1112" spc="-30" dirty="0">
                <a:latin typeface="ＭＳ Ｐゴシック"/>
                <a:cs typeface="ＭＳ Ｐゴシック"/>
              </a:rPr>
              <a:t>カメラで得られるデータを活用した道路</a:t>
            </a:r>
            <a:r>
              <a:rPr sz="1112" spc="-17" dirty="0">
                <a:latin typeface="ＭＳ Ｐゴシック"/>
                <a:cs typeface="ＭＳ Ｐゴシック"/>
              </a:rPr>
              <a:t>の直営対応</a:t>
            </a:r>
            <a:r>
              <a:rPr sz="1112" spc="-9" dirty="0">
                <a:latin typeface="ＭＳ Ｐゴシック"/>
                <a:cs typeface="ＭＳ Ｐゴシック"/>
              </a:rPr>
              <a:t>（</a:t>
            </a:r>
            <a:r>
              <a:rPr sz="1112" spc="-17" dirty="0">
                <a:latin typeface="ＭＳ Ｐゴシック"/>
                <a:cs typeface="ＭＳ Ｐゴシック"/>
              </a:rPr>
              <a:t>日常巡回点検</a:t>
            </a:r>
            <a:r>
              <a:rPr sz="1112" spc="-9" dirty="0">
                <a:latin typeface="ＭＳ Ｐゴシック"/>
                <a:cs typeface="ＭＳ Ｐゴシック"/>
              </a:rPr>
              <a:t>）</a:t>
            </a:r>
            <a:r>
              <a:rPr sz="1112" spc="-26" dirty="0">
                <a:latin typeface="ＭＳ Ｐゴシック"/>
                <a:cs typeface="ＭＳ Ｐゴシック"/>
              </a:rPr>
              <a:t>の効率化、舗装修繕計画の策定、将来的な包括委託も視野に入れた技術活用策を検討。</a:t>
            </a:r>
            <a:endParaRPr sz="1112">
              <a:latin typeface="ＭＳ Ｐゴシック"/>
              <a:cs typeface="ＭＳ Ｐゴシック"/>
            </a:endParaRPr>
          </a:p>
        </p:txBody>
      </p:sp>
      <p:sp>
        <p:nvSpPr>
          <p:cNvPr id="14" name="object 14"/>
          <p:cNvSpPr txBox="1"/>
          <p:nvPr/>
        </p:nvSpPr>
        <p:spPr>
          <a:xfrm>
            <a:off x="295822" y="2193257"/>
            <a:ext cx="2158397" cy="239645"/>
          </a:xfrm>
          <a:prstGeom prst="rect">
            <a:avLst/>
          </a:prstGeom>
          <a:solidFill>
            <a:srgbClr val="B6DDE8"/>
          </a:solidFill>
          <a:ln w="10667">
            <a:solidFill>
              <a:srgbClr val="00AFEF"/>
            </a:solidFill>
          </a:ln>
        </p:spPr>
        <p:txBody>
          <a:bodyPr vert="horz" wrap="square" lIns="0" tIns="41810" rIns="0" bIns="0" rtlCol="0">
            <a:spAutoFit/>
          </a:bodyPr>
          <a:lstStyle/>
          <a:p>
            <a:pPr marL="110769">
              <a:spcBef>
                <a:spcPts val="329"/>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15" name="object 15"/>
          <p:cNvSpPr txBox="1"/>
          <p:nvPr/>
        </p:nvSpPr>
        <p:spPr>
          <a:xfrm>
            <a:off x="192558" y="2545924"/>
            <a:ext cx="3143929" cy="764150"/>
          </a:xfrm>
          <a:prstGeom prst="rect">
            <a:avLst/>
          </a:prstGeom>
        </p:spPr>
        <p:txBody>
          <a:bodyPr vert="horz" wrap="square" lIns="0" tIns="10317" rIns="0" bIns="0" rtlCol="0">
            <a:spAutoFit/>
          </a:bodyPr>
          <a:lstStyle/>
          <a:p>
            <a:pPr marL="141720" marR="4344" indent="-131403">
              <a:spcBef>
                <a:spcPts val="81"/>
              </a:spcBef>
            </a:pPr>
            <a:r>
              <a:rPr sz="1112" spc="-30" dirty="0">
                <a:latin typeface="ＭＳ Ｐゴシック"/>
                <a:cs typeface="ＭＳ Ｐゴシック"/>
              </a:rPr>
              <a:t>〇現行システムの精度改善状況を確認の上、他技術</a:t>
            </a:r>
            <a:r>
              <a:rPr sz="1112" spc="-26" dirty="0">
                <a:latin typeface="ＭＳ Ｐゴシック"/>
                <a:cs typeface="ＭＳ Ｐゴシック"/>
              </a:rPr>
              <a:t>との比較、導入技術の変更も合わせて検討。</a:t>
            </a:r>
            <a:endParaRPr sz="1112">
              <a:latin typeface="ＭＳ Ｐゴシック"/>
              <a:cs typeface="ＭＳ Ｐゴシック"/>
            </a:endParaRPr>
          </a:p>
          <a:p>
            <a:pPr marL="141720" marR="15204" indent="-131403">
              <a:lnSpc>
                <a:spcPts val="1325"/>
              </a:lnSpc>
              <a:spcBef>
                <a:spcPts val="603"/>
              </a:spcBef>
            </a:pPr>
            <a:r>
              <a:rPr sz="1112" spc="-30" dirty="0">
                <a:latin typeface="ＭＳ Ｐゴシック"/>
                <a:cs typeface="ＭＳ Ｐゴシック"/>
              </a:rPr>
              <a:t>〇事務局にて、点検技術カタログをもとに関連する新技術の一覧表を作成し、比較検討を実施。</a:t>
            </a:r>
            <a:endParaRPr sz="1112">
              <a:latin typeface="ＭＳ Ｐゴシック"/>
              <a:cs typeface="ＭＳ Ｐゴシック"/>
            </a:endParaRPr>
          </a:p>
        </p:txBody>
      </p:sp>
      <p:grpSp>
        <p:nvGrpSpPr>
          <p:cNvPr id="16" name="object 16"/>
          <p:cNvGrpSpPr/>
          <p:nvPr/>
        </p:nvGrpSpPr>
        <p:grpSpPr>
          <a:xfrm>
            <a:off x="139440" y="5026375"/>
            <a:ext cx="4591548" cy="1088158"/>
            <a:chOff x="163068" y="5649467"/>
            <a:chExt cx="5369560" cy="1272540"/>
          </a:xfrm>
        </p:grpSpPr>
        <p:pic>
          <p:nvPicPr>
            <p:cNvPr id="17" name="object 17"/>
            <p:cNvPicPr/>
            <p:nvPr/>
          </p:nvPicPr>
          <p:blipFill>
            <a:blip r:embed="rId4" cstate="print"/>
            <a:stretch>
              <a:fillRect/>
            </a:stretch>
          </p:blipFill>
          <p:spPr>
            <a:xfrm>
              <a:off x="163068" y="5791200"/>
              <a:ext cx="3133343" cy="960119"/>
            </a:xfrm>
            <a:prstGeom prst="rect">
              <a:avLst/>
            </a:prstGeom>
          </p:spPr>
        </p:pic>
        <p:pic>
          <p:nvPicPr>
            <p:cNvPr id="18" name="object 18"/>
            <p:cNvPicPr/>
            <p:nvPr/>
          </p:nvPicPr>
          <p:blipFill>
            <a:blip r:embed="rId5" cstate="print"/>
            <a:stretch>
              <a:fillRect/>
            </a:stretch>
          </p:blipFill>
          <p:spPr>
            <a:xfrm>
              <a:off x="3520440" y="5649467"/>
              <a:ext cx="2011679" cy="1272539"/>
            </a:xfrm>
            <a:prstGeom prst="rect">
              <a:avLst/>
            </a:prstGeom>
          </p:spPr>
        </p:pic>
      </p:grpSp>
      <p:sp>
        <p:nvSpPr>
          <p:cNvPr id="19" name="object 19"/>
          <p:cNvSpPr txBox="1"/>
          <p:nvPr/>
        </p:nvSpPr>
        <p:spPr>
          <a:xfrm>
            <a:off x="243138" y="3777431"/>
            <a:ext cx="4354803" cy="352691"/>
          </a:xfrm>
          <a:prstGeom prst="rect">
            <a:avLst/>
          </a:prstGeom>
        </p:spPr>
        <p:txBody>
          <a:bodyPr vert="horz" wrap="square" lIns="0" tIns="10317" rIns="0" bIns="0" rtlCol="0">
            <a:spAutoFit/>
          </a:bodyPr>
          <a:lstStyle/>
          <a:p>
            <a:pPr marL="10860">
              <a:spcBef>
                <a:spcPts val="81"/>
              </a:spcBef>
            </a:pPr>
            <a:r>
              <a:rPr sz="1112" spc="-17" dirty="0">
                <a:latin typeface="ＭＳ Ｐゴシック"/>
                <a:cs typeface="ＭＳ Ｐゴシック"/>
              </a:rPr>
              <a:t>〇</a:t>
            </a:r>
            <a:r>
              <a:rPr sz="1112" spc="-9" dirty="0">
                <a:latin typeface="ＭＳ Ｐゴシック"/>
                <a:cs typeface="ＭＳ Ｐゴシック"/>
              </a:rPr>
              <a:t>AI</a:t>
            </a:r>
            <a:r>
              <a:rPr sz="1112" spc="-34" dirty="0">
                <a:latin typeface="ＭＳ Ｐゴシック"/>
                <a:cs typeface="ＭＳ Ｐゴシック"/>
              </a:rPr>
              <a:t>カメラシステムについては、現行システムよりも高精度な技術を模索。</a:t>
            </a:r>
            <a:endParaRPr sz="1112">
              <a:latin typeface="ＭＳ Ｐゴシック"/>
              <a:cs typeface="ＭＳ Ｐゴシック"/>
            </a:endParaRPr>
          </a:p>
        </p:txBody>
      </p:sp>
      <p:sp>
        <p:nvSpPr>
          <p:cNvPr id="20" name="object 20"/>
          <p:cNvSpPr txBox="1"/>
          <p:nvPr/>
        </p:nvSpPr>
        <p:spPr>
          <a:xfrm>
            <a:off x="375086" y="3946764"/>
            <a:ext cx="2734512" cy="352691"/>
          </a:xfrm>
          <a:prstGeom prst="rect">
            <a:avLst/>
          </a:prstGeom>
        </p:spPr>
        <p:txBody>
          <a:bodyPr vert="horz" wrap="square" lIns="0" tIns="10317" rIns="0" bIns="0" rtlCol="0">
            <a:spAutoFit/>
          </a:bodyPr>
          <a:lstStyle/>
          <a:p>
            <a:pPr marL="10860">
              <a:spcBef>
                <a:spcPts val="81"/>
              </a:spcBef>
            </a:pPr>
            <a:r>
              <a:rPr sz="1112" spc="-9" dirty="0">
                <a:latin typeface="ＭＳ Ｐゴシック"/>
                <a:cs typeface="ＭＳ Ｐゴシック"/>
              </a:rPr>
              <a:t>SIP</a:t>
            </a:r>
            <a:r>
              <a:rPr sz="1112" spc="-21" dirty="0">
                <a:latin typeface="ＭＳ Ｐゴシック"/>
                <a:cs typeface="ＭＳ Ｐゴシック"/>
              </a:rPr>
              <a:t>の研究開発との連携も視野に検討中</a:t>
            </a:r>
            <a:r>
              <a:rPr sz="1112" spc="-9" dirty="0">
                <a:latin typeface="ＭＳ Ｐゴシック"/>
                <a:cs typeface="ＭＳ Ｐゴシック"/>
              </a:rPr>
              <a:t>（P）</a:t>
            </a:r>
            <a:r>
              <a:rPr sz="1112" spc="-43" dirty="0">
                <a:latin typeface="ＭＳ Ｐゴシック"/>
                <a:cs typeface="ＭＳ Ｐゴシック"/>
              </a:rPr>
              <a:t>。</a:t>
            </a:r>
            <a:endParaRPr sz="1112">
              <a:latin typeface="ＭＳ Ｐゴシック"/>
              <a:cs typeface="ＭＳ Ｐゴシック"/>
            </a:endParaRPr>
          </a:p>
        </p:txBody>
      </p:sp>
      <p:sp>
        <p:nvSpPr>
          <p:cNvPr id="21" name="object 21"/>
          <p:cNvSpPr txBox="1"/>
          <p:nvPr/>
        </p:nvSpPr>
        <p:spPr>
          <a:xfrm>
            <a:off x="243139" y="4186467"/>
            <a:ext cx="4321680" cy="352691"/>
          </a:xfrm>
          <a:prstGeom prst="rect">
            <a:avLst/>
          </a:prstGeom>
        </p:spPr>
        <p:txBody>
          <a:bodyPr vert="horz" wrap="square" lIns="0" tIns="10317" rIns="0" bIns="0" rtlCol="0">
            <a:spAutoFit/>
          </a:bodyPr>
          <a:lstStyle/>
          <a:p>
            <a:pPr marL="10860">
              <a:spcBef>
                <a:spcPts val="81"/>
              </a:spcBef>
            </a:pPr>
            <a:r>
              <a:rPr sz="1112" spc="-26" dirty="0">
                <a:latin typeface="ＭＳ Ｐゴシック"/>
                <a:cs typeface="ＭＳ Ｐゴシック"/>
              </a:rPr>
              <a:t>〇現行システム</a:t>
            </a:r>
            <a:r>
              <a:rPr sz="1112" spc="-9" dirty="0">
                <a:latin typeface="ＭＳ Ｐゴシック"/>
                <a:cs typeface="ＭＳ Ｐゴシック"/>
              </a:rPr>
              <a:t>（（</a:t>
            </a:r>
            <a:r>
              <a:rPr sz="1112" spc="-17" dirty="0">
                <a:latin typeface="ＭＳ Ｐゴシック"/>
                <a:cs typeface="ＭＳ Ｐゴシック"/>
              </a:rPr>
              <a:t>株</a:t>
            </a:r>
            <a:r>
              <a:rPr sz="1112" spc="-9" dirty="0">
                <a:latin typeface="ＭＳ Ｐゴシック"/>
                <a:cs typeface="ＭＳ Ｐゴシック"/>
              </a:rPr>
              <a:t>）</a:t>
            </a:r>
            <a:r>
              <a:rPr sz="1112" spc="-21" dirty="0">
                <a:latin typeface="ＭＳ Ｐゴシック"/>
                <a:cs typeface="ＭＳ Ｐゴシック"/>
              </a:rPr>
              <a:t>アイシンの「みちログ」</a:t>
            </a:r>
            <a:r>
              <a:rPr sz="1112" spc="-9" dirty="0">
                <a:latin typeface="ＭＳ Ｐゴシック"/>
                <a:cs typeface="ＭＳ Ｐゴシック"/>
              </a:rPr>
              <a:t>）</a:t>
            </a:r>
            <a:r>
              <a:rPr sz="1112" spc="-26" dirty="0">
                <a:latin typeface="ＭＳ Ｐゴシック"/>
                <a:cs typeface="ＭＳ Ｐゴシック"/>
              </a:rPr>
              <a:t>の精度改善状況について議</a:t>
            </a:r>
            <a:endParaRPr sz="1112">
              <a:latin typeface="ＭＳ Ｐゴシック"/>
              <a:cs typeface="ＭＳ Ｐゴシック"/>
            </a:endParaRPr>
          </a:p>
        </p:txBody>
      </p:sp>
      <p:sp>
        <p:nvSpPr>
          <p:cNvPr id="22" name="object 22"/>
          <p:cNvSpPr txBox="1"/>
          <p:nvPr/>
        </p:nvSpPr>
        <p:spPr>
          <a:xfrm>
            <a:off x="375086" y="4354701"/>
            <a:ext cx="4157153" cy="352691"/>
          </a:xfrm>
          <a:prstGeom prst="rect">
            <a:avLst/>
          </a:prstGeom>
        </p:spPr>
        <p:txBody>
          <a:bodyPr vert="horz" wrap="square" lIns="0" tIns="10317" rIns="0" bIns="0" rtlCol="0">
            <a:spAutoFit/>
          </a:bodyPr>
          <a:lstStyle/>
          <a:p>
            <a:pPr marL="10860">
              <a:spcBef>
                <a:spcPts val="81"/>
              </a:spcBef>
            </a:pPr>
            <a:r>
              <a:rPr sz="1112" spc="-30" dirty="0">
                <a:latin typeface="ＭＳ Ｐゴシック"/>
                <a:cs typeface="ＭＳ Ｐゴシック"/>
              </a:rPr>
              <a:t>論の上、精度改善策・得られるデータの活用策検討等の伴走支援を実</a:t>
            </a:r>
            <a:endParaRPr sz="1112">
              <a:latin typeface="ＭＳ Ｐゴシック"/>
              <a:cs typeface="ＭＳ Ｐゴシック"/>
            </a:endParaRPr>
          </a:p>
        </p:txBody>
      </p:sp>
      <p:sp>
        <p:nvSpPr>
          <p:cNvPr id="23" name="object 23"/>
          <p:cNvSpPr txBox="1"/>
          <p:nvPr/>
        </p:nvSpPr>
        <p:spPr>
          <a:xfrm>
            <a:off x="315436" y="4524033"/>
            <a:ext cx="4004029" cy="598336"/>
          </a:xfrm>
          <a:prstGeom prst="rect">
            <a:avLst/>
          </a:prstGeom>
        </p:spPr>
        <p:txBody>
          <a:bodyPr vert="horz" wrap="square" lIns="0" tIns="10317" rIns="0" bIns="0" rtlCol="0">
            <a:spAutoFit/>
          </a:bodyPr>
          <a:lstStyle/>
          <a:p>
            <a:pPr marL="70046">
              <a:spcBef>
                <a:spcPts val="81"/>
              </a:spcBef>
            </a:pPr>
            <a:r>
              <a:rPr sz="1112" spc="-21" dirty="0">
                <a:latin typeface="ＭＳ Ｐゴシック"/>
                <a:cs typeface="ＭＳ Ｐゴシック"/>
              </a:rPr>
              <a:t>施。</a:t>
            </a:r>
            <a:r>
              <a:rPr sz="1112" spc="-9" dirty="0">
                <a:latin typeface="ＭＳ Ｐゴシック"/>
                <a:cs typeface="ＭＳ Ｐゴシック"/>
              </a:rPr>
              <a:t>（</a:t>
            </a:r>
            <a:r>
              <a:rPr sz="1112" spc="-17" dirty="0">
                <a:latin typeface="ＭＳ Ｐゴシック"/>
                <a:cs typeface="ＭＳ Ｐゴシック"/>
              </a:rPr>
              <a:t>他技術との比較、導入技術の変更可能性も考慮</a:t>
            </a:r>
            <a:r>
              <a:rPr sz="1112" spc="-43" dirty="0">
                <a:latin typeface="ＭＳ Ｐゴシック"/>
                <a:cs typeface="ＭＳ Ｐゴシック"/>
              </a:rPr>
              <a:t>）</a:t>
            </a:r>
            <a:endParaRPr sz="1112">
              <a:latin typeface="ＭＳ Ｐゴシック"/>
              <a:cs typeface="ＭＳ Ｐゴシック"/>
            </a:endParaRPr>
          </a:p>
          <a:p>
            <a:pPr>
              <a:spcBef>
                <a:spcPts val="1338"/>
              </a:spcBef>
              <a:tabLst>
                <a:tab pos="2809422" algn="l"/>
              </a:tabLst>
            </a:pPr>
            <a:r>
              <a:rPr sz="812" dirty="0">
                <a:latin typeface="ＭＳ Ｐゴシック"/>
                <a:cs typeface="ＭＳ Ｐゴシック"/>
              </a:rPr>
              <a:t>現行システム「みちログ</a:t>
            </a:r>
            <a:r>
              <a:rPr sz="812" spc="-43" dirty="0">
                <a:latin typeface="ＭＳ Ｐゴシック"/>
                <a:cs typeface="ＭＳ Ｐゴシック"/>
              </a:rPr>
              <a:t>」</a:t>
            </a:r>
            <a:r>
              <a:rPr sz="812" dirty="0">
                <a:latin typeface="ＭＳ Ｐゴシック"/>
                <a:cs typeface="ＭＳ Ｐゴシック"/>
              </a:rPr>
              <a:t>	</a:t>
            </a:r>
            <a:r>
              <a:rPr sz="1219" baseline="2923" dirty="0">
                <a:latin typeface="ＭＳ Ｐゴシック"/>
                <a:cs typeface="ＭＳ Ｐゴシック"/>
              </a:rPr>
              <a:t>ニチレキ「GLOCAL-EYEZ</a:t>
            </a:r>
            <a:r>
              <a:rPr sz="1219" spc="-64" baseline="2923" dirty="0">
                <a:latin typeface="ＭＳ Ｐゴシック"/>
                <a:cs typeface="ＭＳ Ｐゴシック"/>
              </a:rPr>
              <a:t>」</a:t>
            </a:r>
            <a:endParaRPr sz="1219" baseline="2923">
              <a:latin typeface="ＭＳ Ｐゴシック"/>
              <a:cs typeface="ＭＳ Ｐゴシック"/>
            </a:endParaRPr>
          </a:p>
        </p:txBody>
      </p:sp>
      <p:sp>
        <p:nvSpPr>
          <p:cNvPr id="24" name="object 24"/>
          <p:cNvSpPr txBox="1"/>
          <p:nvPr/>
        </p:nvSpPr>
        <p:spPr>
          <a:xfrm>
            <a:off x="5210953" y="4199662"/>
            <a:ext cx="3726017" cy="352691"/>
          </a:xfrm>
          <a:prstGeom prst="rect">
            <a:avLst/>
          </a:prstGeom>
        </p:spPr>
        <p:txBody>
          <a:bodyPr vert="horz" wrap="square" lIns="0" tIns="10317" rIns="0" bIns="0" rtlCol="0">
            <a:spAutoFit/>
          </a:bodyPr>
          <a:lstStyle/>
          <a:p>
            <a:pPr marL="141720" marR="4344" indent="-131403">
              <a:spcBef>
                <a:spcPts val="81"/>
              </a:spcBef>
              <a:tabLst>
                <a:tab pos="1955302" algn="l"/>
                <a:tab pos="2086705" algn="l"/>
              </a:tabLst>
            </a:pPr>
            <a:r>
              <a:rPr sz="1667" spc="-26" baseline="4273" dirty="0">
                <a:latin typeface="ＭＳ Ｐゴシック"/>
                <a:cs typeface="ＭＳ Ｐゴシック"/>
              </a:rPr>
              <a:t>①新技術活用</a:t>
            </a:r>
            <a:r>
              <a:rPr sz="1667" spc="-13" baseline="4273" dirty="0">
                <a:latin typeface="ＭＳ Ｐゴシック"/>
                <a:cs typeface="ＭＳ Ｐゴシック"/>
              </a:rPr>
              <a:t>に</a:t>
            </a:r>
            <a:r>
              <a:rPr sz="1667" spc="-51" baseline="4273" dirty="0">
                <a:latin typeface="ＭＳ Ｐゴシック"/>
                <a:cs typeface="ＭＳ Ｐゴシック"/>
              </a:rPr>
              <a:t>よ</a:t>
            </a:r>
            <a:r>
              <a:rPr sz="1667" spc="-13" baseline="4273" dirty="0">
                <a:latin typeface="ＭＳ Ｐゴシック"/>
                <a:cs typeface="ＭＳ Ｐゴシック"/>
              </a:rPr>
              <a:t>る</a:t>
            </a:r>
            <a:r>
              <a:rPr sz="1667" spc="-26" baseline="4273" dirty="0">
                <a:latin typeface="ＭＳ Ｐゴシック"/>
                <a:cs typeface="ＭＳ Ｐゴシック"/>
              </a:rPr>
              <a:t>舗</a:t>
            </a:r>
            <a:r>
              <a:rPr sz="1667" spc="-64" baseline="4273" dirty="0">
                <a:latin typeface="ＭＳ Ｐゴシック"/>
                <a:cs typeface="ＭＳ Ｐゴシック"/>
              </a:rPr>
              <a:t>装</a:t>
            </a:r>
            <a:r>
              <a:rPr sz="1667" baseline="4273" dirty="0">
                <a:latin typeface="ＭＳ Ｐゴシック"/>
                <a:cs typeface="ＭＳ Ｐゴシック"/>
              </a:rPr>
              <a:t>	</a:t>
            </a:r>
            <a:r>
              <a:rPr sz="1112" spc="-17" dirty="0">
                <a:latin typeface="ＭＳ Ｐゴシック"/>
                <a:cs typeface="ＭＳ Ｐゴシック"/>
              </a:rPr>
              <a:t>②道路直営対応</a:t>
            </a:r>
            <a:r>
              <a:rPr sz="1112" spc="-9" dirty="0">
                <a:latin typeface="ＭＳ Ｐゴシック"/>
                <a:cs typeface="ＭＳ Ｐゴシック"/>
              </a:rPr>
              <a:t>（</a:t>
            </a:r>
            <a:r>
              <a:rPr sz="1112" spc="-17" dirty="0">
                <a:latin typeface="ＭＳ Ｐゴシック"/>
                <a:cs typeface="ＭＳ Ｐゴシック"/>
              </a:rPr>
              <a:t>日常巡回</a:t>
            </a:r>
            <a:r>
              <a:rPr sz="1112" spc="-43" dirty="0">
                <a:latin typeface="ＭＳ Ｐゴシック"/>
                <a:cs typeface="ＭＳ Ｐゴシック"/>
              </a:rPr>
              <a:t>点</a:t>
            </a:r>
            <a:r>
              <a:rPr sz="1667" spc="-26" baseline="4273" dirty="0">
                <a:latin typeface="ＭＳ Ｐゴシック"/>
                <a:cs typeface="ＭＳ Ｐゴシック"/>
              </a:rPr>
              <a:t>維持管理業務の効率</a:t>
            </a:r>
            <a:r>
              <a:rPr sz="1667" spc="-64" baseline="4273" dirty="0">
                <a:latin typeface="ＭＳ Ｐゴシック"/>
                <a:cs typeface="ＭＳ Ｐゴシック"/>
              </a:rPr>
              <a:t>化</a:t>
            </a:r>
            <a:r>
              <a:rPr sz="1667" baseline="4273" dirty="0">
                <a:latin typeface="ＭＳ Ｐゴシック"/>
                <a:cs typeface="ＭＳ Ｐゴシック"/>
              </a:rPr>
              <a:t>		</a:t>
            </a:r>
            <a:r>
              <a:rPr sz="1112" spc="-17" dirty="0">
                <a:latin typeface="ＭＳ Ｐゴシック"/>
                <a:cs typeface="ＭＳ Ｐゴシック"/>
              </a:rPr>
              <a:t>検</a:t>
            </a:r>
            <a:r>
              <a:rPr sz="1112" spc="-9" dirty="0">
                <a:latin typeface="ＭＳ Ｐゴシック"/>
                <a:cs typeface="ＭＳ Ｐゴシック"/>
              </a:rPr>
              <a:t>）</a:t>
            </a:r>
            <a:r>
              <a:rPr sz="1112" spc="-17" dirty="0">
                <a:latin typeface="ＭＳ Ｐゴシック"/>
                <a:cs typeface="ＭＳ Ｐゴシック"/>
              </a:rPr>
              <a:t>の効率化への助</a:t>
            </a:r>
            <a:r>
              <a:rPr sz="1112" spc="-43" dirty="0">
                <a:latin typeface="ＭＳ Ｐゴシック"/>
                <a:cs typeface="ＭＳ Ｐゴシック"/>
              </a:rPr>
              <a:t>言</a:t>
            </a:r>
            <a:endParaRPr sz="1112">
              <a:latin typeface="ＭＳ Ｐゴシック"/>
              <a:cs typeface="ＭＳ Ｐゴシック"/>
            </a:endParaRPr>
          </a:p>
        </p:txBody>
      </p:sp>
      <p:sp>
        <p:nvSpPr>
          <p:cNvPr id="25" name="object 25"/>
          <p:cNvSpPr/>
          <p:nvPr/>
        </p:nvSpPr>
        <p:spPr>
          <a:xfrm>
            <a:off x="5087626" y="4537682"/>
            <a:ext cx="1906991" cy="1757125"/>
          </a:xfrm>
          <a:custGeom>
            <a:avLst/>
            <a:gdLst/>
            <a:ahLst/>
            <a:cxnLst/>
            <a:rect l="l" t="t" r="r" b="b"/>
            <a:pathLst>
              <a:path w="2230120" h="2054859">
                <a:moveTo>
                  <a:pt x="2229611" y="2054351"/>
                </a:moveTo>
                <a:lnTo>
                  <a:pt x="0" y="2054351"/>
                </a:lnTo>
                <a:lnTo>
                  <a:pt x="0" y="0"/>
                </a:lnTo>
                <a:lnTo>
                  <a:pt x="2229611" y="0"/>
                </a:lnTo>
                <a:lnTo>
                  <a:pt x="2229611" y="2054351"/>
                </a:lnTo>
                <a:close/>
              </a:path>
            </a:pathLst>
          </a:custGeom>
          <a:solidFill>
            <a:srgbClr val="DBE6F2"/>
          </a:solidFill>
        </p:spPr>
        <p:txBody>
          <a:bodyPr wrap="square" lIns="0" tIns="0" rIns="0" bIns="0" rtlCol="0"/>
          <a:lstStyle/>
          <a:p>
            <a:endParaRPr sz="1749"/>
          </a:p>
        </p:txBody>
      </p:sp>
      <p:sp>
        <p:nvSpPr>
          <p:cNvPr id="26" name="object 26"/>
          <p:cNvSpPr txBox="1"/>
          <p:nvPr/>
        </p:nvSpPr>
        <p:spPr>
          <a:xfrm>
            <a:off x="5552862" y="4614570"/>
            <a:ext cx="1367256" cy="510095"/>
          </a:xfrm>
          <a:prstGeom prst="rect">
            <a:avLst/>
          </a:prstGeom>
          <a:solidFill>
            <a:srgbClr val="FFFFFF"/>
          </a:solidFill>
          <a:ln w="13715">
            <a:solidFill>
              <a:srgbClr val="1C334D"/>
            </a:solidFill>
          </a:ln>
        </p:spPr>
        <p:txBody>
          <a:bodyPr vert="horz" wrap="square" lIns="0" tIns="3258" rIns="0" bIns="0" rtlCol="0">
            <a:spAutoFit/>
          </a:bodyPr>
          <a:lstStyle/>
          <a:p>
            <a:pPr>
              <a:spcBef>
                <a:spcPts val="26"/>
              </a:spcBef>
            </a:pPr>
            <a:endParaRPr sz="812">
              <a:latin typeface="Times New Roman"/>
              <a:cs typeface="Times New Roman"/>
            </a:endParaRPr>
          </a:p>
          <a:p>
            <a:pPr marL="84163" marR="78733">
              <a:lnSpc>
                <a:spcPct val="102200"/>
              </a:lnSpc>
            </a:pPr>
            <a:r>
              <a:rPr sz="812" spc="-4" dirty="0">
                <a:latin typeface="ＭＳ Ｐゴシック"/>
                <a:cs typeface="ＭＳ Ｐゴシック"/>
              </a:rPr>
              <a:t>現行システム改善方法、予算スケジュール等を確認</a:t>
            </a:r>
            <a:endParaRPr sz="812">
              <a:latin typeface="ＭＳ Ｐゴシック"/>
              <a:cs typeface="ＭＳ Ｐゴシック"/>
            </a:endParaRPr>
          </a:p>
        </p:txBody>
      </p:sp>
      <p:grpSp>
        <p:nvGrpSpPr>
          <p:cNvPr id="27" name="object 27"/>
          <p:cNvGrpSpPr/>
          <p:nvPr/>
        </p:nvGrpSpPr>
        <p:grpSpPr>
          <a:xfrm>
            <a:off x="5171030" y="4604145"/>
            <a:ext cx="302447" cy="1624092"/>
            <a:chOff x="6047232" y="5155691"/>
            <a:chExt cx="353695" cy="1899285"/>
          </a:xfrm>
        </p:grpSpPr>
        <p:sp>
          <p:nvSpPr>
            <p:cNvPr id="28" name="object 28"/>
            <p:cNvSpPr/>
            <p:nvPr/>
          </p:nvSpPr>
          <p:spPr>
            <a:xfrm>
              <a:off x="6077712" y="5900928"/>
              <a:ext cx="309880" cy="1140460"/>
            </a:xfrm>
            <a:custGeom>
              <a:avLst/>
              <a:gdLst/>
              <a:ahLst/>
              <a:cxnLst/>
              <a:rect l="l" t="t" r="r" b="b"/>
              <a:pathLst>
                <a:path w="309879" h="1140459">
                  <a:moveTo>
                    <a:pt x="155448" y="1139951"/>
                  </a:moveTo>
                  <a:lnTo>
                    <a:pt x="0" y="986027"/>
                  </a:lnTo>
                  <a:lnTo>
                    <a:pt x="0" y="0"/>
                  </a:lnTo>
                  <a:lnTo>
                    <a:pt x="155448" y="155448"/>
                  </a:lnTo>
                  <a:lnTo>
                    <a:pt x="309371" y="0"/>
                  </a:lnTo>
                  <a:lnTo>
                    <a:pt x="309371" y="986027"/>
                  </a:lnTo>
                  <a:lnTo>
                    <a:pt x="155448" y="1139951"/>
                  </a:lnTo>
                  <a:close/>
                </a:path>
              </a:pathLst>
            </a:custGeom>
            <a:solidFill>
              <a:srgbClr val="4F80BC"/>
            </a:solidFill>
          </p:spPr>
          <p:txBody>
            <a:bodyPr wrap="square" lIns="0" tIns="0" rIns="0" bIns="0" rtlCol="0"/>
            <a:lstStyle/>
            <a:p>
              <a:endParaRPr sz="1749"/>
            </a:p>
          </p:txBody>
        </p:sp>
        <p:sp>
          <p:nvSpPr>
            <p:cNvPr id="29" name="object 29"/>
            <p:cNvSpPr/>
            <p:nvPr/>
          </p:nvSpPr>
          <p:spPr>
            <a:xfrm>
              <a:off x="6077712" y="5900928"/>
              <a:ext cx="309880" cy="1140460"/>
            </a:xfrm>
            <a:custGeom>
              <a:avLst/>
              <a:gdLst/>
              <a:ahLst/>
              <a:cxnLst/>
              <a:rect l="l" t="t" r="r" b="b"/>
              <a:pathLst>
                <a:path w="309879" h="1140459">
                  <a:moveTo>
                    <a:pt x="309371" y="0"/>
                  </a:moveTo>
                  <a:lnTo>
                    <a:pt x="309371" y="986027"/>
                  </a:lnTo>
                  <a:lnTo>
                    <a:pt x="155448" y="1139951"/>
                  </a:lnTo>
                  <a:lnTo>
                    <a:pt x="0" y="986027"/>
                  </a:lnTo>
                  <a:lnTo>
                    <a:pt x="0" y="0"/>
                  </a:lnTo>
                  <a:lnTo>
                    <a:pt x="155448" y="155448"/>
                  </a:lnTo>
                  <a:lnTo>
                    <a:pt x="309371" y="0"/>
                  </a:lnTo>
                  <a:close/>
                </a:path>
              </a:pathLst>
            </a:custGeom>
            <a:ln w="27432">
              <a:solidFill>
                <a:srgbClr val="1C334D"/>
              </a:solidFill>
            </a:ln>
          </p:spPr>
          <p:txBody>
            <a:bodyPr wrap="square" lIns="0" tIns="0" rIns="0" bIns="0" rtlCol="0"/>
            <a:lstStyle/>
            <a:p>
              <a:endParaRPr sz="1749"/>
            </a:p>
          </p:txBody>
        </p:sp>
        <p:sp>
          <p:nvSpPr>
            <p:cNvPr id="30" name="object 30"/>
            <p:cNvSpPr/>
            <p:nvPr/>
          </p:nvSpPr>
          <p:spPr>
            <a:xfrm>
              <a:off x="6060948" y="5169407"/>
              <a:ext cx="314325" cy="708660"/>
            </a:xfrm>
            <a:custGeom>
              <a:avLst/>
              <a:gdLst/>
              <a:ahLst/>
              <a:cxnLst/>
              <a:rect l="l" t="t" r="r" b="b"/>
              <a:pathLst>
                <a:path w="314325" h="708660">
                  <a:moveTo>
                    <a:pt x="156971" y="708660"/>
                  </a:moveTo>
                  <a:lnTo>
                    <a:pt x="0" y="551688"/>
                  </a:lnTo>
                  <a:lnTo>
                    <a:pt x="0" y="0"/>
                  </a:lnTo>
                  <a:lnTo>
                    <a:pt x="313944" y="0"/>
                  </a:lnTo>
                  <a:lnTo>
                    <a:pt x="313944" y="551688"/>
                  </a:lnTo>
                  <a:lnTo>
                    <a:pt x="156971" y="708660"/>
                  </a:lnTo>
                  <a:close/>
                </a:path>
              </a:pathLst>
            </a:custGeom>
            <a:solidFill>
              <a:srgbClr val="4F80BC"/>
            </a:solidFill>
          </p:spPr>
          <p:txBody>
            <a:bodyPr wrap="square" lIns="0" tIns="0" rIns="0" bIns="0" rtlCol="0"/>
            <a:lstStyle/>
            <a:p>
              <a:endParaRPr sz="1749"/>
            </a:p>
          </p:txBody>
        </p:sp>
        <p:sp>
          <p:nvSpPr>
            <p:cNvPr id="31" name="object 31"/>
            <p:cNvSpPr/>
            <p:nvPr/>
          </p:nvSpPr>
          <p:spPr>
            <a:xfrm>
              <a:off x="6060948" y="5169407"/>
              <a:ext cx="314325" cy="708660"/>
            </a:xfrm>
            <a:custGeom>
              <a:avLst/>
              <a:gdLst/>
              <a:ahLst/>
              <a:cxnLst/>
              <a:rect l="l" t="t" r="r" b="b"/>
              <a:pathLst>
                <a:path w="314325" h="708660">
                  <a:moveTo>
                    <a:pt x="313944" y="0"/>
                  </a:moveTo>
                  <a:lnTo>
                    <a:pt x="313944" y="551688"/>
                  </a:lnTo>
                  <a:lnTo>
                    <a:pt x="156971" y="708660"/>
                  </a:lnTo>
                  <a:lnTo>
                    <a:pt x="0" y="551688"/>
                  </a:lnTo>
                  <a:lnTo>
                    <a:pt x="0" y="0"/>
                  </a:lnTo>
                  <a:lnTo>
                    <a:pt x="313944" y="0"/>
                  </a:lnTo>
                  <a:close/>
                </a:path>
              </a:pathLst>
            </a:custGeom>
            <a:ln w="27432">
              <a:solidFill>
                <a:srgbClr val="1C334D"/>
              </a:solidFill>
            </a:ln>
          </p:spPr>
          <p:txBody>
            <a:bodyPr wrap="square" lIns="0" tIns="0" rIns="0" bIns="0" rtlCol="0"/>
            <a:lstStyle/>
            <a:p>
              <a:endParaRPr sz="1749"/>
            </a:p>
          </p:txBody>
        </p:sp>
      </p:grpSp>
      <p:sp>
        <p:nvSpPr>
          <p:cNvPr id="32" name="object 32"/>
          <p:cNvSpPr txBox="1"/>
          <p:nvPr/>
        </p:nvSpPr>
        <p:spPr>
          <a:xfrm>
            <a:off x="5552862" y="5174938"/>
            <a:ext cx="1367256" cy="440503"/>
          </a:xfrm>
          <a:prstGeom prst="rect">
            <a:avLst/>
          </a:prstGeom>
          <a:solidFill>
            <a:srgbClr val="FFFFFF"/>
          </a:solidFill>
          <a:ln w="13715">
            <a:solidFill>
              <a:srgbClr val="1C334D"/>
            </a:solidFill>
          </a:ln>
        </p:spPr>
        <p:txBody>
          <a:bodyPr vert="horz" wrap="square" lIns="0" tIns="58100" rIns="0" bIns="0" rtlCol="0">
            <a:spAutoFit/>
          </a:bodyPr>
          <a:lstStyle/>
          <a:p>
            <a:pPr marL="84163" marR="149322" algn="just">
              <a:lnSpc>
                <a:spcPct val="102200"/>
              </a:lnSpc>
              <a:spcBef>
                <a:spcPts val="457"/>
              </a:spcBef>
            </a:pPr>
            <a:r>
              <a:rPr sz="812" spc="-4" dirty="0">
                <a:latin typeface="ＭＳ Ｐゴシック"/>
                <a:cs typeface="ＭＳ Ｐゴシック"/>
              </a:rPr>
              <a:t>現行システム改善状況の把握、追加技術導入の可</a:t>
            </a:r>
            <a:r>
              <a:rPr sz="812" spc="-9" dirty="0">
                <a:latin typeface="ＭＳ Ｐゴシック"/>
                <a:cs typeface="ＭＳ Ｐゴシック"/>
              </a:rPr>
              <a:t>能性を検討</a:t>
            </a:r>
            <a:endParaRPr sz="812">
              <a:latin typeface="ＭＳ Ｐゴシック"/>
              <a:cs typeface="ＭＳ Ｐゴシック"/>
            </a:endParaRPr>
          </a:p>
        </p:txBody>
      </p:sp>
      <p:sp>
        <p:nvSpPr>
          <p:cNvPr id="33" name="object 33"/>
          <p:cNvSpPr txBox="1"/>
          <p:nvPr/>
        </p:nvSpPr>
        <p:spPr>
          <a:xfrm>
            <a:off x="5552862" y="5728791"/>
            <a:ext cx="1367256" cy="380980"/>
          </a:xfrm>
          <a:prstGeom prst="rect">
            <a:avLst/>
          </a:prstGeom>
          <a:solidFill>
            <a:srgbClr val="FFFFFF"/>
          </a:solidFill>
          <a:ln w="13715">
            <a:solidFill>
              <a:srgbClr val="1C334D"/>
            </a:solidFill>
          </a:ln>
        </p:spPr>
        <p:txBody>
          <a:bodyPr vert="horz" wrap="square" lIns="0" tIns="1629" rIns="0" bIns="0" rtlCol="0">
            <a:spAutoFit/>
          </a:bodyPr>
          <a:lstStyle/>
          <a:p>
            <a:pPr>
              <a:spcBef>
                <a:spcPts val="13"/>
              </a:spcBef>
            </a:pPr>
            <a:endParaRPr sz="812">
              <a:latin typeface="Times New Roman"/>
              <a:cs typeface="Times New Roman"/>
            </a:endParaRPr>
          </a:p>
          <a:p>
            <a:pPr marL="33665" marR="108054">
              <a:lnSpc>
                <a:spcPct val="102200"/>
              </a:lnSpc>
              <a:spcBef>
                <a:spcPts val="4"/>
              </a:spcBef>
            </a:pPr>
            <a:r>
              <a:rPr sz="812" dirty="0">
                <a:latin typeface="ＭＳ Ｐゴシック"/>
                <a:cs typeface="ＭＳ Ｐゴシック"/>
              </a:rPr>
              <a:t>AI診断による点検～</a:t>
            </a:r>
            <a:r>
              <a:rPr sz="812" spc="-17" dirty="0">
                <a:latin typeface="ＭＳ Ｐゴシック"/>
                <a:cs typeface="ＭＳ Ｐゴシック"/>
              </a:rPr>
              <a:t>修繕の</a:t>
            </a:r>
            <a:r>
              <a:rPr sz="812" spc="-4" dirty="0">
                <a:latin typeface="ＭＳ Ｐゴシック"/>
                <a:cs typeface="ＭＳ Ｐゴシック"/>
              </a:rPr>
              <a:t>効率化に向けた伴走支援</a:t>
            </a:r>
            <a:endParaRPr sz="812">
              <a:latin typeface="ＭＳ Ｐゴシック"/>
              <a:cs typeface="ＭＳ Ｐゴシック"/>
            </a:endParaRPr>
          </a:p>
        </p:txBody>
      </p:sp>
      <p:sp>
        <p:nvSpPr>
          <p:cNvPr id="34" name="object 34"/>
          <p:cNvSpPr/>
          <p:nvPr/>
        </p:nvSpPr>
        <p:spPr>
          <a:xfrm>
            <a:off x="7196176" y="4527257"/>
            <a:ext cx="1719115" cy="1757125"/>
          </a:xfrm>
          <a:custGeom>
            <a:avLst/>
            <a:gdLst/>
            <a:ahLst/>
            <a:cxnLst/>
            <a:rect l="l" t="t" r="r" b="b"/>
            <a:pathLst>
              <a:path w="2010409" h="2054859">
                <a:moveTo>
                  <a:pt x="2010156" y="2054351"/>
                </a:moveTo>
                <a:lnTo>
                  <a:pt x="0" y="2054351"/>
                </a:lnTo>
                <a:lnTo>
                  <a:pt x="0" y="0"/>
                </a:lnTo>
                <a:lnTo>
                  <a:pt x="2010156" y="0"/>
                </a:lnTo>
                <a:lnTo>
                  <a:pt x="2010156" y="2054351"/>
                </a:lnTo>
                <a:close/>
              </a:path>
            </a:pathLst>
          </a:custGeom>
          <a:solidFill>
            <a:srgbClr val="DBE6F2"/>
          </a:solidFill>
        </p:spPr>
        <p:txBody>
          <a:bodyPr wrap="square" lIns="0" tIns="0" rIns="0" bIns="0" rtlCol="0"/>
          <a:lstStyle/>
          <a:p>
            <a:endParaRPr sz="1749"/>
          </a:p>
        </p:txBody>
      </p:sp>
      <p:sp>
        <p:nvSpPr>
          <p:cNvPr id="35" name="object 35"/>
          <p:cNvSpPr txBox="1"/>
          <p:nvPr/>
        </p:nvSpPr>
        <p:spPr>
          <a:xfrm>
            <a:off x="7657502" y="4651059"/>
            <a:ext cx="1136484" cy="322863"/>
          </a:xfrm>
          <a:prstGeom prst="rect">
            <a:avLst/>
          </a:prstGeom>
          <a:solidFill>
            <a:srgbClr val="FFFFFF"/>
          </a:solidFill>
          <a:ln w="13715">
            <a:solidFill>
              <a:srgbClr val="1C334D"/>
            </a:solidFill>
          </a:ln>
        </p:spPr>
        <p:txBody>
          <a:bodyPr vert="horz" wrap="square" lIns="0" tIns="72218" rIns="0" bIns="0" rtlCol="0">
            <a:spAutoFit/>
          </a:bodyPr>
          <a:lstStyle/>
          <a:p>
            <a:pPr>
              <a:spcBef>
                <a:spcPts val="569"/>
              </a:spcBef>
            </a:pPr>
            <a:endParaRPr sz="812">
              <a:latin typeface="Times New Roman"/>
              <a:cs typeface="Times New Roman"/>
            </a:endParaRPr>
          </a:p>
          <a:p>
            <a:pPr marL="84163">
              <a:spcBef>
                <a:spcPts val="4"/>
              </a:spcBef>
            </a:pPr>
            <a:r>
              <a:rPr sz="812" spc="-9" dirty="0">
                <a:latin typeface="ＭＳ Ｐゴシック"/>
                <a:cs typeface="ＭＳ Ｐゴシック"/>
              </a:rPr>
              <a:t>市のニーズの具体化</a:t>
            </a:r>
            <a:endParaRPr sz="812">
              <a:latin typeface="ＭＳ Ｐゴシック"/>
              <a:cs typeface="ＭＳ Ｐゴシック"/>
            </a:endParaRPr>
          </a:p>
        </p:txBody>
      </p:sp>
      <p:grpSp>
        <p:nvGrpSpPr>
          <p:cNvPr id="36" name="object 36"/>
          <p:cNvGrpSpPr/>
          <p:nvPr/>
        </p:nvGrpSpPr>
        <p:grpSpPr>
          <a:xfrm>
            <a:off x="7269154" y="4645847"/>
            <a:ext cx="302447" cy="1579565"/>
            <a:chOff x="8500871" y="5204460"/>
            <a:chExt cx="353695" cy="1847214"/>
          </a:xfrm>
        </p:grpSpPr>
        <p:sp>
          <p:nvSpPr>
            <p:cNvPr id="37" name="object 37"/>
            <p:cNvSpPr/>
            <p:nvPr/>
          </p:nvSpPr>
          <p:spPr>
            <a:xfrm>
              <a:off x="8531351" y="5974080"/>
              <a:ext cx="309880" cy="1064260"/>
            </a:xfrm>
            <a:custGeom>
              <a:avLst/>
              <a:gdLst/>
              <a:ahLst/>
              <a:cxnLst/>
              <a:rect l="l" t="t" r="r" b="b"/>
              <a:pathLst>
                <a:path w="309879" h="1064259">
                  <a:moveTo>
                    <a:pt x="153924" y="1063751"/>
                  </a:moveTo>
                  <a:lnTo>
                    <a:pt x="0" y="908303"/>
                  </a:lnTo>
                  <a:lnTo>
                    <a:pt x="0" y="0"/>
                  </a:lnTo>
                  <a:lnTo>
                    <a:pt x="153924" y="155448"/>
                  </a:lnTo>
                  <a:lnTo>
                    <a:pt x="309371" y="0"/>
                  </a:lnTo>
                  <a:lnTo>
                    <a:pt x="309371" y="908303"/>
                  </a:lnTo>
                  <a:lnTo>
                    <a:pt x="153924" y="1063751"/>
                  </a:lnTo>
                  <a:close/>
                </a:path>
              </a:pathLst>
            </a:custGeom>
            <a:solidFill>
              <a:srgbClr val="4F80BC"/>
            </a:solidFill>
          </p:spPr>
          <p:txBody>
            <a:bodyPr wrap="square" lIns="0" tIns="0" rIns="0" bIns="0" rtlCol="0"/>
            <a:lstStyle/>
            <a:p>
              <a:endParaRPr sz="1749"/>
            </a:p>
          </p:txBody>
        </p:sp>
        <p:sp>
          <p:nvSpPr>
            <p:cNvPr id="38" name="object 38"/>
            <p:cNvSpPr/>
            <p:nvPr/>
          </p:nvSpPr>
          <p:spPr>
            <a:xfrm>
              <a:off x="8531351" y="5974080"/>
              <a:ext cx="309880" cy="1064260"/>
            </a:xfrm>
            <a:custGeom>
              <a:avLst/>
              <a:gdLst/>
              <a:ahLst/>
              <a:cxnLst/>
              <a:rect l="l" t="t" r="r" b="b"/>
              <a:pathLst>
                <a:path w="309879" h="1064259">
                  <a:moveTo>
                    <a:pt x="309371" y="0"/>
                  </a:moveTo>
                  <a:lnTo>
                    <a:pt x="309371" y="908303"/>
                  </a:lnTo>
                  <a:lnTo>
                    <a:pt x="153924" y="1063751"/>
                  </a:lnTo>
                  <a:lnTo>
                    <a:pt x="0" y="908303"/>
                  </a:lnTo>
                  <a:lnTo>
                    <a:pt x="0" y="0"/>
                  </a:lnTo>
                  <a:lnTo>
                    <a:pt x="153924" y="155448"/>
                  </a:lnTo>
                  <a:lnTo>
                    <a:pt x="309371" y="0"/>
                  </a:lnTo>
                  <a:close/>
                </a:path>
              </a:pathLst>
            </a:custGeom>
            <a:ln w="27432">
              <a:solidFill>
                <a:srgbClr val="1C334D"/>
              </a:solidFill>
            </a:ln>
          </p:spPr>
          <p:txBody>
            <a:bodyPr wrap="square" lIns="0" tIns="0" rIns="0" bIns="0" rtlCol="0"/>
            <a:lstStyle/>
            <a:p>
              <a:endParaRPr sz="1749"/>
            </a:p>
          </p:txBody>
        </p:sp>
        <p:sp>
          <p:nvSpPr>
            <p:cNvPr id="39" name="object 39"/>
            <p:cNvSpPr/>
            <p:nvPr/>
          </p:nvSpPr>
          <p:spPr>
            <a:xfrm>
              <a:off x="8514587" y="5218176"/>
              <a:ext cx="312420" cy="708660"/>
            </a:xfrm>
            <a:custGeom>
              <a:avLst/>
              <a:gdLst/>
              <a:ahLst/>
              <a:cxnLst/>
              <a:rect l="l" t="t" r="r" b="b"/>
              <a:pathLst>
                <a:path w="312420" h="708660">
                  <a:moveTo>
                    <a:pt x="155448" y="708659"/>
                  </a:moveTo>
                  <a:lnTo>
                    <a:pt x="0" y="551687"/>
                  </a:lnTo>
                  <a:lnTo>
                    <a:pt x="0" y="0"/>
                  </a:lnTo>
                  <a:lnTo>
                    <a:pt x="312419" y="0"/>
                  </a:lnTo>
                  <a:lnTo>
                    <a:pt x="312419" y="551687"/>
                  </a:lnTo>
                  <a:lnTo>
                    <a:pt x="155448" y="708659"/>
                  </a:lnTo>
                  <a:close/>
                </a:path>
              </a:pathLst>
            </a:custGeom>
            <a:solidFill>
              <a:srgbClr val="4F80BC"/>
            </a:solidFill>
          </p:spPr>
          <p:txBody>
            <a:bodyPr wrap="square" lIns="0" tIns="0" rIns="0" bIns="0" rtlCol="0"/>
            <a:lstStyle/>
            <a:p>
              <a:endParaRPr sz="1749"/>
            </a:p>
          </p:txBody>
        </p:sp>
        <p:sp>
          <p:nvSpPr>
            <p:cNvPr id="40" name="object 40"/>
            <p:cNvSpPr/>
            <p:nvPr/>
          </p:nvSpPr>
          <p:spPr>
            <a:xfrm>
              <a:off x="8514587" y="5218176"/>
              <a:ext cx="312420" cy="708660"/>
            </a:xfrm>
            <a:custGeom>
              <a:avLst/>
              <a:gdLst/>
              <a:ahLst/>
              <a:cxnLst/>
              <a:rect l="l" t="t" r="r" b="b"/>
              <a:pathLst>
                <a:path w="312420" h="708660">
                  <a:moveTo>
                    <a:pt x="312419" y="0"/>
                  </a:moveTo>
                  <a:lnTo>
                    <a:pt x="312419" y="551687"/>
                  </a:lnTo>
                  <a:lnTo>
                    <a:pt x="155448" y="708659"/>
                  </a:lnTo>
                  <a:lnTo>
                    <a:pt x="0" y="551687"/>
                  </a:lnTo>
                  <a:lnTo>
                    <a:pt x="0" y="0"/>
                  </a:lnTo>
                  <a:lnTo>
                    <a:pt x="312419" y="0"/>
                  </a:lnTo>
                  <a:close/>
                </a:path>
              </a:pathLst>
            </a:custGeom>
            <a:ln w="27432">
              <a:solidFill>
                <a:srgbClr val="1C334D"/>
              </a:solidFill>
            </a:ln>
          </p:spPr>
          <p:txBody>
            <a:bodyPr wrap="square" lIns="0" tIns="0" rIns="0" bIns="0" rtlCol="0"/>
            <a:lstStyle/>
            <a:p>
              <a:endParaRPr sz="1749"/>
            </a:p>
          </p:txBody>
        </p:sp>
      </p:grpSp>
      <p:sp>
        <p:nvSpPr>
          <p:cNvPr id="41" name="object 41"/>
          <p:cNvSpPr txBox="1"/>
          <p:nvPr/>
        </p:nvSpPr>
        <p:spPr>
          <a:xfrm>
            <a:off x="7657502" y="5284407"/>
            <a:ext cx="1136484" cy="678688"/>
          </a:xfrm>
          <a:prstGeom prst="rect">
            <a:avLst/>
          </a:prstGeom>
          <a:solidFill>
            <a:srgbClr val="FFFFFF"/>
          </a:solidFill>
          <a:ln w="13715">
            <a:solidFill>
              <a:srgbClr val="1C334D"/>
            </a:solidFill>
          </a:ln>
        </p:spPr>
        <p:txBody>
          <a:bodyPr vert="horz" wrap="square" lIns="0" tIns="43982" rIns="0" bIns="0" rtlCol="0">
            <a:spAutoFit/>
          </a:bodyPr>
          <a:lstStyle/>
          <a:p>
            <a:pPr>
              <a:spcBef>
                <a:spcPts val="346"/>
              </a:spcBef>
            </a:pPr>
            <a:endParaRPr sz="812">
              <a:latin typeface="Times New Roman"/>
              <a:cs typeface="Times New Roman"/>
            </a:endParaRPr>
          </a:p>
          <a:p>
            <a:pPr marL="84163" marR="102624">
              <a:lnSpc>
                <a:spcPct val="102000"/>
              </a:lnSpc>
            </a:pPr>
            <a:r>
              <a:rPr sz="812" spc="-9" dirty="0">
                <a:latin typeface="ＭＳ Ｐゴシック"/>
                <a:cs typeface="ＭＳ Ｐゴシック"/>
              </a:rPr>
              <a:t>システム改善と合わせた日常点検等の運用改善への助言・検</a:t>
            </a:r>
            <a:r>
              <a:rPr sz="812" spc="-43" dirty="0">
                <a:latin typeface="ＭＳ Ｐゴシック"/>
                <a:cs typeface="ＭＳ Ｐゴシック"/>
              </a:rPr>
              <a:t>証</a:t>
            </a:r>
            <a:endParaRPr sz="812">
              <a:latin typeface="ＭＳ Ｐゴシック"/>
              <a:cs typeface="ＭＳ Ｐゴシック"/>
            </a:endParaRPr>
          </a:p>
        </p:txBody>
      </p:sp>
      <p:sp>
        <p:nvSpPr>
          <p:cNvPr id="42" name="object 42"/>
          <p:cNvSpPr txBox="1"/>
          <p:nvPr/>
        </p:nvSpPr>
        <p:spPr>
          <a:xfrm>
            <a:off x="7196176" y="4527257"/>
            <a:ext cx="1719115" cy="1294906"/>
          </a:xfrm>
          <a:prstGeom prst="rect">
            <a:avLst/>
          </a:prstGeom>
        </p:spPr>
        <p:txBody>
          <a:bodyPr vert="horz" wrap="square" lIns="0" tIns="0" rIns="0" bIns="0" rtlCol="0">
            <a:spAutoFit/>
          </a:bodyPr>
          <a:lstStyle/>
          <a:p>
            <a:pPr>
              <a:lnSpc>
                <a:spcPct val="100000"/>
              </a:lnSpc>
            </a:pPr>
            <a:endParaRPr sz="898">
              <a:latin typeface="Times New Roman"/>
              <a:cs typeface="Times New Roman"/>
            </a:endParaRPr>
          </a:p>
          <a:p>
            <a:pPr>
              <a:spcBef>
                <a:spcPts val="13"/>
              </a:spcBef>
            </a:pPr>
            <a:endParaRPr sz="898">
              <a:latin typeface="Times New Roman"/>
              <a:cs typeface="Times New Roman"/>
            </a:endParaRPr>
          </a:p>
          <a:p>
            <a:pPr marL="195476"/>
            <a:r>
              <a:rPr sz="898" spc="-43" dirty="0">
                <a:solidFill>
                  <a:srgbClr val="FFFFFF"/>
                </a:solidFill>
                <a:latin typeface="ＭＳ Ｐゴシック"/>
                <a:cs typeface="ＭＳ Ｐゴシック"/>
              </a:rPr>
              <a:t>R</a:t>
            </a:r>
            <a:endParaRPr sz="898">
              <a:latin typeface="ＭＳ Ｐゴシック"/>
              <a:cs typeface="ＭＳ Ｐゴシック"/>
            </a:endParaRPr>
          </a:p>
          <a:p>
            <a:pPr marL="191132">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a:p>
            <a:pPr>
              <a:lnSpc>
                <a:spcPct val="100000"/>
              </a:lnSpc>
            </a:pP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389"/>
              </a:spcBef>
            </a:pPr>
            <a:endParaRPr sz="898">
              <a:latin typeface="ＭＳ Ｐゴシック"/>
              <a:cs typeface="ＭＳ Ｐゴシック"/>
            </a:endParaRPr>
          </a:p>
          <a:p>
            <a:pPr marL="193847"/>
            <a:r>
              <a:rPr sz="898" spc="-43" dirty="0">
                <a:solidFill>
                  <a:srgbClr val="FFFFFF"/>
                </a:solidFill>
                <a:latin typeface="ＭＳ Ｐゴシック"/>
                <a:cs typeface="ＭＳ Ｐゴシック"/>
              </a:rPr>
              <a:t>R</a:t>
            </a:r>
            <a:endParaRPr sz="898">
              <a:latin typeface="ＭＳ Ｐゴシック"/>
              <a:cs typeface="ＭＳ Ｐゴシック"/>
            </a:endParaRPr>
          </a:p>
          <a:p>
            <a:pPr marL="190046">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43" name="object 43"/>
          <p:cNvSpPr txBox="1"/>
          <p:nvPr/>
        </p:nvSpPr>
        <p:spPr>
          <a:xfrm>
            <a:off x="5087626" y="4537682"/>
            <a:ext cx="1906991" cy="1250699"/>
          </a:xfrm>
          <a:prstGeom prst="rect">
            <a:avLst/>
          </a:prstGeom>
        </p:spPr>
        <p:txBody>
          <a:bodyPr vert="horz" wrap="square" lIns="0" tIns="80363" rIns="0" bIns="0" rtlCol="0">
            <a:spAutoFit/>
          </a:bodyPr>
          <a:lstStyle/>
          <a:p>
            <a:pPr>
              <a:spcBef>
                <a:spcPts val="633"/>
              </a:spcBef>
            </a:pPr>
            <a:endParaRPr sz="898">
              <a:latin typeface="Times New Roman"/>
              <a:cs typeface="Times New Roman"/>
            </a:endParaRPr>
          </a:p>
          <a:p>
            <a:pPr marL="205793"/>
            <a:r>
              <a:rPr sz="898" spc="-43" dirty="0">
                <a:solidFill>
                  <a:srgbClr val="FFFFFF"/>
                </a:solidFill>
                <a:latin typeface="ＭＳ Ｐゴシック"/>
                <a:cs typeface="ＭＳ Ｐゴシック"/>
              </a:rPr>
              <a:t>R</a:t>
            </a:r>
            <a:endParaRPr sz="898">
              <a:latin typeface="ＭＳ Ｐゴシック"/>
              <a:cs typeface="ＭＳ Ｐゴシック"/>
            </a:endParaRPr>
          </a:p>
          <a:p>
            <a:pPr marL="201992">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a:p>
            <a:pPr>
              <a:lnSpc>
                <a:spcPct val="100000"/>
              </a:lnSpc>
            </a:pP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462"/>
              </a:spcBef>
            </a:pPr>
            <a:endParaRPr sz="898">
              <a:latin typeface="ＭＳ Ｐゴシック"/>
              <a:cs typeface="ＭＳ Ｐゴシック"/>
            </a:endParaRPr>
          </a:p>
          <a:p>
            <a:pPr marL="205793"/>
            <a:r>
              <a:rPr sz="898" spc="-43" dirty="0">
                <a:solidFill>
                  <a:srgbClr val="FFFFFF"/>
                </a:solidFill>
                <a:latin typeface="ＭＳ Ｐゴシック"/>
                <a:cs typeface="ＭＳ Ｐゴシック"/>
              </a:rPr>
              <a:t>R</a:t>
            </a:r>
            <a:endParaRPr sz="898">
              <a:latin typeface="ＭＳ Ｐゴシック"/>
              <a:cs typeface="ＭＳ Ｐゴシック"/>
            </a:endParaRPr>
          </a:p>
          <a:p>
            <a:pPr marL="201992">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44" name="object 44"/>
          <p:cNvSpPr txBox="1"/>
          <p:nvPr/>
        </p:nvSpPr>
        <p:spPr>
          <a:xfrm>
            <a:off x="1959554" y="846554"/>
            <a:ext cx="1880926" cy="209489"/>
          </a:xfrm>
          <a:prstGeom prst="rect">
            <a:avLst/>
          </a:prstGeom>
        </p:spPr>
        <p:txBody>
          <a:bodyPr vert="horz" wrap="square" lIns="0" tIns="11946" rIns="0" bIns="0" rtlCol="0">
            <a:spAutoFit/>
          </a:bodyPr>
          <a:lstStyle/>
          <a:p>
            <a:pPr marL="10860">
              <a:spcBef>
                <a:spcPts val="94"/>
              </a:spcBef>
            </a:pPr>
            <a:r>
              <a:rPr sz="1283" spc="-9" dirty="0">
                <a:latin typeface="ＭＳ Ｐゴシック"/>
                <a:cs typeface="ＭＳ Ｐゴシック"/>
              </a:rPr>
              <a:t>支援対象：舗装</a:t>
            </a:r>
            <a:endParaRPr sz="1283" dirty="0">
              <a:latin typeface="ＭＳ Ｐゴシック"/>
              <a:cs typeface="ＭＳ Ｐゴシック"/>
            </a:endParaRPr>
          </a:p>
        </p:txBody>
      </p:sp>
      <p:sp>
        <p:nvSpPr>
          <p:cNvPr id="45" name="object 45"/>
          <p:cNvSpPr txBox="1"/>
          <p:nvPr/>
        </p:nvSpPr>
        <p:spPr>
          <a:xfrm>
            <a:off x="250211" y="821005"/>
            <a:ext cx="1484542" cy="239096"/>
          </a:xfrm>
          <a:prstGeom prst="rect">
            <a:avLst/>
          </a:prstGeom>
          <a:ln w="13715">
            <a:solidFill>
              <a:srgbClr val="000000"/>
            </a:solidFill>
          </a:ln>
        </p:spPr>
        <p:txBody>
          <a:bodyPr vert="horz" wrap="square" lIns="0" tIns="41267" rIns="0" bIns="0" rtlCol="0">
            <a:spAutoFit/>
          </a:bodyPr>
          <a:lstStyle/>
          <a:p>
            <a:pPr marL="176471">
              <a:spcBef>
                <a:spcPts val="325"/>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46" name="object 46"/>
          <p:cNvSpPr txBox="1"/>
          <p:nvPr/>
        </p:nvSpPr>
        <p:spPr>
          <a:xfrm>
            <a:off x="8941029" y="6292310"/>
            <a:ext cx="115657" cy="237487"/>
          </a:xfrm>
          <a:prstGeom prst="rect">
            <a:avLst/>
          </a:prstGeom>
        </p:spPr>
        <p:txBody>
          <a:bodyPr vert="horz" wrap="square" lIns="0" tIns="13575" rIns="0" bIns="0" rtlCol="0">
            <a:spAutoFit/>
          </a:bodyPr>
          <a:lstStyle/>
          <a:p>
            <a:pPr marL="10860">
              <a:spcBef>
                <a:spcPts val="107"/>
              </a:spcBef>
            </a:pPr>
            <a:r>
              <a:rPr sz="1454" spc="-43" dirty="0">
                <a:latin typeface="ＭＳ Ｐゴシック"/>
                <a:cs typeface="ＭＳ Ｐゴシック"/>
              </a:rPr>
              <a:t>9</a:t>
            </a:r>
            <a:endParaRPr sz="1454">
              <a:latin typeface="ＭＳ Ｐゴシック"/>
              <a:cs typeface="ＭＳ Ｐゴシック"/>
            </a:endParaRPr>
          </a:p>
        </p:txBody>
      </p:sp>
      <p:sp>
        <p:nvSpPr>
          <p:cNvPr id="47" name="object 47"/>
          <p:cNvSpPr txBox="1"/>
          <p:nvPr/>
        </p:nvSpPr>
        <p:spPr>
          <a:xfrm>
            <a:off x="5126721" y="2272750"/>
            <a:ext cx="1974322" cy="239645"/>
          </a:xfrm>
          <a:prstGeom prst="rect">
            <a:avLst/>
          </a:prstGeom>
          <a:solidFill>
            <a:srgbClr val="B6DDE8"/>
          </a:solidFill>
          <a:ln w="10667">
            <a:solidFill>
              <a:srgbClr val="00AFEF"/>
            </a:solidFill>
          </a:ln>
        </p:spPr>
        <p:txBody>
          <a:bodyPr vert="horz" wrap="square" lIns="0" tIns="41810" rIns="0" bIns="0" rtlCol="0">
            <a:spAutoFit/>
          </a:bodyPr>
          <a:lstStyle/>
          <a:p>
            <a:pPr marL="134118">
              <a:spcBef>
                <a:spcPts val="329"/>
              </a:spcBef>
            </a:pPr>
            <a:r>
              <a:rPr sz="1283" spc="-9" dirty="0">
                <a:latin typeface="ＭＳ Ｐゴシック"/>
                <a:cs typeface="ＭＳ Ｐゴシック"/>
              </a:rPr>
              <a:t>具体な検討スケジュール</a:t>
            </a:r>
            <a:endParaRPr sz="1283">
              <a:latin typeface="ＭＳ Ｐゴシック"/>
              <a:cs typeface="ＭＳ Ｐゴシック"/>
            </a:endParaRPr>
          </a:p>
        </p:txBody>
      </p:sp>
      <p:pic>
        <p:nvPicPr>
          <p:cNvPr id="48" name="object 48"/>
          <p:cNvPicPr/>
          <p:nvPr/>
        </p:nvPicPr>
        <p:blipFill>
          <a:blip r:embed="rId6" cstate="print"/>
          <a:stretch>
            <a:fillRect/>
          </a:stretch>
        </p:blipFill>
        <p:spPr>
          <a:xfrm>
            <a:off x="3427371" y="2584212"/>
            <a:ext cx="1481718" cy="1046456"/>
          </a:xfrm>
          <a:prstGeom prst="rect">
            <a:avLst/>
          </a:prstGeom>
        </p:spPr>
      </p:pic>
      <p:graphicFrame>
        <p:nvGraphicFramePr>
          <p:cNvPr id="49" name="object 49"/>
          <p:cNvGraphicFramePr>
            <a:graphicFrameLocks noGrp="1"/>
          </p:cNvGraphicFramePr>
          <p:nvPr/>
        </p:nvGraphicFramePr>
        <p:xfrm>
          <a:off x="3421506" y="2578347"/>
          <a:ext cx="1481827" cy="1098698"/>
        </p:xfrm>
        <a:graphic>
          <a:graphicData uri="http://schemas.openxmlformats.org/drawingml/2006/table">
            <a:tbl>
              <a:tblPr firstRow="1" bandRow="1">
                <a:tableStyleId>{2D5ABB26-0587-4C30-8999-92F81FD0307C}</a:tableStyleId>
              </a:tblPr>
              <a:tblGrid>
                <a:gridCol w="768878">
                  <a:extLst>
                    <a:ext uri="{9D8B030D-6E8A-4147-A177-3AD203B41FA5}">
                      <a16:colId xmlns:a16="http://schemas.microsoft.com/office/drawing/2014/main" val="20000"/>
                    </a:ext>
                  </a:extLst>
                </a:gridCol>
                <a:gridCol w="712949">
                  <a:extLst>
                    <a:ext uri="{9D8B030D-6E8A-4147-A177-3AD203B41FA5}">
                      <a16:colId xmlns:a16="http://schemas.microsoft.com/office/drawing/2014/main" val="20001"/>
                    </a:ext>
                  </a:extLst>
                </a:gridCol>
              </a:tblGrid>
              <a:tr h="163984">
                <a:tc>
                  <a:txBody>
                    <a:bodyPr/>
                    <a:lstStyle/>
                    <a:p>
                      <a:pPr marL="2540" algn="ctr">
                        <a:lnSpc>
                          <a:spcPct val="100000"/>
                        </a:lnSpc>
                        <a:spcBef>
                          <a:spcPts val="355"/>
                        </a:spcBef>
                      </a:pPr>
                      <a:r>
                        <a:rPr sz="600" spc="-25" dirty="0">
                          <a:solidFill>
                            <a:srgbClr val="FFFFFF"/>
                          </a:solidFill>
                          <a:latin typeface="ＭＳ Ｐゴシック"/>
                          <a:cs typeface="ＭＳ Ｐゴシック"/>
                        </a:rPr>
                        <a:t>技術名</a:t>
                      </a:r>
                      <a:endParaRPr sz="600">
                        <a:latin typeface="ＭＳ Ｐゴシック"/>
                        <a:cs typeface="ＭＳ Ｐゴシック"/>
                      </a:endParaRPr>
                    </a:p>
                  </a:txBody>
                  <a:tcPr marL="0" marR="0" marT="3855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355"/>
                        </a:spcBef>
                      </a:pPr>
                      <a:r>
                        <a:rPr sz="600" spc="-20" dirty="0">
                          <a:solidFill>
                            <a:srgbClr val="FFFFFF"/>
                          </a:solidFill>
                          <a:latin typeface="ＭＳ Ｐゴシック"/>
                          <a:cs typeface="ＭＳ Ｐゴシック"/>
                        </a:rPr>
                        <a:t>提供会社</a:t>
                      </a:r>
                      <a:endParaRPr sz="600">
                        <a:latin typeface="ＭＳ Ｐゴシック"/>
                        <a:cs typeface="ＭＳ Ｐゴシック"/>
                      </a:endParaRPr>
                    </a:p>
                  </a:txBody>
                  <a:tcPr marL="0" marR="0" marT="3855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0"/>
                  </a:ext>
                </a:extLst>
              </a:tr>
              <a:tr h="174301">
                <a:tc>
                  <a:txBody>
                    <a:bodyPr/>
                    <a:lstStyle/>
                    <a:p>
                      <a:pPr marL="1270" algn="ctr">
                        <a:lnSpc>
                          <a:spcPct val="100000"/>
                        </a:lnSpc>
                        <a:spcBef>
                          <a:spcPts val="405"/>
                        </a:spcBef>
                      </a:pPr>
                      <a:r>
                        <a:rPr sz="600" spc="-10" dirty="0">
                          <a:latin typeface="Arial"/>
                          <a:cs typeface="Arial"/>
                        </a:rPr>
                        <a:t>GLOCAL</a:t>
                      </a:r>
                      <a:r>
                        <a:rPr sz="600" spc="-10" dirty="0">
                          <a:latin typeface="HG教科書体"/>
                          <a:cs typeface="HG教科書体"/>
                        </a:rPr>
                        <a:t>‐</a:t>
                      </a:r>
                      <a:r>
                        <a:rPr sz="600" spc="-10" dirty="0">
                          <a:latin typeface="Arial"/>
                          <a:cs typeface="Arial"/>
                        </a:rPr>
                        <a:t>EYEZ</a:t>
                      </a:r>
                      <a:endParaRPr sz="600">
                        <a:latin typeface="Arial"/>
                        <a:cs typeface="Arial"/>
                      </a:endParaRPr>
                    </a:p>
                  </a:txBody>
                  <a:tcPr marL="0" marR="0" marT="4398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05"/>
                        </a:spcBef>
                      </a:pPr>
                      <a:r>
                        <a:rPr sz="600" spc="-20" dirty="0">
                          <a:latin typeface="ＭＳ Ｐゴシック"/>
                          <a:cs typeface="ＭＳ Ｐゴシック"/>
                        </a:rPr>
                        <a:t>ニチレキ株式会社</a:t>
                      </a:r>
                      <a:endParaRPr sz="600">
                        <a:latin typeface="ＭＳ Ｐゴシック"/>
                        <a:cs typeface="ＭＳ Ｐゴシック"/>
                      </a:endParaRPr>
                    </a:p>
                  </a:txBody>
                  <a:tcPr marL="0" marR="0" marT="4398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1"/>
                  </a:ext>
                </a:extLst>
              </a:tr>
              <a:tr h="174301">
                <a:tc>
                  <a:txBody>
                    <a:bodyPr/>
                    <a:lstStyle/>
                    <a:p>
                      <a:pPr marL="1270" algn="ctr">
                        <a:lnSpc>
                          <a:spcPct val="100000"/>
                        </a:lnSpc>
                        <a:spcBef>
                          <a:spcPts val="405"/>
                        </a:spcBef>
                      </a:pPr>
                      <a:r>
                        <a:rPr sz="600" dirty="0">
                          <a:latin typeface="Arial"/>
                          <a:cs typeface="Arial"/>
                        </a:rPr>
                        <a:t>MWD</a:t>
                      </a:r>
                      <a:r>
                        <a:rPr sz="600" spc="-25" dirty="0">
                          <a:latin typeface="Arial"/>
                          <a:cs typeface="Arial"/>
                        </a:rPr>
                        <a:t> </a:t>
                      </a:r>
                      <a:r>
                        <a:rPr sz="600" spc="-20" dirty="0">
                          <a:latin typeface="Arial"/>
                          <a:cs typeface="Arial"/>
                        </a:rPr>
                        <a:t>plus</a:t>
                      </a:r>
                      <a:endParaRPr sz="600">
                        <a:latin typeface="Arial"/>
                        <a:cs typeface="Arial"/>
                      </a:endParaRPr>
                    </a:p>
                  </a:txBody>
                  <a:tcPr marL="0" marR="0" marT="4398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405"/>
                        </a:spcBef>
                      </a:pPr>
                      <a:r>
                        <a:rPr sz="600" spc="-15" dirty="0">
                          <a:latin typeface="ＭＳ Ｐゴシック"/>
                          <a:cs typeface="ＭＳ Ｐゴシック"/>
                        </a:rPr>
                        <a:t>東亜道路工業株式会社</a:t>
                      </a:r>
                      <a:endParaRPr sz="600">
                        <a:latin typeface="ＭＳ Ｐゴシック"/>
                        <a:cs typeface="ＭＳ Ｐゴシック"/>
                      </a:endParaRPr>
                    </a:p>
                  </a:txBody>
                  <a:tcPr marL="0" marR="0" marT="43982"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2"/>
                  </a:ext>
                </a:extLst>
              </a:tr>
              <a:tr h="183531">
                <a:tc>
                  <a:txBody>
                    <a:bodyPr/>
                    <a:lstStyle/>
                    <a:p>
                      <a:pPr algn="ctr">
                        <a:lnSpc>
                          <a:spcPct val="100000"/>
                        </a:lnSpc>
                        <a:spcBef>
                          <a:spcPts val="440"/>
                        </a:spcBef>
                      </a:pPr>
                      <a:r>
                        <a:rPr sz="600" spc="-20" dirty="0">
                          <a:latin typeface="ＭＳ Ｐゴシック"/>
                          <a:cs typeface="ＭＳ Ｐゴシック"/>
                        </a:rPr>
                        <a:t>路面性状測定システム</a:t>
                      </a:r>
                      <a:endParaRPr sz="600">
                        <a:latin typeface="ＭＳ Ｐゴシック"/>
                        <a:cs typeface="ＭＳ Ｐゴシック"/>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635" algn="ctr">
                        <a:lnSpc>
                          <a:spcPct val="100000"/>
                        </a:lnSpc>
                        <a:spcBef>
                          <a:spcPts val="440"/>
                        </a:spcBef>
                      </a:pPr>
                      <a:r>
                        <a:rPr sz="600" spc="-15" dirty="0">
                          <a:latin typeface="ＭＳ Ｐゴシック"/>
                          <a:cs typeface="ＭＳ Ｐゴシック"/>
                        </a:rPr>
                        <a:t>株式会社</a:t>
                      </a:r>
                      <a:r>
                        <a:rPr sz="600" spc="-10" dirty="0">
                          <a:latin typeface="Arial"/>
                          <a:cs typeface="Arial"/>
                        </a:rPr>
                        <a:t>NIPPO</a:t>
                      </a:r>
                      <a:endParaRPr sz="600">
                        <a:latin typeface="Arial"/>
                        <a:cs typeface="Arial"/>
                      </a:endParaRPr>
                    </a:p>
                  </a:txBody>
                  <a:tcPr marL="0" marR="0" marT="47783"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3"/>
                  </a:ext>
                </a:extLst>
              </a:tr>
              <a:tr h="143350">
                <a:tc>
                  <a:txBody>
                    <a:bodyPr/>
                    <a:lstStyle/>
                    <a:p>
                      <a:pPr marL="2540" algn="ctr">
                        <a:lnSpc>
                          <a:spcPct val="100000"/>
                        </a:lnSpc>
                        <a:spcBef>
                          <a:spcPts val="260"/>
                        </a:spcBef>
                      </a:pPr>
                      <a:r>
                        <a:rPr sz="600" spc="-10" dirty="0">
                          <a:latin typeface="Arial"/>
                          <a:cs typeface="Arial"/>
                        </a:rPr>
                        <a:t>Real-Dimension</a:t>
                      </a:r>
                      <a:endParaRPr sz="600">
                        <a:latin typeface="Arial"/>
                        <a:cs typeface="Arial"/>
                      </a:endParaRPr>
                    </a:p>
                  </a:txBody>
                  <a:tcPr marL="0" marR="0" marT="28236"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1270" algn="ctr">
                        <a:lnSpc>
                          <a:spcPct val="100000"/>
                        </a:lnSpc>
                        <a:spcBef>
                          <a:spcPts val="260"/>
                        </a:spcBef>
                      </a:pPr>
                      <a:r>
                        <a:rPr sz="600" spc="-20" dirty="0">
                          <a:latin typeface="ＭＳ Ｐゴシック"/>
                          <a:cs typeface="ＭＳ Ｐゴシック"/>
                        </a:rPr>
                        <a:t>株式会社パスコ</a:t>
                      </a:r>
                      <a:endParaRPr sz="600">
                        <a:latin typeface="ＭＳ Ｐゴシック"/>
                        <a:cs typeface="ＭＳ Ｐゴシック"/>
                      </a:endParaRPr>
                    </a:p>
                  </a:txBody>
                  <a:tcPr marL="0" marR="0" marT="28236"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4"/>
                  </a:ext>
                </a:extLst>
              </a:tr>
              <a:tr h="205794">
                <a:tc>
                  <a:txBody>
                    <a:bodyPr/>
                    <a:lstStyle/>
                    <a:p>
                      <a:pPr marL="318135" indent="-311150">
                        <a:lnSpc>
                          <a:spcPts val="740"/>
                        </a:lnSpc>
                        <a:spcBef>
                          <a:spcPts val="259"/>
                        </a:spcBef>
                      </a:pPr>
                      <a:r>
                        <a:rPr sz="600" spc="-15" dirty="0">
                          <a:latin typeface="ＭＳ Ｐゴシック"/>
                          <a:cs typeface="ＭＳ Ｐゴシック"/>
                        </a:rPr>
                        <a:t>車両搭載型路面横断プロ</a:t>
                      </a:r>
                      <a:r>
                        <a:rPr sz="600" spc="-25" dirty="0">
                          <a:latin typeface="ＭＳ Ｐゴシック"/>
                          <a:cs typeface="ＭＳ Ｐゴシック"/>
                        </a:rPr>
                        <a:t>ファイラ</a:t>
                      </a:r>
                      <a:endParaRPr sz="600">
                        <a:latin typeface="ＭＳ Ｐゴシック"/>
                        <a:cs typeface="ＭＳ Ｐゴシック"/>
                      </a:endParaRPr>
                    </a:p>
                  </a:txBody>
                  <a:tcPr marL="0" marR="0" marT="28235"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tc>
                  <a:txBody>
                    <a:bodyPr/>
                    <a:lstStyle/>
                    <a:p>
                      <a:pPr marL="2540" algn="ctr">
                        <a:lnSpc>
                          <a:spcPct val="100000"/>
                        </a:lnSpc>
                        <a:spcBef>
                          <a:spcPts val="550"/>
                        </a:spcBef>
                      </a:pPr>
                      <a:r>
                        <a:rPr sz="600" spc="-20" dirty="0">
                          <a:latin typeface="ＭＳ Ｐゴシック"/>
                          <a:cs typeface="ＭＳ Ｐゴシック"/>
                        </a:rPr>
                        <a:t>株式会社トノックス</a:t>
                      </a:r>
                      <a:endParaRPr sz="600">
                        <a:latin typeface="ＭＳ Ｐゴシック"/>
                        <a:cs typeface="ＭＳ Ｐゴシック"/>
                      </a:endParaRPr>
                    </a:p>
                  </a:txBody>
                  <a:tcPr marL="0" marR="0" marT="59729" marB="0">
                    <a:lnL w="19050">
                      <a:solidFill>
                        <a:srgbClr val="000000"/>
                      </a:solidFill>
                      <a:prstDash val="solid"/>
                    </a:lnL>
                    <a:lnR w="19050">
                      <a:solidFill>
                        <a:srgbClr val="000000"/>
                      </a:solidFill>
                      <a:prstDash val="solid"/>
                    </a:lnR>
                    <a:lnT w="19050">
                      <a:solidFill>
                        <a:srgbClr val="000000"/>
                      </a:solidFill>
                      <a:prstDash val="solid"/>
                    </a:lnT>
                    <a:lnB w="19050">
                      <a:solidFill>
                        <a:srgbClr val="000000"/>
                      </a:solidFill>
                      <a:prstDash val="solid"/>
                    </a:lnB>
                  </a:tcPr>
                </a:tc>
                <a:extLst>
                  <a:ext uri="{0D108BD9-81ED-4DB2-BD59-A6C34878D82A}">
                    <a16:rowId xmlns:a16="http://schemas.microsoft.com/office/drawing/2014/main" val="10005"/>
                  </a:ext>
                </a:extLst>
              </a:tr>
            </a:tbl>
          </a:graphicData>
        </a:graphic>
      </p:graphicFrame>
      <p:sp>
        <p:nvSpPr>
          <p:cNvPr id="50" name="object 50"/>
          <p:cNvSpPr txBox="1"/>
          <p:nvPr/>
        </p:nvSpPr>
        <p:spPr>
          <a:xfrm>
            <a:off x="3672115" y="2374116"/>
            <a:ext cx="1077298" cy="138130"/>
          </a:xfrm>
          <a:prstGeom prst="rect">
            <a:avLst/>
          </a:prstGeom>
        </p:spPr>
        <p:txBody>
          <a:bodyPr vert="horz" wrap="square" lIns="0" tIns="13032" rIns="0" bIns="0" rtlCol="0">
            <a:spAutoFit/>
          </a:bodyPr>
          <a:lstStyle/>
          <a:p>
            <a:pPr marL="10860">
              <a:spcBef>
                <a:spcPts val="103"/>
              </a:spcBef>
            </a:pPr>
            <a:r>
              <a:rPr sz="812" spc="-4" dirty="0">
                <a:latin typeface="ＭＳ Ｐゴシック"/>
                <a:cs typeface="ＭＳ Ｐゴシック"/>
              </a:rPr>
              <a:t>＜一覧表記載技術例＞</a:t>
            </a:r>
            <a:endParaRPr sz="812">
              <a:latin typeface="ＭＳ Ｐゴシック"/>
              <a:cs typeface="ＭＳ Ｐゴシック"/>
            </a:endParaRPr>
          </a:p>
        </p:txBody>
      </p:sp>
    </p:spTree>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0" y="263244"/>
            <a:ext cx="9143457" cy="504440"/>
            <a:chOff x="0" y="79248"/>
            <a:chExt cx="10692765" cy="589915"/>
          </a:xfrm>
        </p:grpSpPr>
        <p:pic>
          <p:nvPicPr>
            <p:cNvPr id="3" name="object 3"/>
            <p:cNvPicPr/>
            <p:nvPr/>
          </p:nvPicPr>
          <p:blipFill>
            <a:blip r:embed="rId2" cstate="print"/>
            <a:stretch>
              <a:fillRect/>
            </a:stretch>
          </p:blipFill>
          <p:spPr>
            <a:xfrm>
              <a:off x="0" y="594360"/>
              <a:ext cx="10692384" cy="74675"/>
            </a:xfrm>
            <a:prstGeom prst="rect">
              <a:avLst/>
            </a:prstGeom>
          </p:spPr>
        </p:pic>
        <p:pic>
          <p:nvPicPr>
            <p:cNvPr id="4" name="object 4"/>
            <p:cNvPicPr/>
            <p:nvPr/>
          </p:nvPicPr>
          <p:blipFill>
            <a:blip r:embed="rId3" cstate="print"/>
            <a:stretch>
              <a:fillRect/>
            </a:stretch>
          </p:blipFill>
          <p:spPr>
            <a:xfrm>
              <a:off x="7158228" y="79248"/>
              <a:ext cx="3534156" cy="545591"/>
            </a:xfrm>
            <a:prstGeom prst="rect">
              <a:avLst/>
            </a:prstGeom>
          </p:spPr>
        </p:pic>
        <p:pic>
          <p:nvPicPr>
            <p:cNvPr id="5" name="object 5"/>
            <p:cNvPicPr/>
            <p:nvPr/>
          </p:nvPicPr>
          <p:blipFill>
            <a:blip r:embed="rId4" cstate="print"/>
            <a:stretch>
              <a:fillRect/>
            </a:stretch>
          </p:blipFill>
          <p:spPr>
            <a:xfrm>
              <a:off x="1937004" y="79248"/>
              <a:ext cx="5335523" cy="545591"/>
            </a:xfrm>
            <a:prstGeom prst="rect">
              <a:avLst/>
            </a:prstGeom>
          </p:spPr>
        </p:pic>
        <p:pic>
          <p:nvPicPr>
            <p:cNvPr id="6" name="object 6"/>
            <p:cNvPicPr/>
            <p:nvPr/>
          </p:nvPicPr>
          <p:blipFill>
            <a:blip r:embed="rId5" cstate="print"/>
            <a:stretch>
              <a:fillRect/>
            </a:stretch>
          </p:blipFill>
          <p:spPr>
            <a:xfrm>
              <a:off x="0" y="79248"/>
              <a:ext cx="3325367" cy="545591"/>
            </a:xfrm>
            <a:prstGeom prst="rect">
              <a:avLst/>
            </a:prstGeom>
          </p:spPr>
        </p:pic>
      </p:grpSp>
      <p:sp>
        <p:nvSpPr>
          <p:cNvPr id="7" name="object 7"/>
          <p:cNvSpPr txBox="1">
            <a:spLocks noGrp="1"/>
          </p:cNvSpPr>
          <p:nvPr>
            <p:ph type="title"/>
          </p:nvPr>
        </p:nvSpPr>
        <p:spPr>
          <a:xfrm>
            <a:off x="74906" y="352850"/>
            <a:ext cx="8040095"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京都府大山崎町</a:t>
            </a:r>
            <a:r>
              <a:rPr spc="-9" dirty="0"/>
              <a:t>）</a:t>
            </a:r>
            <a:r>
              <a:rPr spc="-38" dirty="0"/>
              <a:t>新技術導入による日常点検の効率化、職員の負担軽減の仕組みの構築</a:t>
            </a:r>
          </a:p>
        </p:txBody>
      </p:sp>
      <p:sp>
        <p:nvSpPr>
          <p:cNvPr id="8" name="object 8"/>
          <p:cNvSpPr txBox="1"/>
          <p:nvPr/>
        </p:nvSpPr>
        <p:spPr>
          <a:xfrm>
            <a:off x="250210" y="1150710"/>
            <a:ext cx="8625985" cy="839880"/>
          </a:xfrm>
          <a:prstGeom prst="rect">
            <a:avLst/>
          </a:prstGeom>
          <a:ln w="13715">
            <a:solidFill>
              <a:srgbClr val="000000"/>
            </a:solidFill>
          </a:ln>
        </p:spPr>
        <p:txBody>
          <a:bodyPr vert="horz" wrap="square" lIns="0" tIns="165070" rIns="0" bIns="0" rtlCol="0">
            <a:spAutoFit/>
          </a:bodyPr>
          <a:lstStyle/>
          <a:p>
            <a:pPr marL="248146" indent="-163983">
              <a:spcBef>
                <a:spcPts val="1300"/>
              </a:spcBef>
              <a:buSzPct val="93333"/>
              <a:buChar char="○"/>
              <a:tabLst>
                <a:tab pos="248146" algn="l"/>
              </a:tabLst>
            </a:pPr>
            <a:r>
              <a:rPr sz="1283" spc="-17" dirty="0">
                <a:latin typeface="ＭＳ Ｐゴシック"/>
                <a:cs typeface="ＭＳ Ｐゴシック"/>
              </a:rPr>
              <a:t>新技術導入による日常的なインフラ管理の効率化及び継続的に職員がノウハウを継承できる仕組みを検討。</a:t>
            </a:r>
            <a:endParaRPr sz="1283">
              <a:latin typeface="ＭＳ Ｐゴシック"/>
              <a:cs typeface="ＭＳ Ｐゴシック"/>
            </a:endParaRPr>
          </a:p>
          <a:p>
            <a:pPr marL="248146" marR="151494" indent="-163983">
              <a:lnSpc>
                <a:spcPct val="100699"/>
              </a:lnSpc>
              <a:spcBef>
                <a:spcPts val="556"/>
              </a:spcBef>
              <a:buSzPct val="93333"/>
              <a:buChar char="○"/>
              <a:tabLst>
                <a:tab pos="249775" algn="l"/>
              </a:tabLst>
            </a:pPr>
            <a:r>
              <a:rPr sz="1283" spc="-13" dirty="0">
                <a:latin typeface="ＭＳ Ｐゴシック"/>
                <a:cs typeface="ＭＳ Ｐゴシック"/>
              </a:rPr>
              <a:t>令和６年度中に職員の技術継承の仕組みを検討。また、複数の新技術の試行を実施し、国費による助成制度も活用しな	がら、令和７年度に新技術を導入し、職員の技術継承の仕組み運用を目指す。</a:t>
            </a:r>
            <a:endParaRPr sz="1283">
              <a:latin typeface="ＭＳ Ｐゴシック"/>
              <a:cs typeface="ＭＳ Ｐゴシック"/>
            </a:endParaRPr>
          </a:p>
        </p:txBody>
      </p:sp>
      <p:sp>
        <p:nvSpPr>
          <p:cNvPr id="9" name="object 9"/>
          <p:cNvSpPr/>
          <p:nvPr/>
        </p:nvSpPr>
        <p:spPr>
          <a:xfrm>
            <a:off x="125105" y="4889542"/>
            <a:ext cx="4670825" cy="1535584"/>
          </a:xfrm>
          <a:custGeom>
            <a:avLst/>
            <a:gdLst/>
            <a:ahLst/>
            <a:cxnLst/>
            <a:rect l="l" t="t" r="r" b="b"/>
            <a:pathLst>
              <a:path w="5462270" h="1795779">
                <a:moveTo>
                  <a:pt x="5462015" y="1795271"/>
                </a:moveTo>
                <a:lnTo>
                  <a:pt x="0" y="1795271"/>
                </a:lnTo>
                <a:lnTo>
                  <a:pt x="0" y="0"/>
                </a:lnTo>
                <a:lnTo>
                  <a:pt x="5462015" y="0"/>
                </a:lnTo>
                <a:lnTo>
                  <a:pt x="5462015" y="1795271"/>
                </a:lnTo>
                <a:close/>
              </a:path>
            </a:pathLst>
          </a:custGeom>
          <a:solidFill>
            <a:srgbClr val="DBE6F2"/>
          </a:solidFill>
        </p:spPr>
        <p:txBody>
          <a:bodyPr wrap="square" lIns="0" tIns="0" rIns="0" bIns="0" rtlCol="0"/>
          <a:lstStyle/>
          <a:p>
            <a:endParaRPr sz="1749"/>
          </a:p>
        </p:txBody>
      </p:sp>
      <p:sp>
        <p:nvSpPr>
          <p:cNvPr id="10" name="object 10"/>
          <p:cNvSpPr txBox="1"/>
          <p:nvPr/>
        </p:nvSpPr>
        <p:spPr>
          <a:xfrm>
            <a:off x="303641" y="3304872"/>
            <a:ext cx="1624092" cy="238000"/>
          </a:xfrm>
          <a:prstGeom prst="rect">
            <a:avLst/>
          </a:prstGeom>
          <a:solidFill>
            <a:srgbClr val="B6DDE8"/>
          </a:solidFill>
          <a:ln w="10667">
            <a:solidFill>
              <a:srgbClr val="00AFEF"/>
            </a:solidFill>
          </a:ln>
        </p:spPr>
        <p:txBody>
          <a:bodyPr vert="horz" wrap="square" lIns="0" tIns="40181" rIns="0" bIns="0" rtlCol="0">
            <a:spAutoFit/>
          </a:bodyPr>
          <a:lstStyle/>
          <a:p>
            <a:pPr marL="153666">
              <a:spcBef>
                <a:spcPts val="316"/>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11" name="object 11"/>
          <p:cNvSpPr txBox="1"/>
          <p:nvPr/>
        </p:nvSpPr>
        <p:spPr>
          <a:xfrm>
            <a:off x="291519" y="3619205"/>
            <a:ext cx="4178873" cy="1591405"/>
          </a:xfrm>
          <a:prstGeom prst="rect">
            <a:avLst/>
          </a:prstGeom>
        </p:spPr>
        <p:txBody>
          <a:bodyPr vert="horz" wrap="square" lIns="0" tIns="80906" rIns="0" bIns="0" rtlCol="0">
            <a:spAutoFit/>
          </a:bodyPr>
          <a:lstStyle/>
          <a:p>
            <a:pPr marL="151494" indent="-141177">
              <a:spcBef>
                <a:spcPts val="637"/>
              </a:spcBef>
              <a:buSzPct val="92307"/>
              <a:buChar char="○"/>
              <a:tabLst>
                <a:tab pos="151494" algn="l"/>
              </a:tabLst>
            </a:pPr>
            <a:r>
              <a:rPr sz="1112" spc="-30" dirty="0">
                <a:latin typeface="ＭＳ Ｐゴシック"/>
                <a:cs typeface="ＭＳ Ｐゴシック"/>
              </a:rPr>
              <a:t>アドバイザーから活用可能性のある新技術を提示。</a:t>
            </a:r>
            <a:endParaRPr sz="1112">
              <a:latin typeface="ＭＳ Ｐゴシック"/>
              <a:cs typeface="ＭＳ Ｐゴシック"/>
            </a:endParaRPr>
          </a:p>
          <a:p>
            <a:pPr marL="104797">
              <a:spcBef>
                <a:spcPts val="556"/>
              </a:spcBef>
            </a:pPr>
            <a:r>
              <a:rPr sz="1112" spc="-26" dirty="0">
                <a:latin typeface="ＭＳ Ｐゴシック"/>
                <a:cs typeface="ＭＳ Ｐゴシック"/>
              </a:rPr>
              <a:t>・日常、点検時に使えるモバイルツール</a:t>
            </a:r>
            <a:r>
              <a:rPr sz="1112" dirty="0">
                <a:latin typeface="ＭＳ Ｐゴシック"/>
                <a:cs typeface="ＭＳ Ｐゴシック"/>
              </a:rPr>
              <a:t>（OPTiM</a:t>
            </a:r>
            <a:r>
              <a:rPr sz="1112" spc="34" dirty="0">
                <a:latin typeface="ＭＳ Ｐゴシック"/>
                <a:cs typeface="ＭＳ Ｐゴシック"/>
              </a:rPr>
              <a:t> </a:t>
            </a:r>
            <a:r>
              <a:rPr sz="1112" dirty="0">
                <a:latin typeface="ＭＳ Ｐゴシック"/>
                <a:cs typeface="ＭＳ Ｐゴシック"/>
              </a:rPr>
              <a:t>Geo</a:t>
            </a:r>
            <a:r>
              <a:rPr sz="1112" spc="43" dirty="0">
                <a:latin typeface="ＭＳ Ｐゴシック"/>
                <a:cs typeface="ＭＳ Ｐゴシック"/>
              </a:rPr>
              <a:t> </a:t>
            </a:r>
            <a:r>
              <a:rPr sz="1112" spc="-9" dirty="0">
                <a:latin typeface="ＭＳ Ｐゴシック"/>
                <a:cs typeface="ＭＳ Ｐゴシック"/>
              </a:rPr>
              <a:t>Scan</a:t>
            </a:r>
            <a:r>
              <a:rPr sz="1112" spc="-21" dirty="0">
                <a:latin typeface="ＭＳ Ｐゴシック"/>
                <a:cs typeface="ＭＳ Ｐゴシック"/>
              </a:rPr>
              <a:t>、</a:t>
            </a:r>
            <a:r>
              <a:rPr sz="1112" spc="-9" dirty="0">
                <a:latin typeface="ＭＳ Ｐゴシック"/>
                <a:cs typeface="ＭＳ Ｐゴシック"/>
              </a:rPr>
              <a:t>Pix4D</a:t>
            </a:r>
            <a:r>
              <a:rPr sz="1112" spc="-17" dirty="0">
                <a:latin typeface="ＭＳ Ｐゴシック"/>
                <a:cs typeface="ＭＳ Ｐゴシック"/>
              </a:rPr>
              <a:t>等</a:t>
            </a:r>
            <a:r>
              <a:rPr sz="1112" spc="-43" dirty="0">
                <a:latin typeface="ＭＳ Ｐゴシック"/>
                <a:cs typeface="ＭＳ Ｐゴシック"/>
              </a:rPr>
              <a:t>）</a:t>
            </a:r>
            <a:endParaRPr sz="1112">
              <a:latin typeface="ＭＳ Ｐゴシック"/>
              <a:cs typeface="ＭＳ Ｐゴシック"/>
            </a:endParaRPr>
          </a:p>
          <a:p>
            <a:pPr marL="104797">
              <a:lnSpc>
                <a:spcPts val="1325"/>
              </a:lnSpc>
              <a:spcBef>
                <a:spcPts val="4"/>
              </a:spcBef>
            </a:pPr>
            <a:r>
              <a:rPr sz="1112" spc="-26" dirty="0">
                <a:latin typeface="ＭＳ Ｐゴシック"/>
                <a:cs typeface="ＭＳ Ｐゴシック"/>
              </a:rPr>
              <a:t>・自動でチェックを行う画像</a:t>
            </a:r>
            <a:r>
              <a:rPr sz="1112" spc="-9" dirty="0">
                <a:latin typeface="ＭＳ Ｐゴシック"/>
                <a:cs typeface="ＭＳ Ｐゴシック"/>
              </a:rPr>
              <a:t>AI</a:t>
            </a:r>
            <a:r>
              <a:rPr sz="1112" spc="-21" dirty="0">
                <a:latin typeface="ＭＳ Ｐゴシック"/>
                <a:cs typeface="ＭＳ Ｐゴシック"/>
              </a:rPr>
              <a:t>ツール</a:t>
            </a:r>
            <a:r>
              <a:rPr sz="1112" spc="-9" dirty="0">
                <a:latin typeface="ＭＳ Ｐゴシック"/>
                <a:cs typeface="ＭＳ Ｐゴシック"/>
              </a:rPr>
              <a:t>（</a:t>
            </a:r>
            <a:r>
              <a:rPr sz="1112" spc="-17" dirty="0">
                <a:latin typeface="ＭＳ Ｐゴシック"/>
                <a:cs typeface="ＭＳ Ｐゴシック"/>
              </a:rPr>
              <a:t>ひびみっけ等</a:t>
            </a:r>
            <a:r>
              <a:rPr sz="1112" spc="-43" dirty="0">
                <a:latin typeface="ＭＳ Ｐゴシック"/>
                <a:cs typeface="ＭＳ Ｐゴシック"/>
              </a:rPr>
              <a:t>）</a:t>
            </a:r>
            <a:endParaRPr sz="1112">
              <a:latin typeface="ＭＳ Ｐゴシック"/>
              <a:cs typeface="ＭＳ Ｐゴシック"/>
            </a:endParaRPr>
          </a:p>
          <a:p>
            <a:pPr marL="104797">
              <a:lnSpc>
                <a:spcPts val="1325"/>
              </a:lnSpc>
            </a:pPr>
            <a:r>
              <a:rPr sz="1112" spc="-30" dirty="0">
                <a:latin typeface="ＭＳ Ｐゴシック"/>
                <a:cs typeface="ＭＳ Ｐゴシック"/>
              </a:rPr>
              <a:t>・データを活用するためのプラットフォーム</a:t>
            </a:r>
            <a:r>
              <a:rPr sz="1112" spc="-9" dirty="0">
                <a:latin typeface="ＭＳ Ｐゴシック"/>
                <a:cs typeface="ＭＳ Ｐゴシック"/>
              </a:rPr>
              <a:t>（</a:t>
            </a:r>
            <a:r>
              <a:rPr sz="1112" spc="-21" dirty="0">
                <a:latin typeface="ＭＳ Ｐゴシック"/>
                <a:cs typeface="ＭＳ Ｐゴシック"/>
              </a:rPr>
              <a:t>長寿郎、</a:t>
            </a:r>
            <a:r>
              <a:rPr sz="1112" spc="-9" dirty="0">
                <a:latin typeface="ＭＳ Ｐゴシック"/>
                <a:cs typeface="ＭＳ Ｐゴシック"/>
              </a:rPr>
              <a:t>BMSS</a:t>
            </a:r>
            <a:r>
              <a:rPr sz="1112" spc="-17" dirty="0">
                <a:latin typeface="ＭＳ Ｐゴシック"/>
                <a:cs typeface="ＭＳ Ｐゴシック"/>
              </a:rPr>
              <a:t>等</a:t>
            </a:r>
            <a:r>
              <a:rPr sz="1112" spc="-43" dirty="0">
                <a:latin typeface="ＭＳ Ｐゴシック"/>
                <a:cs typeface="ＭＳ Ｐゴシック"/>
              </a:rPr>
              <a:t>）</a:t>
            </a:r>
            <a:endParaRPr sz="1112">
              <a:latin typeface="ＭＳ Ｐゴシック"/>
              <a:cs typeface="ＭＳ Ｐゴシック"/>
            </a:endParaRPr>
          </a:p>
          <a:p>
            <a:pPr marL="151494" indent="-141177">
              <a:spcBef>
                <a:spcPts val="556"/>
              </a:spcBef>
              <a:buSzPct val="92307"/>
              <a:buChar char="○"/>
              <a:tabLst>
                <a:tab pos="151494" algn="l"/>
              </a:tabLst>
            </a:pPr>
            <a:r>
              <a:rPr sz="1112" spc="-30" dirty="0">
                <a:latin typeface="ＭＳ Ｐゴシック"/>
                <a:cs typeface="ＭＳ Ｐゴシック"/>
              </a:rPr>
              <a:t>町職員による試行などを行ったうえで、導入する新技術を選定予定。</a:t>
            </a:r>
            <a:endParaRPr sz="1112">
              <a:latin typeface="ＭＳ Ｐゴシック"/>
              <a:cs typeface="ＭＳ Ｐゴシック"/>
            </a:endParaRPr>
          </a:p>
        </p:txBody>
      </p:sp>
      <p:sp>
        <p:nvSpPr>
          <p:cNvPr id="12" name="object 12"/>
          <p:cNvSpPr/>
          <p:nvPr/>
        </p:nvSpPr>
        <p:spPr>
          <a:xfrm>
            <a:off x="4950139" y="2578998"/>
            <a:ext cx="0" cy="4013803"/>
          </a:xfrm>
          <a:custGeom>
            <a:avLst/>
            <a:gdLst/>
            <a:ahLst/>
            <a:cxnLst/>
            <a:rect l="l" t="t" r="r" b="b"/>
            <a:pathLst>
              <a:path h="4693920">
                <a:moveTo>
                  <a:pt x="0" y="0"/>
                </a:moveTo>
                <a:lnTo>
                  <a:pt x="0" y="4693920"/>
                </a:lnTo>
              </a:path>
            </a:pathLst>
          </a:custGeom>
          <a:ln w="13716">
            <a:solidFill>
              <a:srgbClr val="000000"/>
            </a:solidFill>
            <a:prstDash val="sysDash"/>
          </a:ln>
        </p:spPr>
        <p:txBody>
          <a:bodyPr wrap="square" lIns="0" tIns="0" rIns="0" bIns="0" rtlCol="0"/>
          <a:lstStyle/>
          <a:p>
            <a:endParaRPr sz="1749"/>
          </a:p>
        </p:txBody>
      </p:sp>
      <p:sp>
        <p:nvSpPr>
          <p:cNvPr id="13" name="object 13"/>
          <p:cNvSpPr txBox="1"/>
          <p:nvPr/>
        </p:nvSpPr>
        <p:spPr>
          <a:xfrm>
            <a:off x="5093850" y="2694364"/>
            <a:ext cx="3911178" cy="1165478"/>
          </a:xfrm>
          <a:prstGeom prst="rect">
            <a:avLst/>
          </a:prstGeom>
        </p:spPr>
        <p:txBody>
          <a:bodyPr vert="horz" wrap="square" lIns="0" tIns="10317" rIns="0" bIns="0" rtlCol="0">
            <a:spAutoFit/>
          </a:bodyPr>
          <a:lstStyle/>
          <a:p>
            <a:pPr marL="141720" marR="4344" indent="-131946">
              <a:spcBef>
                <a:spcPts val="81"/>
              </a:spcBef>
              <a:buSzPct val="92307"/>
              <a:buChar char="○"/>
              <a:tabLst>
                <a:tab pos="141720" algn="l"/>
                <a:tab pos="150951" algn="l"/>
              </a:tabLst>
            </a:pPr>
            <a:r>
              <a:rPr sz="1112" dirty="0">
                <a:latin typeface="ＭＳ Ｐゴシック"/>
                <a:cs typeface="ＭＳ Ｐゴシック"/>
              </a:rPr>
              <a:t>	</a:t>
            </a:r>
            <a:r>
              <a:rPr sz="1112" spc="-13" dirty="0">
                <a:latin typeface="ＭＳ Ｐゴシック"/>
                <a:cs typeface="ＭＳ Ｐゴシック"/>
              </a:rPr>
              <a:t>令和６年度中に仕組みの検討、複数の新技術</a:t>
            </a:r>
            <a:r>
              <a:rPr sz="1112" spc="-9" dirty="0">
                <a:latin typeface="ＭＳ Ｐゴシック"/>
                <a:cs typeface="ＭＳ Ｐゴシック"/>
              </a:rPr>
              <a:t>（</a:t>
            </a:r>
            <a:r>
              <a:rPr sz="1112" spc="-17" dirty="0">
                <a:latin typeface="ＭＳ Ｐゴシック"/>
                <a:cs typeface="ＭＳ Ｐゴシック"/>
              </a:rPr>
              <a:t>ツール</a:t>
            </a:r>
            <a:r>
              <a:rPr sz="1112" spc="-9" dirty="0">
                <a:latin typeface="ＭＳ Ｐゴシック"/>
                <a:cs typeface="ＭＳ Ｐゴシック"/>
              </a:rPr>
              <a:t>）</a:t>
            </a:r>
            <a:r>
              <a:rPr sz="1112" spc="-17" dirty="0">
                <a:latin typeface="ＭＳ Ｐゴシック"/>
                <a:cs typeface="ＭＳ Ｐゴシック"/>
              </a:rPr>
              <a:t>を試行。並行して令和７年度のデジ田交付金の獲得に向けて夏までに庁内調整を実施。</a:t>
            </a:r>
            <a:endParaRPr sz="1112">
              <a:latin typeface="ＭＳ Ｐゴシック"/>
              <a:cs typeface="ＭＳ Ｐゴシック"/>
            </a:endParaRPr>
          </a:p>
          <a:p>
            <a:pPr marL="141720" marR="105883" indent="-131946">
              <a:spcBef>
                <a:spcPts val="543"/>
              </a:spcBef>
              <a:buSzPct val="92307"/>
              <a:buChar char="○"/>
              <a:tabLst>
                <a:tab pos="141720" algn="l"/>
                <a:tab pos="150951" algn="l"/>
              </a:tabLst>
            </a:pPr>
            <a:r>
              <a:rPr sz="1112" dirty="0">
                <a:latin typeface="ＭＳ Ｐゴシック"/>
                <a:cs typeface="ＭＳ Ｐゴシック"/>
              </a:rPr>
              <a:t>	</a:t>
            </a:r>
            <a:r>
              <a:rPr sz="1112" spc="-26" dirty="0">
                <a:latin typeface="ＭＳ Ｐゴシック"/>
                <a:cs typeface="ＭＳ Ｐゴシック"/>
              </a:rPr>
              <a:t>日常的な作業に使える簡易なツールは令和６年度予算での導入も検討。</a:t>
            </a:r>
            <a:endParaRPr sz="1112">
              <a:latin typeface="ＭＳ Ｐゴシック"/>
              <a:cs typeface="ＭＳ Ｐゴシック"/>
            </a:endParaRPr>
          </a:p>
          <a:p>
            <a:pPr marL="151494" indent="-141177">
              <a:spcBef>
                <a:spcPts val="543"/>
              </a:spcBef>
              <a:buSzPct val="92307"/>
              <a:buChar char="○"/>
              <a:tabLst>
                <a:tab pos="151494" algn="l"/>
              </a:tabLst>
            </a:pPr>
            <a:r>
              <a:rPr sz="1112" spc="-26" dirty="0">
                <a:latin typeface="ＭＳ Ｐゴシック"/>
                <a:cs typeface="ＭＳ Ｐゴシック"/>
              </a:rPr>
              <a:t>令和７年度での新技術の導入、仕組みの運用</a:t>
            </a:r>
            <a:endParaRPr sz="1112">
              <a:latin typeface="ＭＳ Ｐゴシック"/>
              <a:cs typeface="ＭＳ Ｐゴシック"/>
            </a:endParaRPr>
          </a:p>
        </p:txBody>
      </p:sp>
      <p:sp>
        <p:nvSpPr>
          <p:cNvPr id="14" name="object 14"/>
          <p:cNvSpPr txBox="1"/>
          <p:nvPr/>
        </p:nvSpPr>
        <p:spPr>
          <a:xfrm>
            <a:off x="295822" y="2247991"/>
            <a:ext cx="2158397" cy="238000"/>
          </a:xfrm>
          <a:prstGeom prst="rect">
            <a:avLst/>
          </a:prstGeom>
          <a:solidFill>
            <a:srgbClr val="B6DDE8"/>
          </a:solidFill>
          <a:ln w="10667">
            <a:solidFill>
              <a:srgbClr val="00AFEF"/>
            </a:solidFill>
          </a:ln>
        </p:spPr>
        <p:txBody>
          <a:bodyPr vert="horz" wrap="square" lIns="0" tIns="40181" rIns="0" bIns="0" rtlCol="0">
            <a:spAutoFit/>
          </a:bodyPr>
          <a:lstStyle/>
          <a:p>
            <a:pPr marL="110769">
              <a:spcBef>
                <a:spcPts val="316"/>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15" name="object 15"/>
          <p:cNvSpPr txBox="1"/>
          <p:nvPr/>
        </p:nvSpPr>
        <p:spPr>
          <a:xfrm>
            <a:off x="317359" y="2668524"/>
            <a:ext cx="4423763" cy="352691"/>
          </a:xfrm>
          <a:prstGeom prst="rect">
            <a:avLst/>
          </a:prstGeom>
        </p:spPr>
        <p:txBody>
          <a:bodyPr vert="horz" wrap="square" lIns="0" tIns="10317" rIns="0" bIns="0" rtlCol="0">
            <a:spAutoFit/>
          </a:bodyPr>
          <a:lstStyle/>
          <a:p>
            <a:pPr marL="142806" marR="4344" indent="-131946">
              <a:spcBef>
                <a:spcPts val="81"/>
              </a:spcBef>
            </a:pPr>
            <a:r>
              <a:rPr sz="1112" spc="-30" dirty="0">
                <a:latin typeface="ＭＳ Ｐゴシック"/>
                <a:cs typeface="ＭＳ Ｐゴシック"/>
              </a:rPr>
              <a:t>〇アドバイザーから、活用できる新技術を複数紹介し、職員が試行を実施。</a:t>
            </a:r>
            <a:r>
              <a:rPr sz="1112" spc="-26" dirty="0">
                <a:latin typeface="ＭＳ Ｐゴシック"/>
                <a:cs typeface="ＭＳ Ｐゴシック"/>
              </a:rPr>
              <a:t>導入する技術の方向性や町の課題を整理。</a:t>
            </a:r>
            <a:endParaRPr sz="1112">
              <a:latin typeface="ＭＳ Ｐゴシック"/>
              <a:cs typeface="ＭＳ Ｐゴシック"/>
            </a:endParaRPr>
          </a:p>
        </p:txBody>
      </p:sp>
      <p:sp>
        <p:nvSpPr>
          <p:cNvPr id="16" name="object 16"/>
          <p:cNvSpPr txBox="1"/>
          <p:nvPr/>
        </p:nvSpPr>
        <p:spPr>
          <a:xfrm>
            <a:off x="7174769" y="4112247"/>
            <a:ext cx="1826085" cy="352691"/>
          </a:xfrm>
          <a:prstGeom prst="rect">
            <a:avLst/>
          </a:prstGeom>
        </p:spPr>
        <p:txBody>
          <a:bodyPr vert="horz" wrap="square" lIns="0" tIns="10317" rIns="0" bIns="0" rtlCol="0">
            <a:spAutoFit/>
          </a:bodyPr>
          <a:lstStyle/>
          <a:p>
            <a:pPr marL="142806" marR="4344" indent="-131946">
              <a:spcBef>
                <a:spcPts val="81"/>
              </a:spcBef>
            </a:pPr>
            <a:r>
              <a:rPr sz="1112" spc="-21" dirty="0">
                <a:latin typeface="ＭＳ Ｐゴシック"/>
                <a:cs typeface="ＭＳ Ｐゴシック"/>
              </a:rPr>
              <a:t>②職員自立化に向けた持続的</a:t>
            </a:r>
            <a:r>
              <a:rPr sz="1112" spc="-26" dirty="0">
                <a:latin typeface="ＭＳ Ｐゴシック"/>
                <a:cs typeface="ＭＳ Ｐゴシック"/>
              </a:rPr>
              <a:t>な仕組み検討</a:t>
            </a:r>
            <a:endParaRPr sz="1112">
              <a:latin typeface="ＭＳ Ｐゴシック"/>
              <a:cs typeface="ＭＳ Ｐゴシック"/>
            </a:endParaRPr>
          </a:p>
        </p:txBody>
      </p:sp>
      <p:sp>
        <p:nvSpPr>
          <p:cNvPr id="17" name="object 17"/>
          <p:cNvSpPr txBox="1"/>
          <p:nvPr/>
        </p:nvSpPr>
        <p:spPr>
          <a:xfrm>
            <a:off x="5156525" y="4117745"/>
            <a:ext cx="1710971" cy="352691"/>
          </a:xfrm>
          <a:prstGeom prst="rect">
            <a:avLst/>
          </a:prstGeom>
        </p:spPr>
        <p:txBody>
          <a:bodyPr vert="horz" wrap="square" lIns="0" tIns="10317" rIns="0" bIns="0" rtlCol="0">
            <a:spAutoFit/>
          </a:bodyPr>
          <a:lstStyle/>
          <a:p>
            <a:pPr marL="141720" marR="4344" indent="-131403">
              <a:spcBef>
                <a:spcPts val="81"/>
              </a:spcBef>
            </a:pPr>
            <a:r>
              <a:rPr sz="1112" spc="-21" dirty="0">
                <a:latin typeface="ＭＳ Ｐゴシック"/>
                <a:cs typeface="ＭＳ Ｐゴシック"/>
              </a:rPr>
              <a:t>①橋梁点検・診断・修繕検討</a:t>
            </a:r>
            <a:r>
              <a:rPr sz="1112" spc="-26" dirty="0">
                <a:latin typeface="ＭＳ Ｐゴシック"/>
                <a:cs typeface="ＭＳ Ｐゴシック"/>
              </a:rPr>
              <a:t>に有用な新技術導入</a:t>
            </a:r>
            <a:endParaRPr sz="1112">
              <a:latin typeface="ＭＳ Ｐゴシック"/>
              <a:cs typeface="ＭＳ Ｐゴシック"/>
            </a:endParaRPr>
          </a:p>
        </p:txBody>
      </p:sp>
      <p:grpSp>
        <p:nvGrpSpPr>
          <p:cNvPr id="18" name="object 18"/>
          <p:cNvGrpSpPr/>
          <p:nvPr/>
        </p:nvGrpSpPr>
        <p:grpSpPr>
          <a:xfrm>
            <a:off x="5071987" y="4473827"/>
            <a:ext cx="1905362" cy="2043825"/>
            <a:chOff x="5931407" y="5003292"/>
            <a:chExt cx="2228215" cy="2390140"/>
          </a:xfrm>
        </p:grpSpPr>
        <p:sp>
          <p:nvSpPr>
            <p:cNvPr id="19" name="object 19"/>
            <p:cNvSpPr/>
            <p:nvPr/>
          </p:nvSpPr>
          <p:spPr>
            <a:xfrm>
              <a:off x="5931407" y="5003292"/>
              <a:ext cx="2228215" cy="2390140"/>
            </a:xfrm>
            <a:custGeom>
              <a:avLst/>
              <a:gdLst/>
              <a:ahLst/>
              <a:cxnLst/>
              <a:rect l="l" t="t" r="r" b="b"/>
              <a:pathLst>
                <a:path w="2228215" h="2390140">
                  <a:moveTo>
                    <a:pt x="2228088" y="2389631"/>
                  </a:moveTo>
                  <a:lnTo>
                    <a:pt x="0" y="2389631"/>
                  </a:lnTo>
                  <a:lnTo>
                    <a:pt x="0" y="0"/>
                  </a:lnTo>
                  <a:lnTo>
                    <a:pt x="2228088" y="0"/>
                  </a:lnTo>
                  <a:lnTo>
                    <a:pt x="2228088" y="2389631"/>
                  </a:lnTo>
                  <a:close/>
                </a:path>
              </a:pathLst>
            </a:custGeom>
            <a:solidFill>
              <a:srgbClr val="DBE6F2"/>
            </a:solidFill>
          </p:spPr>
          <p:txBody>
            <a:bodyPr wrap="square" lIns="0" tIns="0" rIns="0" bIns="0" rtlCol="0"/>
            <a:lstStyle/>
            <a:p>
              <a:endParaRPr sz="1749"/>
            </a:p>
          </p:txBody>
        </p:sp>
        <p:sp>
          <p:nvSpPr>
            <p:cNvPr id="20" name="object 20"/>
            <p:cNvSpPr/>
            <p:nvPr/>
          </p:nvSpPr>
          <p:spPr>
            <a:xfrm>
              <a:off x="6463283" y="5600700"/>
              <a:ext cx="1597660" cy="441959"/>
            </a:xfrm>
            <a:custGeom>
              <a:avLst/>
              <a:gdLst/>
              <a:ahLst/>
              <a:cxnLst/>
              <a:rect l="l" t="t" r="r" b="b"/>
              <a:pathLst>
                <a:path w="1597659" h="441960">
                  <a:moveTo>
                    <a:pt x="1597151" y="441960"/>
                  </a:moveTo>
                  <a:lnTo>
                    <a:pt x="0" y="441960"/>
                  </a:lnTo>
                  <a:lnTo>
                    <a:pt x="0" y="0"/>
                  </a:lnTo>
                  <a:lnTo>
                    <a:pt x="1597151" y="0"/>
                  </a:lnTo>
                  <a:lnTo>
                    <a:pt x="1597151" y="441960"/>
                  </a:lnTo>
                  <a:close/>
                </a:path>
              </a:pathLst>
            </a:custGeom>
            <a:solidFill>
              <a:srgbClr val="FFFFFF"/>
            </a:solidFill>
          </p:spPr>
          <p:txBody>
            <a:bodyPr wrap="square" lIns="0" tIns="0" rIns="0" bIns="0" rtlCol="0"/>
            <a:lstStyle/>
            <a:p>
              <a:endParaRPr sz="1749"/>
            </a:p>
          </p:txBody>
        </p:sp>
        <p:sp>
          <p:nvSpPr>
            <p:cNvPr id="21" name="object 21"/>
            <p:cNvSpPr/>
            <p:nvPr/>
          </p:nvSpPr>
          <p:spPr>
            <a:xfrm>
              <a:off x="6463283" y="5600700"/>
              <a:ext cx="1597660" cy="441959"/>
            </a:xfrm>
            <a:custGeom>
              <a:avLst/>
              <a:gdLst/>
              <a:ahLst/>
              <a:cxnLst/>
              <a:rect l="l" t="t" r="r" b="b"/>
              <a:pathLst>
                <a:path w="1597659" h="441960">
                  <a:moveTo>
                    <a:pt x="0" y="0"/>
                  </a:moveTo>
                  <a:lnTo>
                    <a:pt x="1597151" y="0"/>
                  </a:lnTo>
                  <a:lnTo>
                    <a:pt x="1597151" y="441960"/>
                  </a:lnTo>
                  <a:lnTo>
                    <a:pt x="0" y="441960"/>
                  </a:lnTo>
                  <a:lnTo>
                    <a:pt x="0" y="0"/>
                  </a:lnTo>
                  <a:close/>
                </a:path>
              </a:pathLst>
            </a:custGeom>
            <a:ln w="13716">
              <a:solidFill>
                <a:srgbClr val="1C334D"/>
              </a:solidFill>
            </a:ln>
          </p:spPr>
          <p:txBody>
            <a:bodyPr wrap="square" lIns="0" tIns="0" rIns="0" bIns="0" rtlCol="0"/>
            <a:lstStyle/>
            <a:p>
              <a:endParaRPr sz="1749"/>
            </a:p>
          </p:txBody>
        </p:sp>
      </p:grpSp>
      <p:sp>
        <p:nvSpPr>
          <p:cNvPr id="22" name="object 22"/>
          <p:cNvSpPr txBox="1"/>
          <p:nvPr/>
        </p:nvSpPr>
        <p:spPr>
          <a:xfrm>
            <a:off x="5610228" y="5102948"/>
            <a:ext cx="961097" cy="138130"/>
          </a:xfrm>
          <a:prstGeom prst="rect">
            <a:avLst/>
          </a:prstGeom>
        </p:spPr>
        <p:txBody>
          <a:bodyPr vert="horz" wrap="square" lIns="0" tIns="13032" rIns="0" bIns="0" rtlCol="0">
            <a:spAutoFit/>
          </a:bodyPr>
          <a:lstStyle/>
          <a:p>
            <a:pPr>
              <a:spcBef>
                <a:spcPts val="103"/>
              </a:spcBef>
            </a:pPr>
            <a:r>
              <a:rPr sz="812" spc="-9" dirty="0">
                <a:latin typeface="ＭＳ Ｐゴシック"/>
                <a:cs typeface="ＭＳ Ｐゴシック"/>
              </a:rPr>
              <a:t>導入技術候補の整理</a:t>
            </a:r>
            <a:endParaRPr sz="812">
              <a:latin typeface="ＭＳ Ｐゴシック"/>
              <a:cs typeface="ＭＳ Ｐゴシック"/>
            </a:endParaRPr>
          </a:p>
        </p:txBody>
      </p:sp>
      <p:grpSp>
        <p:nvGrpSpPr>
          <p:cNvPr id="23" name="object 23"/>
          <p:cNvGrpSpPr/>
          <p:nvPr/>
        </p:nvGrpSpPr>
        <p:grpSpPr>
          <a:xfrm>
            <a:off x="5168205" y="4911479"/>
            <a:ext cx="288872" cy="1043089"/>
            <a:chOff x="6043929" y="5515101"/>
            <a:chExt cx="337820" cy="1219835"/>
          </a:xfrm>
        </p:grpSpPr>
        <p:sp>
          <p:nvSpPr>
            <p:cNvPr id="24" name="object 24"/>
            <p:cNvSpPr/>
            <p:nvPr/>
          </p:nvSpPr>
          <p:spPr>
            <a:xfrm>
              <a:off x="6057899" y="5529071"/>
              <a:ext cx="309880" cy="1191895"/>
            </a:xfrm>
            <a:custGeom>
              <a:avLst/>
              <a:gdLst/>
              <a:ahLst/>
              <a:cxnLst/>
              <a:rect l="l" t="t" r="r" b="b"/>
              <a:pathLst>
                <a:path w="309879" h="1191895">
                  <a:moveTo>
                    <a:pt x="155448" y="1191767"/>
                  </a:moveTo>
                  <a:lnTo>
                    <a:pt x="0" y="1037844"/>
                  </a:lnTo>
                  <a:lnTo>
                    <a:pt x="0" y="0"/>
                  </a:lnTo>
                  <a:lnTo>
                    <a:pt x="155448" y="153924"/>
                  </a:lnTo>
                  <a:lnTo>
                    <a:pt x="309371" y="0"/>
                  </a:lnTo>
                  <a:lnTo>
                    <a:pt x="309371" y="1037844"/>
                  </a:lnTo>
                  <a:lnTo>
                    <a:pt x="155448" y="1191767"/>
                  </a:lnTo>
                  <a:close/>
                </a:path>
              </a:pathLst>
            </a:custGeom>
            <a:solidFill>
              <a:srgbClr val="4F80BC"/>
            </a:solidFill>
          </p:spPr>
          <p:txBody>
            <a:bodyPr wrap="square" lIns="0" tIns="0" rIns="0" bIns="0" rtlCol="0"/>
            <a:lstStyle/>
            <a:p>
              <a:endParaRPr sz="1749"/>
            </a:p>
          </p:txBody>
        </p:sp>
        <p:sp>
          <p:nvSpPr>
            <p:cNvPr id="25" name="object 25"/>
            <p:cNvSpPr/>
            <p:nvPr/>
          </p:nvSpPr>
          <p:spPr>
            <a:xfrm>
              <a:off x="6057899" y="5529071"/>
              <a:ext cx="309880" cy="1191895"/>
            </a:xfrm>
            <a:custGeom>
              <a:avLst/>
              <a:gdLst/>
              <a:ahLst/>
              <a:cxnLst/>
              <a:rect l="l" t="t" r="r" b="b"/>
              <a:pathLst>
                <a:path w="309879" h="1191895">
                  <a:moveTo>
                    <a:pt x="309371" y="0"/>
                  </a:moveTo>
                  <a:lnTo>
                    <a:pt x="309371" y="1037844"/>
                  </a:lnTo>
                  <a:lnTo>
                    <a:pt x="155448" y="1191767"/>
                  </a:lnTo>
                  <a:lnTo>
                    <a:pt x="0" y="1037844"/>
                  </a:lnTo>
                  <a:lnTo>
                    <a:pt x="0" y="0"/>
                  </a:lnTo>
                  <a:lnTo>
                    <a:pt x="155448" y="153924"/>
                  </a:lnTo>
                  <a:lnTo>
                    <a:pt x="309371" y="0"/>
                  </a:lnTo>
                  <a:close/>
                </a:path>
              </a:pathLst>
            </a:custGeom>
            <a:ln w="27431">
              <a:solidFill>
                <a:srgbClr val="1C334D"/>
              </a:solidFill>
            </a:ln>
          </p:spPr>
          <p:txBody>
            <a:bodyPr wrap="square" lIns="0" tIns="0" rIns="0" bIns="0" rtlCol="0"/>
            <a:lstStyle/>
            <a:p>
              <a:endParaRPr sz="1749"/>
            </a:p>
          </p:txBody>
        </p:sp>
      </p:grpSp>
      <p:sp>
        <p:nvSpPr>
          <p:cNvPr id="26" name="object 26"/>
          <p:cNvSpPr txBox="1"/>
          <p:nvPr/>
        </p:nvSpPr>
        <p:spPr>
          <a:xfrm>
            <a:off x="5271483" y="5320489"/>
            <a:ext cx="91223" cy="290614"/>
          </a:xfrm>
          <a:prstGeom prst="rect">
            <a:avLst/>
          </a:prstGeom>
        </p:spPr>
        <p:txBody>
          <a:bodyPr vert="horz" wrap="square" lIns="0" tIns="14118" rIns="0" bIns="0" rtlCol="0">
            <a:spAutoFit/>
          </a:bodyPr>
          <a:lstStyle/>
          <a:p>
            <a:pPr marL="325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27" name="object 27"/>
          <p:cNvSpPr txBox="1"/>
          <p:nvPr/>
        </p:nvSpPr>
        <p:spPr>
          <a:xfrm>
            <a:off x="5518979" y="5898205"/>
            <a:ext cx="1367256" cy="317929"/>
          </a:xfrm>
          <a:prstGeom prst="rect">
            <a:avLst/>
          </a:prstGeom>
          <a:solidFill>
            <a:srgbClr val="FFFFFF"/>
          </a:solidFill>
          <a:ln w="13715">
            <a:solidFill>
              <a:srgbClr val="1C334D"/>
            </a:solidFill>
          </a:ln>
        </p:spPr>
        <p:txBody>
          <a:bodyPr vert="horz" wrap="square" lIns="0" tIns="67331" rIns="0" bIns="0" rtlCol="0">
            <a:spAutoFit/>
          </a:bodyPr>
          <a:lstStyle/>
          <a:p>
            <a:pPr>
              <a:spcBef>
                <a:spcPts val="530"/>
              </a:spcBef>
            </a:pPr>
            <a:endParaRPr sz="812">
              <a:latin typeface="Times New Roman"/>
              <a:cs typeface="Times New Roman"/>
            </a:endParaRPr>
          </a:p>
          <a:p>
            <a:pPr marL="83077"/>
            <a:r>
              <a:rPr sz="812" spc="-9" dirty="0">
                <a:latin typeface="ＭＳ Ｐゴシック"/>
                <a:cs typeface="ＭＳ Ｐゴシック"/>
              </a:rPr>
              <a:t>運用・評価</a:t>
            </a:r>
            <a:endParaRPr sz="812">
              <a:latin typeface="ＭＳ Ｐゴシック"/>
              <a:cs typeface="ＭＳ Ｐゴシック"/>
            </a:endParaRPr>
          </a:p>
        </p:txBody>
      </p:sp>
      <p:grpSp>
        <p:nvGrpSpPr>
          <p:cNvPr id="28" name="object 28"/>
          <p:cNvGrpSpPr/>
          <p:nvPr/>
        </p:nvGrpSpPr>
        <p:grpSpPr>
          <a:xfrm>
            <a:off x="5520825" y="5387901"/>
            <a:ext cx="1378116" cy="424077"/>
            <a:chOff x="6456298" y="6072251"/>
            <a:chExt cx="1611630" cy="495934"/>
          </a:xfrm>
        </p:grpSpPr>
        <p:sp>
          <p:nvSpPr>
            <p:cNvPr id="29" name="object 29"/>
            <p:cNvSpPr/>
            <p:nvPr/>
          </p:nvSpPr>
          <p:spPr>
            <a:xfrm>
              <a:off x="6463283" y="6079236"/>
              <a:ext cx="1597660" cy="481965"/>
            </a:xfrm>
            <a:custGeom>
              <a:avLst/>
              <a:gdLst/>
              <a:ahLst/>
              <a:cxnLst/>
              <a:rect l="l" t="t" r="r" b="b"/>
              <a:pathLst>
                <a:path w="1597659" h="481965">
                  <a:moveTo>
                    <a:pt x="1597151" y="481583"/>
                  </a:moveTo>
                  <a:lnTo>
                    <a:pt x="0" y="481583"/>
                  </a:lnTo>
                  <a:lnTo>
                    <a:pt x="0" y="0"/>
                  </a:lnTo>
                  <a:lnTo>
                    <a:pt x="1597151" y="0"/>
                  </a:lnTo>
                  <a:lnTo>
                    <a:pt x="1597151" y="481583"/>
                  </a:lnTo>
                  <a:close/>
                </a:path>
              </a:pathLst>
            </a:custGeom>
            <a:solidFill>
              <a:srgbClr val="FFFFFF"/>
            </a:solidFill>
          </p:spPr>
          <p:txBody>
            <a:bodyPr wrap="square" lIns="0" tIns="0" rIns="0" bIns="0" rtlCol="0"/>
            <a:lstStyle/>
            <a:p>
              <a:endParaRPr sz="1749"/>
            </a:p>
          </p:txBody>
        </p:sp>
        <p:sp>
          <p:nvSpPr>
            <p:cNvPr id="30" name="object 30"/>
            <p:cNvSpPr/>
            <p:nvPr/>
          </p:nvSpPr>
          <p:spPr>
            <a:xfrm>
              <a:off x="6463283" y="6079236"/>
              <a:ext cx="1597660" cy="481965"/>
            </a:xfrm>
            <a:custGeom>
              <a:avLst/>
              <a:gdLst/>
              <a:ahLst/>
              <a:cxnLst/>
              <a:rect l="l" t="t" r="r" b="b"/>
              <a:pathLst>
                <a:path w="1597659" h="481965">
                  <a:moveTo>
                    <a:pt x="0" y="0"/>
                  </a:moveTo>
                  <a:lnTo>
                    <a:pt x="1597151" y="0"/>
                  </a:lnTo>
                  <a:lnTo>
                    <a:pt x="1597151" y="481583"/>
                  </a:lnTo>
                  <a:lnTo>
                    <a:pt x="0" y="481583"/>
                  </a:lnTo>
                  <a:lnTo>
                    <a:pt x="0" y="0"/>
                  </a:lnTo>
                  <a:close/>
                </a:path>
              </a:pathLst>
            </a:custGeom>
            <a:ln w="13716">
              <a:solidFill>
                <a:srgbClr val="1C334D"/>
              </a:solidFill>
            </a:ln>
          </p:spPr>
          <p:txBody>
            <a:bodyPr wrap="square" lIns="0" tIns="0" rIns="0" bIns="0" rtlCol="0"/>
            <a:lstStyle/>
            <a:p>
              <a:endParaRPr sz="1749"/>
            </a:p>
          </p:txBody>
        </p:sp>
      </p:grpSp>
      <p:sp>
        <p:nvSpPr>
          <p:cNvPr id="31" name="object 31"/>
          <p:cNvSpPr txBox="1"/>
          <p:nvPr/>
        </p:nvSpPr>
        <p:spPr>
          <a:xfrm>
            <a:off x="5610228" y="5528890"/>
            <a:ext cx="856843" cy="263099"/>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技術の試行（複数</a:t>
            </a:r>
            <a:r>
              <a:rPr sz="812" spc="-43" dirty="0">
                <a:latin typeface="ＭＳ Ｐゴシック"/>
                <a:cs typeface="ＭＳ Ｐゴシック"/>
              </a:rPr>
              <a:t>）</a:t>
            </a:r>
            <a:endParaRPr sz="812">
              <a:latin typeface="ＭＳ Ｐゴシック"/>
              <a:cs typeface="ＭＳ Ｐゴシック"/>
            </a:endParaRPr>
          </a:p>
        </p:txBody>
      </p:sp>
      <p:grpSp>
        <p:nvGrpSpPr>
          <p:cNvPr id="32" name="object 32"/>
          <p:cNvGrpSpPr/>
          <p:nvPr/>
        </p:nvGrpSpPr>
        <p:grpSpPr>
          <a:xfrm>
            <a:off x="5166903" y="5888866"/>
            <a:ext cx="288872" cy="595120"/>
            <a:chOff x="6042406" y="6658102"/>
            <a:chExt cx="337820" cy="695960"/>
          </a:xfrm>
        </p:grpSpPr>
        <p:sp>
          <p:nvSpPr>
            <p:cNvPr id="33" name="object 33"/>
            <p:cNvSpPr/>
            <p:nvPr/>
          </p:nvSpPr>
          <p:spPr>
            <a:xfrm>
              <a:off x="6056376" y="6672072"/>
              <a:ext cx="309880" cy="668020"/>
            </a:xfrm>
            <a:custGeom>
              <a:avLst/>
              <a:gdLst/>
              <a:ahLst/>
              <a:cxnLst/>
              <a:rect l="l" t="t" r="r" b="b"/>
              <a:pathLst>
                <a:path w="309879" h="668020">
                  <a:moveTo>
                    <a:pt x="153923" y="667512"/>
                  </a:moveTo>
                  <a:lnTo>
                    <a:pt x="0" y="512064"/>
                  </a:lnTo>
                  <a:lnTo>
                    <a:pt x="0" y="0"/>
                  </a:lnTo>
                  <a:lnTo>
                    <a:pt x="153923" y="155448"/>
                  </a:lnTo>
                  <a:lnTo>
                    <a:pt x="309371" y="0"/>
                  </a:lnTo>
                  <a:lnTo>
                    <a:pt x="309371" y="512064"/>
                  </a:lnTo>
                  <a:lnTo>
                    <a:pt x="153923" y="667512"/>
                  </a:lnTo>
                  <a:close/>
                </a:path>
              </a:pathLst>
            </a:custGeom>
            <a:solidFill>
              <a:srgbClr val="4F80BC"/>
            </a:solidFill>
          </p:spPr>
          <p:txBody>
            <a:bodyPr wrap="square" lIns="0" tIns="0" rIns="0" bIns="0" rtlCol="0"/>
            <a:lstStyle/>
            <a:p>
              <a:endParaRPr sz="1749"/>
            </a:p>
          </p:txBody>
        </p:sp>
        <p:sp>
          <p:nvSpPr>
            <p:cNvPr id="34" name="object 34"/>
            <p:cNvSpPr/>
            <p:nvPr/>
          </p:nvSpPr>
          <p:spPr>
            <a:xfrm>
              <a:off x="6056376" y="6672072"/>
              <a:ext cx="309880" cy="668020"/>
            </a:xfrm>
            <a:custGeom>
              <a:avLst/>
              <a:gdLst/>
              <a:ahLst/>
              <a:cxnLst/>
              <a:rect l="l" t="t" r="r" b="b"/>
              <a:pathLst>
                <a:path w="309879" h="668020">
                  <a:moveTo>
                    <a:pt x="309371" y="0"/>
                  </a:moveTo>
                  <a:lnTo>
                    <a:pt x="309371" y="512064"/>
                  </a:lnTo>
                  <a:lnTo>
                    <a:pt x="153923" y="667512"/>
                  </a:lnTo>
                  <a:lnTo>
                    <a:pt x="0" y="512064"/>
                  </a:lnTo>
                  <a:lnTo>
                    <a:pt x="0" y="0"/>
                  </a:lnTo>
                  <a:lnTo>
                    <a:pt x="153923" y="155448"/>
                  </a:lnTo>
                  <a:lnTo>
                    <a:pt x="309371" y="0"/>
                  </a:lnTo>
                  <a:close/>
                </a:path>
              </a:pathLst>
            </a:custGeom>
            <a:ln w="27432">
              <a:solidFill>
                <a:srgbClr val="1C334D"/>
              </a:solidFill>
            </a:ln>
          </p:spPr>
          <p:txBody>
            <a:bodyPr wrap="square" lIns="0" tIns="0" rIns="0" bIns="0" rtlCol="0"/>
            <a:lstStyle/>
            <a:p>
              <a:endParaRPr sz="1749"/>
            </a:p>
          </p:txBody>
        </p:sp>
      </p:grpSp>
      <p:sp>
        <p:nvSpPr>
          <p:cNvPr id="35" name="object 35"/>
          <p:cNvSpPr txBox="1"/>
          <p:nvPr/>
        </p:nvSpPr>
        <p:spPr>
          <a:xfrm>
            <a:off x="5262321" y="6073690"/>
            <a:ext cx="91223" cy="290614"/>
          </a:xfrm>
          <a:prstGeom prst="rect">
            <a:avLst/>
          </a:prstGeom>
        </p:spPr>
        <p:txBody>
          <a:bodyPr vert="horz" wrap="square" lIns="0" tIns="14118" rIns="0" bIns="0" rtlCol="0">
            <a:spAutoFit/>
          </a:bodyPr>
          <a:lstStyle/>
          <a:p>
            <a:pPr marL="325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sp>
        <p:nvSpPr>
          <p:cNvPr id="36" name="object 36"/>
          <p:cNvSpPr/>
          <p:nvPr/>
        </p:nvSpPr>
        <p:spPr>
          <a:xfrm>
            <a:off x="7112772" y="4473827"/>
            <a:ext cx="1906991" cy="2043825"/>
          </a:xfrm>
          <a:custGeom>
            <a:avLst/>
            <a:gdLst/>
            <a:ahLst/>
            <a:cxnLst/>
            <a:rect l="l" t="t" r="r" b="b"/>
            <a:pathLst>
              <a:path w="2230120" h="2390140">
                <a:moveTo>
                  <a:pt x="2229611" y="2389631"/>
                </a:moveTo>
                <a:lnTo>
                  <a:pt x="0" y="2389631"/>
                </a:lnTo>
                <a:lnTo>
                  <a:pt x="0" y="0"/>
                </a:lnTo>
                <a:lnTo>
                  <a:pt x="2229611" y="0"/>
                </a:lnTo>
                <a:lnTo>
                  <a:pt x="2229611" y="2389631"/>
                </a:lnTo>
                <a:close/>
              </a:path>
            </a:pathLst>
          </a:custGeom>
          <a:solidFill>
            <a:srgbClr val="DBE6F2"/>
          </a:solidFill>
        </p:spPr>
        <p:txBody>
          <a:bodyPr wrap="square" lIns="0" tIns="0" rIns="0" bIns="0" rtlCol="0"/>
          <a:lstStyle/>
          <a:p>
            <a:endParaRPr sz="1749"/>
          </a:p>
        </p:txBody>
      </p:sp>
      <p:sp>
        <p:nvSpPr>
          <p:cNvPr id="37" name="object 37"/>
          <p:cNvSpPr txBox="1"/>
          <p:nvPr/>
        </p:nvSpPr>
        <p:spPr>
          <a:xfrm>
            <a:off x="7550641" y="4978159"/>
            <a:ext cx="1367256" cy="334416"/>
          </a:xfrm>
          <a:prstGeom prst="rect">
            <a:avLst/>
          </a:prstGeom>
          <a:solidFill>
            <a:srgbClr val="FFFFFF"/>
          </a:solidFill>
          <a:ln w="13715">
            <a:solidFill>
              <a:srgbClr val="1C334D"/>
            </a:solidFill>
          </a:ln>
        </p:spPr>
        <p:txBody>
          <a:bodyPr vert="horz" wrap="square" lIns="0" tIns="79277" rIns="0" bIns="0" rtlCol="0">
            <a:spAutoFit/>
          </a:bodyPr>
          <a:lstStyle/>
          <a:p>
            <a:pPr marL="83077" marR="156924">
              <a:lnSpc>
                <a:spcPct val="101899"/>
              </a:lnSpc>
              <a:spcBef>
                <a:spcPts val="624"/>
              </a:spcBef>
            </a:pPr>
            <a:r>
              <a:rPr sz="812" spc="-4" dirty="0">
                <a:latin typeface="ＭＳ Ｐゴシック"/>
                <a:cs typeface="ＭＳ Ｐゴシック"/>
              </a:rPr>
              <a:t>職員による新技術検討に</a:t>
            </a:r>
            <a:r>
              <a:rPr sz="812" spc="-9" dirty="0">
                <a:latin typeface="ＭＳ Ｐゴシック"/>
                <a:cs typeface="ＭＳ Ｐゴシック"/>
              </a:rPr>
              <a:t>必要な仕組みの検討</a:t>
            </a:r>
            <a:endParaRPr sz="812">
              <a:latin typeface="ＭＳ Ｐゴシック"/>
              <a:cs typeface="ＭＳ Ｐゴシック"/>
            </a:endParaRPr>
          </a:p>
        </p:txBody>
      </p:sp>
      <p:grpSp>
        <p:nvGrpSpPr>
          <p:cNvPr id="38" name="object 38"/>
          <p:cNvGrpSpPr/>
          <p:nvPr/>
        </p:nvGrpSpPr>
        <p:grpSpPr>
          <a:xfrm>
            <a:off x="7181623" y="4906267"/>
            <a:ext cx="289958" cy="1044718"/>
            <a:chOff x="8398509" y="5509006"/>
            <a:chExt cx="339090" cy="1221740"/>
          </a:xfrm>
        </p:grpSpPr>
        <p:sp>
          <p:nvSpPr>
            <p:cNvPr id="39" name="object 39"/>
            <p:cNvSpPr/>
            <p:nvPr/>
          </p:nvSpPr>
          <p:spPr>
            <a:xfrm>
              <a:off x="8412479" y="5522976"/>
              <a:ext cx="311150" cy="1193800"/>
            </a:xfrm>
            <a:custGeom>
              <a:avLst/>
              <a:gdLst/>
              <a:ahLst/>
              <a:cxnLst/>
              <a:rect l="l" t="t" r="r" b="b"/>
              <a:pathLst>
                <a:path w="311150" h="1193800">
                  <a:moveTo>
                    <a:pt x="155448" y="1193291"/>
                  </a:moveTo>
                  <a:lnTo>
                    <a:pt x="0" y="1037843"/>
                  </a:lnTo>
                  <a:lnTo>
                    <a:pt x="0" y="0"/>
                  </a:lnTo>
                  <a:lnTo>
                    <a:pt x="155448" y="155447"/>
                  </a:lnTo>
                  <a:lnTo>
                    <a:pt x="310896" y="0"/>
                  </a:lnTo>
                  <a:lnTo>
                    <a:pt x="310896" y="1037843"/>
                  </a:lnTo>
                  <a:lnTo>
                    <a:pt x="155448" y="1193291"/>
                  </a:lnTo>
                  <a:close/>
                </a:path>
              </a:pathLst>
            </a:custGeom>
            <a:solidFill>
              <a:srgbClr val="4F80BC"/>
            </a:solidFill>
          </p:spPr>
          <p:txBody>
            <a:bodyPr wrap="square" lIns="0" tIns="0" rIns="0" bIns="0" rtlCol="0"/>
            <a:lstStyle/>
            <a:p>
              <a:endParaRPr sz="1749"/>
            </a:p>
          </p:txBody>
        </p:sp>
        <p:sp>
          <p:nvSpPr>
            <p:cNvPr id="40" name="object 40"/>
            <p:cNvSpPr/>
            <p:nvPr/>
          </p:nvSpPr>
          <p:spPr>
            <a:xfrm>
              <a:off x="8412479" y="5522976"/>
              <a:ext cx="311150" cy="1193800"/>
            </a:xfrm>
            <a:custGeom>
              <a:avLst/>
              <a:gdLst/>
              <a:ahLst/>
              <a:cxnLst/>
              <a:rect l="l" t="t" r="r" b="b"/>
              <a:pathLst>
                <a:path w="311150" h="1193800">
                  <a:moveTo>
                    <a:pt x="310896" y="0"/>
                  </a:moveTo>
                  <a:lnTo>
                    <a:pt x="310896" y="1037843"/>
                  </a:lnTo>
                  <a:lnTo>
                    <a:pt x="155448" y="1193291"/>
                  </a:lnTo>
                  <a:lnTo>
                    <a:pt x="0" y="1037843"/>
                  </a:lnTo>
                  <a:lnTo>
                    <a:pt x="0" y="0"/>
                  </a:lnTo>
                  <a:lnTo>
                    <a:pt x="155448" y="155447"/>
                  </a:lnTo>
                  <a:lnTo>
                    <a:pt x="310896" y="0"/>
                  </a:lnTo>
                  <a:close/>
                </a:path>
              </a:pathLst>
            </a:custGeom>
            <a:ln w="27432">
              <a:solidFill>
                <a:srgbClr val="1C334D"/>
              </a:solidFill>
            </a:ln>
          </p:spPr>
          <p:txBody>
            <a:bodyPr wrap="square" lIns="0" tIns="0" rIns="0" bIns="0" rtlCol="0"/>
            <a:lstStyle/>
            <a:p>
              <a:endParaRPr sz="1749"/>
            </a:p>
          </p:txBody>
        </p:sp>
      </p:grpSp>
      <p:sp>
        <p:nvSpPr>
          <p:cNvPr id="41" name="object 41"/>
          <p:cNvSpPr txBox="1"/>
          <p:nvPr/>
        </p:nvSpPr>
        <p:spPr>
          <a:xfrm>
            <a:off x="7295136" y="5329652"/>
            <a:ext cx="91223" cy="290614"/>
          </a:xfrm>
          <a:prstGeom prst="rect">
            <a:avLst/>
          </a:prstGeom>
        </p:spPr>
        <p:txBody>
          <a:bodyPr vert="horz" wrap="square" lIns="0" tIns="14118" rIns="0" bIns="0" rtlCol="0">
            <a:spAutoFit/>
          </a:bodyPr>
          <a:lstStyle/>
          <a:p>
            <a:pPr marL="3801">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42" name="object 42"/>
          <p:cNvSpPr txBox="1"/>
          <p:nvPr/>
        </p:nvSpPr>
        <p:spPr>
          <a:xfrm>
            <a:off x="7550641" y="5889083"/>
            <a:ext cx="1367256" cy="317929"/>
          </a:xfrm>
          <a:prstGeom prst="rect">
            <a:avLst/>
          </a:prstGeom>
          <a:solidFill>
            <a:srgbClr val="FFFFFF"/>
          </a:solidFill>
          <a:ln w="13715">
            <a:solidFill>
              <a:srgbClr val="1C334D"/>
            </a:solidFill>
          </a:ln>
        </p:spPr>
        <p:txBody>
          <a:bodyPr vert="horz" wrap="square" lIns="0" tIns="67331" rIns="0" bIns="0" rtlCol="0">
            <a:spAutoFit/>
          </a:bodyPr>
          <a:lstStyle/>
          <a:p>
            <a:pPr>
              <a:spcBef>
                <a:spcPts val="530"/>
              </a:spcBef>
            </a:pPr>
            <a:endParaRPr sz="812">
              <a:latin typeface="Times New Roman"/>
              <a:cs typeface="Times New Roman"/>
            </a:endParaRPr>
          </a:p>
          <a:p>
            <a:pPr marL="83077"/>
            <a:r>
              <a:rPr sz="812" spc="-9" dirty="0">
                <a:latin typeface="ＭＳ Ｐゴシック"/>
                <a:cs typeface="ＭＳ Ｐゴシック"/>
              </a:rPr>
              <a:t>運用・評価</a:t>
            </a:r>
            <a:endParaRPr sz="812">
              <a:latin typeface="ＭＳ Ｐゴシック"/>
              <a:cs typeface="ＭＳ Ｐゴシック"/>
            </a:endParaRPr>
          </a:p>
        </p:txBody>
      </p:sp>
      <p:sp>
        <p:nvSpPr>
          <p:cNvPr id="43" name="object 43"/>
          <p:cNvSpPr txBox="1"/>
          <p:nvPr/>
        </p:nvSpPr>
        <p:spPr>
          <a:xfrm>
            <a:off x="7558461" y="5429061"/>
            <a:ext cx="1367256" cy="315774"/>
          </a:xfrm>
          <a:prstGeom prst="rect">
            <a:avLst/>
          </a:prstGeom>
          <a:solidFill>
            <a:srgbClr val="FFFFFF"/>
          </a:solidFill>
          <a:ln w="13715">
            <a:solidFill>
              <a:srgbClr val="1C334D"/>
            </a:solidFill>
          </a:ln>
        </p:spPr>
        <p:txBody>
          <a:bodyPr vert="horz" wrap="square" lIns="0" tIns="60815" rIns="0" bIns="0" rtlCol="0">
            <a:spAutoFit/>
          </a:bodyPr>
          <a:lstStyle/>
          <a:p>
            <a:pPr marL="83077" marR="170498">
              <a:lnSpc>
                <a:spcPct val="102200"/>
              </a:lnSpc>
              <a:spcBef>
                <a:spcPts val="479"/>
              </a:spcBef>
            </a:pPr>
            <a:r>
              <a:rPr sz="812" spc="-4" dirty="0">
                <a:latin typeface="ＭＳ Ｐゴシック"/>
                <a:cs typeface="ＭＳ Ｐゴシック"/>
              </a:rPr>
              <a:t>職員向けマニュアルの作</a:t>
            </a:r>
            <a:r>
              <a:rPr sz="812" spc="-43" dirty="0">
                <a:latin typeface="ＭＳ Ｐゴシック"/>
                <a:cs typeface="ＭＳ Ｐゴシック"/>
              </a:rPr>
              <a:t>成</a:t>
            </a:r>
            <a:endParaRPr sz="812">
              <a:latin typeface="ＭＳ Ｐゴシック"/>
              <a:cs typeface="ＭＳ Ｐゴシック"/>
            </a:endParaRPr>
          </a:p>
        </p:txBody>
      </p:sp>
      <p:grpSp>
        <p:nvGrpSpPr>
          <p:cNvPr id="44" name="object 44"/>
          <p:cNvGrpSpPr/>
          <p:nvPr/>
        </p:nvGrpSpPr>
        <p:grpSpPr>
          <a:xfrm>
            <a:off x="7182926" y="5901898"/>
            <a:ext cx="288872" cy="595120"/>
            <a:chOff x="8400033" y="6673342"/>
            <a:chExt cx="337820" cy="695960"/>
          </a:xfrm>
        </p:grpSpPr>
        <p:sp>
          <p:nvSpPr>
            <p:cNvPr id="45" name="object 45"/>
            <p:cNvSpPr/>
            <p:nvPr/>
          </p:nvSpPr>
          <p:spPr>
            <a:xfrm>
              <a:off x="8414003" y="6687312"/>
              <a:ext cx="309880" cy="668020"/>
            </a:xfrm>
            <a:custGeom>
              <a:avLst/>
              <a:gdLst/>
              <a:ahLst/>
              <a:cxnLst/>
              <a:rect l="l" t="t" r="r" b="b"/>
              <a:pathLst>
                <a:path w="309879" h="668020">
                  <a:moveTo>
                    <a:pt x="153924" y="667511"/>
                  </a:moveTo>
                  <a:lnTo>
                    <a:pt x="0" y="512064"/>
                  </a:lnTo>
                  <a:lnTo>
                    <a:pt x="0" y="0"/>
                  </a:lnTo>
                  <a:lnTo>
                    <a:pt x="153924" y="155448"/>
                  </a:lnTo>
                  <a:lnTo>
                    <a:pt x="309372" y="0"/>
                  </a:lnTo>
                  <a:lnTo>
                    <a:pt x="309372" y="512064"/>
                  </a:lnTo>
                  <a:lnTo>
                    <a:pt x="153924" y="667511"/>
                  </a:lnTo>
                  <a:close/>
                </a:path>
              </a:pathLst>
            </a:custGeom>
            <a:solidFill>
              <a:srgbClr val="4F80BC"/>
            </a:solidFill>
          </p:spPr>
          <p:txBody>
            <a:bodyPr wrap="square" lIns="0" tIns="0" rIns="0" bIns="0" rtlCol="0"/>
            <a:lstStyle/>
            <a:p>
              <a:endParaRPr sz="1749"/>
            </a:p>
          </p:txBody>
        </p:sp>
        <p:sp>
          <p:nvSpPr>
            <p:cNvPr id="46" name="object 46"/>
            <p:cNvSpPr/>
            <p:nvPr/>
          </p:nvSpPr>
          <p:spPr>
            <a:xfrm>
              <a:off x="8414003" y="6687312"/>
              <a:ext cx="309880" cy="668020"/>
            </a:xfrm>
            <a:custGeom>
              <a:avLst/>
              <a:gdLst/>
              <a:ahLst/>
              <a:cxnLst/>
              <a:rect l="l" t="t" r="r" b="b"/>
              <a:pathLst>
                <a:path w="309879" h="668020">
                  <a:moveTo>
                    <a:pt x="309372" y="0"/>
                  </a:moveTo>
                  <a:lnTo>
                    <a:pt x="309372" y="512064"/>
                  </a:lnTo>
                  <a:lnTo>
                    <a:pt x="153924" y="667511"/>
                  </a:lnTo>
                  <a:lnTo>
                    <a:pt x="0" y="512064"/>
                  </a:lnTo>
                  <a:lnTo>
                    <a:pt x="0" y="0"/>
                  </a:lnTo>
                  <a:lnTo>
                    <a:pt x="153924" y="155448"/>
                  </a:lnTo>
                  <a:lnTo>
                    <a:pt x="309372" y="0"/>
                  </a:lnTo>
                  <a:close/>
                </a:path>
              </a:pathLst>
            </a:custGeom>
            <a:ln w="27432">
              <a:solidFill>
                <a:srgbClr val="1C334D"/>
              </a:solidFill>
            </a:ln>
          </p:spPr>
          <p:txBody>
            <a:bodyPr wrap="square" lIns="0" tIns="0" rIns="0" bIns="0" rtlCol="0"/>
            <a:lstStyle/>
            <a:p>
              <a:endParaRPr sz="1749"/>
            </a:p>
          </p:txBody>
        </p:sp>
      </p:grpSp>
      <p:sp>
        <p:nvSpPr>
          <p:cNvPr id="47" name="object 47"/>
          <p:cNvSpPr txBox="1"/>
          <p:nvPr/>
        </p:nvSpPr>
        <p:spPr>
          <a:xfrm>
            <a:off x="7276810" y="6080104"/>
            <a:ext cx="91223" cy="290614"/>
          </a:xfrm>
          <a:prstGeom prst="rect">
            <a:avLst/>
          </a:prstGeom>
        </p:spPr>
        <p:txBody>
          <a:bodyPr vert="horz" wrap="square" lIns="0" tIns="14118" rIns="0" bIns="0" rtlCol="0">
            <a:spAutoFit/>
          </a:bodyPr>
          <a:lstStyle/>
          <a:p>
            <a:pPr marL="3801">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grpSp>
        <p:nvGrpSpPr>
          <p:cNvPr id="48" name="object 48"/>
          <p:cNvGrpSpPr/>
          <p:nvPr/>
        </p:nvGrpSpPr>
        <p:grpSpPr>
          <a:xfrm>
            <a:off x="7183144" y="4499890"/>
            <a:ext cx="292130" cy="491409"/>
            <a:chOff x="8400288" y="5033771"/>
            <a:chExt cx="341630" cy="574675"/>
          </a:xfrm>
        </p:grpSpPr>
        <p:sp>
          <p:nvSpPr>
            <p:cNvPr id="49" name="object 49"/>
            <p:cNvSpPr/>
            <p:nvPr/>
          </p:nvSpPr>
          <p:spPr>
            <a:xfrm>
              <a:off x="8414004" y="5047487"/>
              <a:ext cx="314325" cy="547370"/>
            </a:xfrm>
            <a:custGeom>
              <a:avLst/>
              <a:gdLst/>
              <a:ahLst/>
              <a:cxnLst/>
              <a:rect l="l" t="t" r="r" b="b"/>
              <a:pathLst>
                <a:path w="314325" h="547370">
                  <a:moveTo>
                    <a:pt x="156972" y="547116"/>
                  </a:moveTo>
                  <a:lnTo>
                    <a:pt x="0" y="390144"/>
                  </a:lnTo>
                  <a:lnTo>
                    <a:pt x="0" y="0"/>
                  </a:lnTo>
                  <a:lnTo>
                    <a:pt x="313944" y="0"/>
                  </a:lnTo>
                  <a:lnTo>
                    <a:pt x="313944" y="390144"/>
                  </a:lnTo>
                  <a:lnTo>
                    <a:pt x="156972" y="547116"/>
                  </a:lnTo>
                  <a:close/>
                </a:path>
              </a:pathLst>
            </a:custGeom>
            <a:solidFill>
              <a:srgbClr val="4F80BC"/>
            </a:solidFill>
          </p:spPr>
          <p:txBody>
            <a:bodyPr wrap="square" lIns="0" tIns="0" rIns="0" bIns="0" rtlCol="0"/>
            <a:lstStyle/>
            <a:p>
              <a:endParaRPr sz="1749"/>
            </a:p>
          </p:txBody>
        </p:sp>
        <p:sp>
          <p:nvSpPr>
            <p:cNvPr id="50" name="object 50"/>
            <p:cNvSpPr/>
            <p:nvPr/>
          </p:nvSpPr>
          <p:spPr>
            <a:xfrm>
              <a:off x="8414004" y="5047487"/>
              <a:ext cx="314325" cy="547370"/>
            </a:xfrm>
            <a:custGeom>
              <a:avLst/>
              <a:gdLst/>
              <a:ahLst/>
              <a:cxnLst/>
              <a:rect l="l" t="t" r="r" b="b"/>
              <a:pathLst>
                <a:path w="314325" h="547370">
                  <a:moveTo>
                    <a:pt x="313944" y="0"/>
                  </a:moveTo>
                  <a:lnTo>
                    <a:pt x="313944" y="390144"/>
                  </a:lnTo>
                  <a:lnTo>
                    <a:pt x="156972" y="547116"/>
                  </a:lnTo>
                  <a:lnTo>
                    <a:pt x="0" y="390144"/>
                  </a:lnTo>
                  <a:lnTo>
                    <a:pt x="0" y="0"/>
                  </a:lnTo>
                  <a:lnTo>
                    <a:pt x="313944" y="0"/>
                  </a:lnTo>
                  <a:close/>
                </a:path>
              </a:pathLst>
            </a:custGeom>
            <a:ln w="27432">
              <a:solidFill>
                <a:srgbClr val="1C334D"/>
              </a:solidFill>
            </a:ln>
          </p:spPr>
          <p:txBody>
            <a:bodyPr wrap="square" lIns="0" tIns="0" rIns="0" bIns="0" rtlCol="0"/>
            <a:lstStyle/>
            <a:p>
              <a:endParaRPr sz="1749"/>
            </a:p>
          </p:txBody>
        </p:sp>
      </p:grpSp>
      <p:sp>
        <p:nvSpPr>
          <p:cNvPr id="51" name="object 51"/>
          <p:cNvSpPr txBox="1"/>
          <p:nvPr/>
        </p:nvSpPr>
        <p:spPr>
          <a:xfrm>
            <a:off x="7284599" y="4570038"/>
            <a:ext cx="91223" cy="290614"/>
          </a:xfrm>
          <a:prstGeom prst="rect">
            <a:avLst/>
          </a:prstGeom>
        </p:spPr>
        <p:txBody>
          <a:bodyPr vert="horz" wrap="square" lIns="0" tIns="14118" rIns="0" bIns="0" rtlCol="0">
            <a:spAutoFit/>
          </a:bodyPr>
          <a:lstStyle/>
          <a:p>
            <a:pPr marL="3801">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p:txBody>
      </p:sp>
      <p:sp>
        <p:nvSpPr>
          <p:cNvPr id="52" name="object 52"/>
          <p:cNvSpPr txBox="1"/>
          <p:nvPr/>
        </p:nvSpPr>
        <p:spPr>
          <a:xfrm>
            <a:off x="7553248" y="4512923"/>
            <a:ext cx="1377573" cy="276807"/>
          </a:xfrm>
          <a:prstGeom prst="rect">
            <a:avLst/>
          </a:prstGeom>
          <a:solidFill>
            <a:srgbClr val="FFFFFF"/>
          </a:solidFill>
          <a:ln w="13715">
            <a:solidFill>
              <a:srgbClr val="1C334D"/>
            </a:solidFill>
          </a:ln>
        </p:spPr>
        <p:txBody>
          <a:bodyPr vert="horz" wrap="square" lIns="0" tIns="26607" rIns="0" bIns="0" rtlCol="0">
            <a:spAutoFit/>
          </a:bodyPr>
          <a:lstStyle/>
          <a:p>
            <a:pPr>
              <a:spcBef>
                <a:spcPts val="209"/>
              </a:spcBef>
            </a:pPr>
            <a:endParaRPr sz="812">
              <a:latin typeface="Times New Roman"/>
              <a:cs typeface="Times New Roman"/>
            </a:endParaRPr>
          </a:p>
          <a:p>
            <a:pPr marL="83077"/>
            <a:r>
              <a:rPr sz="812" spc="-9" dirty="0">
                <a:latin typeface="ＭＳ Ｐゴシック"/>
                <a:cs typeface="ＭＳ Ｐゴシック"/>
              </a:rPr>
              <a:t>課題の整理</a:t>
            </a:r>
            <a:endParaRPr sz="812">
              <a:latin typeface="ＭＳ Ｐゴシック"/>
              <a:cs typeface="ＭＳ Ｐゴシック"/>
            </a:endParaRPr>
          </a:p>
        </p:txBody>
      </p:sp>
      <p:sp>
        <p:nvSpPr>
          <p:cNvPr id="53" name="object 53"/>
          <p:cNvSpPr txBox="1"/>
          <p:nvPr/>
        </p:nvSpPr>
        <p:spPr>
          <a:xfrm>
            <a:off x="5533314" y="4540289"/>
            <a:ext cx="1366170" cy="262550"/>
          </a:xfrm>
          <a:prstGeom prst="rect">
            <a:avLst/>
          </a:prstGeom>
          <a:solidFill>
            <a:srgbClr val="FFFFFF"/>
          </a:solidFill>
          <a:ln w="13715">
            <a:solidFill>
              <a:srgbClr val="1C334D"/>
            </a:solidFill>
          </a:ln>
        </p:spPr>
        <p:txBody>
          <a:bodyPr vert="horz" wrap="square" lIns="0" tIns="12488" rIns="0" bIns="0" rtlCol="0">
            <a:spAutoFit/>
          </a:bodyPr>
          <a:lstStyle/>
          <a:p>
            <a:pPr>
              <a:spcBef>
                <a:spcPts val="97"/>
              </a:spcBef>
            </a:pPr>
            <a:endParaRPr sz="812">
              <a:latin typeface="Times New Roman"/>
              <a:cs typeface="Times New Roman"/>
            </a:endParaRPr>
          </a:p>
          <a:p>
            <a:pPr marL="83077"/>
            <a:r>
              <a:rPr sz="812" spc="-9" dirty="0">
                <a:latin typeface="ＭＳ Ｐゴシック"/>
                <a:cs typeface="ＭＳ Ｐゴシック"/>
              </a:rPr>
              <a:t>課題の整理</a:t>
            </a:r>
            <a:endParaRPr sz="812">
              <a:latin typeface="ＭＳ Ｐゴシック"/>
              <a:cs typeface="ＭＳ Ｐゴシック"/>
            </a:endParaRPr>
          </a:p>
        </p:txBody>
      </p:sp>
      <p:grpSp>
        <p:nvGrpSpPr>
          <p:cNvPr id="54" name="object 54"/>
          <p:cNvGrpSpPr/>
          <p:nvPr/>
        </p:nvGrpSpPr>
        <p:grpSpPr>
          <a:xfrm>
            <a:off x="5164514" y="4532470"/>
            <a:ext cx="292130" cy="458829"/>
            <a:chOff x="6039612" y="5071871"/>
            <a:chExt cx="341630" cy="536575"/>
          </a:xfrm>
        </p:grpSpPr>
        <p:sp>
          <p:nvSpPr>
            <p:cNvPr id="55" name="object 55"/>
            <p:cNvSpPr/>
            <p:nvPr/>
          </p:nvSpPr>
          <p:spPr>
            <a:xfrm>
              <a:off x="6053328" y="5085587"/>
              <a:ext cx="314325" cy="509270"/>
            </a:xfrm>
            <a:custGeom>
              <a:avLst/>
              <a:gdLst/>
              <a:ahLst/>
              <a:cxnLst/>
              <a:rect l="l" t="t" r="r" b="b"/>
              <a:pathLst>
                <a:path w="314325" h="509270">
                  <a:moveTo>
                    <a:pt x="156971" y="509016"/>
                  </a:moveTo>
                  <a:lnTo>
                    <a:pt x="0" y="352044"/>
                  </a:lnTo>
                  <a:lnTo>
                    <a:pt x="0" y="0"/>
                  </a:lnTo>
                  <a:lnTo>
                    <a:pt x="313943" y="0"/>
                  </a:lnTo>
                  <a:lnTo>
                    <a:pt x="313943" y="352044"/>
                  </a:lnTo>
                  <a:lnTo>
                    <a:pt x="156971" y="509016"/>
                  </a:lnTo>
                  <a:close/>
                </a:path>
              </a:pathLst>
            </a:custGeom>
            <a:solidFill>
              <a:srgbClr val="4F80BC"/>
            </a:solidFill>
          </p:spPr>
          <p:txBody>
            <a:bodyPr wrap="square" lIns="0" tIns="0" rIns="0" bIns="0" rtlCol="0"/>
            <a:lstStyle/>
            <a:p>
              <a:endParaRPr sz="1749"/>
            </a:p>
          </p:txBody>
        </p:sp>
        <p:sp>
          <p:nvSpPr>
            <p:cNvPr id="56" name="object 56"/>
            <p:cNvSpPr/>
            <p:nvPr/>
          </p:nvSpPr>
          <p:spPr>
            <a:xfrm>
              <a:off x="6053328" y="5085587"/>
              <a:ext cx="314325" cy="509270"/>
            </a:xfrm>
            <a:custGeom>
              <a:avLst/>
              <a:gdLst/>
              <a:ahLst/>
              <a:cxnLst/>
              <a:rect l="l" t="t" r="r" b="b"/>
              <a:pathLst>
                <a:path w="314325" h="509270">
                  <a:moveTo>
                    <a:pt x="313943" y="0"/>
                  </a:moveTo>
                  <a:lnTo>
                    <a:pt x="313943" y="352044"/>
                  </a:lnTo>
                  <a:lnTo>
                    <a:pt x="156971" y="509016"/>
                  </a:lnTo>
                  <a:lnTo>
                    <a:pt x="0" y="352044"/>
                  </a:lnTo>
                  <a:lnTo>
                    <a:pt x="0" y="0"/>
                  </a:lnTo>
                  <a:lnTo>
                    <a:pt x="313943" y="0"/>
                  </a:lnTo>
                  <a:close/>
                </a:path>
              </a:pathLst>
            </a:custGeom>
            <a:ln w="27432">
              <a:solidFill>
                <a:srgbClr val="1C334D"/>
              </a:solidFill>
            </a:ln>
          </p:spPr>
          <p:txBody>
            <a:bodyPr wrap="square" lIns="0" tIns="0" rIns="0" bIns="0" rtlCol="0"/>
            <a:lstStyle/>
            <a:p>
              <a:endParaRPr sz="1749"/>
            </a:p>
          </p:txBody>
        </p:sp>
      </p:grpSp>
      <p:sp>
        <p:nvSpPr>
          <p:cNvPr id="57" name="object 57"/>
          <p:cNvSpPr txBox="1"/>
          <p:nvPr/>
        </p:nvSpPr>
        <p:spPr>
          <a:xfrm>
            <a:off x="5271483" y="4604857"/>
            <a:ext cx="91223" cy="290614"/>
          </a:xfrm>
          <a:prstGeom prst="rect">
            <a:avLst/>
          </a:prstGeom>
        </p:spPr>
        <p:txBody>
          <a:bodyPr vert="horz" wrap="square" lIns="0" tIns="14118" rIns="0" bIns="0" rtlCol="0">
            <a:spAutoFit/>
          </a:bodyPr>
          <a:lstStyle/>
          <a:p>
            <a:pPr marL="325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a:spcBef>
                <a:spcPts val="34"/>
              </a:spcBef>
            </a:pPr>
            <a:r>
              <a:rPr sz="898" spc="-43" dirty="0">
                <a:solidFill>
                  <a:srgbClr val="FFFFFF"/>
                </a:solidFill>
                <a:latin typeface="ＭＳ Ｐゴシック"/>
                <a:cs typeface="ＭＳ Ｐゴシック"/>
              </a:rPr>
              <a:t>５</a:t>
            </a:r>
            <a:endParaRPr sz="898">
              <a:latin typeface="ＭＳ Ｐゴシック"/>
              <a:cs typeface="ＭＳ Ｐゴシック"/>
            </a:endParaRPr>
          </a:p>
        </p:txBody>
      </p:sp>
      <p:sp>
        <p:nvSpPr>
          <p:cNvPr id="58" name="object 58"/>
          <p:cNvSpPr txBox="1"/>
          <p:nvPr/>
        </p:nvSpPr>
        <p:spPr>
          <a:xfrm>
            <a:off x="8856594" y="6291578"/>
            <a:ext cx="198735" cy="237487"/>
          </a:xfrm>
          <a:prstGeom prst="rect">
            <a:avLst/>
          </a:prstGeom>
        </p:spPr>
        <p:txBody>
          <a:bodyPr vert="horz" wrap="square" lIns="0" tIns="13575" rIns="0" bIns="0" rtlCol="0">
            <a:spAutoFit/>
          </a:bodyPr>
          <a:lstStyle/>
          <a:p>
            <a:pPr>
              <a:spcBef>
                <a:spcPts val="107"/>
              </a:spcBef>
            </a:pPr>
            <a:r>
              <a:rPr sz="1454" spc="-21" dirty="0">
                <a:latin typeface="ＭＳ Ｐゴシック"/>
                <a:cs typeface="ＭＳ Ｐゴシック"/>
              </a:rPr>
              <a:t>10</a:t>
            </a:r>
            <a:endParaRPr sz="1454">
              <a:latin typeface="ＭＳ Ｐゴシック"/>
              <a:cs typeface="ＭＳ Ｐゴシック"/>
            </a:endParaRPr>
          </a:p>
        </p:txBody>
      </p:sp>
      <p:sp>
        <p:nvSpPr>
          <p:cNvPr id="59" name="object 59"/>
          <p:cNvSpPr txBox="1"/>
          <p:nvPr/>
        </p:nvSpPr>
        <p:spPr>
          <a:xfrm>
            <a:off x="1868473" y="845271"/>
            <a:ext cx="1089244" cy="406914"/>
          </a:xfrm>
          <a:prstGeom prst="rect">
            <a:avLst/>
          </a:prstGeom>
        </p:spPr>
        <p:txBody>
          <a:bodyPr vert="horz" wrap="square" lIns="0" tIns="11946" rIns="0" bIns="0" rtlCol="0">
            <a:spAutoFit/>
          </a:bodyPr>
          <a:lstStyle/>
          <a:p>
            <a:pPr marL="10860">
              <a:spcBef>
                <a:spcPts val="94"/>
              </a:spcBef>
            </a:pPr>
            <a:r>
              <a:rPr sz="1283" spc="-9" dirty="0">
                <a:latin typeface="ＭＳ Ｐゴシック"/>
                <a:cs typeface="ＭＳ Ｐゴシック"/>
              </a:rPr>
              <a:t>支援対象：橋梁</a:t>
            </a:r>
            <a:endParaRPr sz="1283">
              <a:latin typeface="ＭＳ Ｐゴシック"/>
              <a:cs typeface="ＭＳ Ｐゴシック"/>
            </a:endParaRPr>
          </a:p>
        </p:txBody>
      </p:sp>
      <p:sp>
        <p:nvSpPr>
          <p:cNvPr id="60" name="object 60"/>
          <p:cNvSpPr txBox="1"/>
          <p:nvPr/>
        </p:nvSpPr>
        <p:spPr>
          <a:xfrm>
            <a:off x="250211" y="821006"/>
            <a:ext cx="1484542" cy="238000"/>
          </a:xfrm>
          <a:prstGeom prst="rect">
            <a:avLst/>
          </a:prstGeom>
          <a:ln w="13715">
            <a:solidFill>
              <a:srgbClr val="000000"/>
            </a:solidFill>
          </a:ln>
        </p:spPr>
        <p:txBody>
          <a:bodyPr vert="horz" wrap="square" lIns="0" tIns="40181" rIns="0" bIns="0" rtlCol="0">
            <a:spAutoFit/>
          </a:bodyPr>
          <a:lstStyle/>
          <a:p>
            <a:pPr marL="175384">
              <a:spcBef>
                <a:spcPts val="316"/>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61" name="object 61"/>
          <p:cNvSpPr txBox="1"/>
          <p:nvPr/>
        </p:nvSpPr>
        <p:spPr>
          <a:xfrm>
            <a:off x="5126721" y="2283176"/>
            <a:ext cx="1974322" cy="239645"/>
          </a:xfrm>
          <a:prstGeom prst="rect">
            <a:avLst/>
          </a:prstGeom>
          <a:solidFill>
            <a:srgbClr val="B6DDE8"/>
          </a:solidFill>
          <a:ln w="10667">
            <a:solidFill>
              <a:srgbClr val="00AFEF"/>
            </a:solidFill>
          </a:ln>
        </p:spPr>
        <p:txBody>
          <a:bodyPr vert="horz" wrap="square" lIns="0" tIns="41810" rIns="0" bIns="0" rtlCol="0">
            <a:spAutoFit/>
          </a:bodyPr>
          <a:lstStyle/>
          <a:p>
            <a:pPr marL="132489">
              <a:spcBef>
                <a:spcPts val="328"/>
              </a:spcBef>
            </a:pPr>
            <a:r>
              <a:rPr sz="1283" spc="-9" dirty="0">
                <a:latin typeface="ＭＳ Ｐゴシック"/>
                <a:cs typeface="ＭＳ Ｐゴシック"/>
              </a:rPr>
              <a:t>具体な検討スケジュール</a:t>
            </a:r>
            <a:endParaRPr sz="1283">
              <a:latin typeface="ＭＳ Ｐゴシック"/>
              <a:cs typeface="ＭＳ Ｐゴシック"/>
            </a:endParaRPr>
          </a:p>
        </p:txBody>
      </p:sp>
      <p:sp>
        <p:nvSpPr>
          <p:cNvPr id="62" name="object 62"/>
          <p:cNvSpPr txBox="1"/>
          <p:nvPr/>
        </p:nvSpPr>
        <p:spPr>
          <a:xfrm>
            <a:off x="327120" y="6186941"/>
            <a:ext cx="1658843" cy="197998"/>
          </a:xfrm>
          <a:prstGeom prst="rect">
            <a:avLst/>
          </a:prstGeom>
        </p:spPr>
        <p:txBody>
          <a:bodyPr vert="horz" wrap="square" lIns="0" tIns="9774" rIns="0" bIns="0" rtlCol="0">
            <a:spAutoFit/>
          </a:bodyPr>
          <a:lstStyle/>
          <a:p>
            <a:pPr marR="4344">
              <a:lnSpc>
                <a:spcPct val="101400"/>
              </a:lnSpc>
              <a:spcBef>
                <a:spcPts val="77"/>
              </a:spcBef>
            </a:pPr>
            <a:r>
              <a:rPr sz="641" dirty="0">
                <a:latin typeface="ＭＳ Ｐゴシック"/>
                <a:cs typeface="ＭＳ Ｐゴシック"/>
              </a:rPr>
              <a:t>出典</a:t>
            </a:r>
            <a:r>
              <a:rPr sz="641" spc="-9" dirty="0">
                <a:latin typeface="ＭＳ Ｐゴシック"/>
                <a:cs typeface="ＭＳ Ｐゴシック"/>
              </a:rPr>
              <a:t>）Pix4D https://</a:t>
            </a:r>
            <a:r>
              <a:rPr sz="641" spc="-9" dirty="0">
                <a:latin typeface="ＭＳ Ｐゴシック"/>
                <a:cs typeface="ＭＳ Ｐゴシック"/>
                <a:hlinkClick r:id="rId6"/>
              </a:rPr>
              <a:t>www.pix4d.com/jp/product/pix4dcatch/</a:t>
            </a:r>
            <a:endParaRPr sz="641">
              <a:latin typeface="ＭＳ Ｐゴシック"/>
              <a:cs typeface="ＭＳ Ｐゴシック"/>
            </a:endParaRPr>
          </a:p>
        </p:txBody>
      </p:sp>
      <p:sp>
        <p:nvSpPr>
          <p:cNvPr id="63" name="object 63"/>
          <p:cNvSpPr txBox="1"/>
          <p:nvPr/>
        </p:nvSpPr>
        <p:spPr>
          <a:xfrm>
            <a:off x="895179" y="4959455"/>
            <a:ext cx="547337" cy="138130"/>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Pix4D</a:t>
            </a:r>
            <a:r>
              <a:rPr sz="812" spc="30" dirty="0">
                <a:latin typeface="ＭＳ Ｐゴシック"/>
                <a:cs typeface="ＭＳ Ｐゴシック"/>
              </a:rPr>
              <a:t> </a:t>
            </a:r>
            <a:r>
              <a:rPr sz="812" spc="-9" dirty="0">
                <a:latin typeface="ＭＳ Ｐゴシック"/>
                <a:cs typeface="ＭＳ Ｐゴシック"/>
              </a:rPr>
              <a:t>catch</a:t>
            </a:r>
            <a:endParaRPr sz="812">
              <a:latin typeface="ＭＳ Ｐゴシック"/>
              <a:cs typeface="ＭＳ Ｐゴシック"/>
            </a:endParaRPr>
          </a:p>
        </p:txBody>
      </p:sp>
      <p:grpSp>
        <p:nvGrpSpPr>
          <p:cNvPr id="64" name="object 64"/>
          <p:cNvGrpSpPr/>
          <p:nvPr/>
        </p:nvGrpSpPr>
        <p:grpSpPr>
          <a:xfrm>
            <a:off x="800154" y="5189273"/>
            <a:ext cx="3588097" cy="1217390"/>
            <a:chOff x="935736" y="5839967"/>
            <a:chExt cx="4196080" cy="1423670"/>
          </a:xfrm>
        </p:grpSpPr>
        <p:pic>
          <p:nvPicPr>
            <p:cNvPr id="65" name="object 65"/>
            <p:cNvPicPr/>
            <p:nvPr/>
          </p:nvPicPr>
          <p:blipFill>
            <a:blip r:embed="rId7" cstate="print"/>
            <a:stretch>
              <a:fillRect/>
            </a:stretch>
          </p:blipFill>
          <p:spPr>
            <a:xfrm>
              <a:off x="935736" y="5864352"/>
              <a:ext cx="1164335" cy="1225295"/>
            </a:xfrm>
            <a:prstGeom prst="rect">
              <a:avLst/>
            </a:prstGeom>
          </p:spPr>
        </p:pic>
        <p:pic>
          <p:nvPicPr>
            <p:cNvPr id="66" name="object 66"/>
            <p:cNvPicPr/>
            <p:nvPr/>
          </p:nvPicPr>
          <p:blipFill>
            <a:blip r:embed="rId8" cstate="print"/>
            <a:stretch>
              <a:fillRect/>
            </a:stretch>
          </p:blipFill>
          <p:spPr>
            <a:xfrm>
              <a:off x="3233927" y="5839967"/>
              <a:ext cx="1897379" cy="1423416"/>
            </a:xfrm>
            <a:prstGeom prst="rect">
              <a:avLst/>
            </a:prstGeom>
          </p:spPr>
        </p:pic>
      </p:grpSp>
      <p:sp>
        <p:nvSpPr>
          <p:cNvPr id="67" name="object 67"/>
          <p:cNvSpPr txBox="1"/>
          <p:nvPr/>
        </p:nvSpPr>
        <p:spPr>
          <a:xfrm>
            <a:off x="3341562" y="4917810"/>
            <a:ext cx="327968" cy="138130"/>
          </a:xfrm>
          <a:prstGeom prst="rect">
            <a:avLst/>
          </a:prstGeom>
        </p:spPr>
        <p:txBody>
          <a:bodyPr vert="horz" wrap="square" lIns="0" tIns="13032" rIns="0" bIns="0" rtlCol="0">
            <a:spAutoFit/>
          </a:bodyPr>
          <a:lstStyle/>
          <a:p>
            <a:pPr>
              <a:spcBef>
                <a:spcPts val="103"/>
              </a:spcBef>
            </a:pPr>
            <a:r>
              <a:rPr sz="812" spc="-17" dirty="0">
                <a:latin typeface="ＭＳ Ｐゴシック"/>
                <a:cs typeface="ＭＳ Ｐゴシック"/>
              </a:rPr>
              <a:t>長寿郎</a:t>
            </a:r>
            <a:endParaRPr sz="812">
              <a:latin typeface="ＭＳ Ｐゴシック"/>
              <a:cs typeface="ＭＳ Ｐゴシック"/>
            </a:endParaRPr>
          </a:p>
        </p:txBody>
      </p:sp>
      <p:sp>
        <p:nvSpPr>
          <p:cNvPr id="68" name="object 68"/>
          <p:cNvSpPr txBox="1"/>
          <p:nvPr/>
        </p:nvSpPr>
        <p:spPr>
          <a:xfrm>
            <a:off x="2662497" y="6197525"/>
            <a:ext cx="1834773" cy="208748"/>
          </a:xfrm>
          <a:prstGeom prst="rect">
            <a:avLst/>
          </a:prstGeom>
        </p:spPr>
        <p:txBody>
          <a:bodyPr vert="horz" wrap="square" lIns="0" tIns="11403" rIns="0" bIns="0" rtlCol="0">
            <a:spAutoFit/>
          </a:bodyPr>
          <a:lstStyle/>
          <a:p>
            <a:pPr>
              <a:spcBef>
                <a:spcPts val="90"/>
              </a:spcBef>
            </a:pPr>
            <a:r>
              <a:rPr sz="641" dirty="0">
                <a:latin typeface="ＭＳ Ｐゴシック"/>
                <a:cs typeface="ＭＳ Ｐゴシック"/>
              </a:rPr>
              <a:t>出典</a:t>
            </a:r>
            <a:r>
              <a:rPr sz="641" spc="-9" dirty="0">
                <a:latin typeface="ＭＳ Ｐゴシック"/>
                <a:cs typeface="ＭＳ Ｐゴシック"/>
              </a:rPr>
              <a:t>）JIP</a:t>
            </a:r>
            <a:r>
              <a:rPr sz="641" spc="-13" dirty="0">
                <a:latin typeface="ＭＳ Ｐゴシック"/>
                <a:cs typeface="ＭＳ Ｐゴシック"/>
              </a:rPr>
              <a:t>テクノサイエンス株式会社</a:t>
            </a:r>
            <a:endParaRPr sz="641">
              <a:latin typeface="ＭＳ Ｐゴシック"/>
              <a:cs typeface="ＭＳ Ｐゴシック"/>
            </a:endParaRPr>
          </a:p>
          <a:p>
            <a:pPr>
              <a:spcBef>
                <a:spcPts val="9"/>
              </a:spcBef>
            </a:pPr>
            <a:r>
              <a:rPr sz="641" spc="-9" dirty="0">
                <a:latin typeface="ＭＳ Ｐゴシック"/>
                <a:cs typeface="ＭＳ Ｐゴシック"/>
              </a:rPr>
              <a:t>https://</a:t>
            </a:r>
            <a:r>
              <a:rPr sz="641" spc="-9" dirty="0">
                <a:latin typeface="ＭＳ Ｐゴシック"/>
                <a:cs typeface="ＭＳ Ｐゴシック"/>
                <a:hlinkClick r:id="rId9"/>
              </a:rPr>
              <a:t>www.jip-ts.co.jp/product_service/chojuro_bg/</a:t>
            </a:r>
            <a:endParaRPr sz="641">
              <a:latin typeface="ＭＳ Ｐゴシック"/>
              <a:cs typeface="ＭＳ Ｐゴシック"/>
            </a:endParaRPr>
          </a:p>
        </p:txBody>
      </p:sp>
    </p:spTree>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76555" y="352850"/>
            <a:ext cx="8259465"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兵庫県川西市</a:t>
            </a:r>
            <a:r>
              <a:rPr spc="-9" dirty="0"/>
              <a:t>）</a:t>
            </a:r>
            <a:r>
              <a:rPr spc="-34" dirty="0"/>
              <a:t>道路・橋梁の点検、緑地法面の除草・樹木管理に関する新技術導入への助言</a:t>
            </a:r>
          </a:p>
        </p:txBody>
      </p:sp>
      <p:sp>
        <p:nvSpPr>
          <p:cNvPr id="3" name="object 3"/>
          <p:cNvSpPr txBox="1"/>
          <p:nvPr/>
        </p:nvSpPr>
        <p:spPr>
          <a:xfrm>
            <a:off x="250210" y="1162440"/>
            <a:ext cx="8625985" cy="928666"/>
          </a:xfrm>
          <a:prstGeom prst="rect">
            <a:avLst/>
          </a:prstGeom>
          <a:ln w="13715">
            <a:solidFill>
              <a:srgbClr val="000000"/>
            </a:solidFill>
          </a:ln>
        </p:spPr>
        <p:txBody>
          <a:bodyPr vert="horz" wrap="square" lIns="0" tIns="66245" rIns="0" bIns="0" rtlCol="0">
            <a:spAutoFit/>
          </a:bodyPr>
          <a:lstStyle/>
          <a:p>
            <a:pPr marL="250861" marR="211223" indent="-165611">
              <a:lnSpc>
                <a:spcPct val="100699"/>
              </a:lnSpc>
              <a:spcBef>
                <a:spcPts val="522"/>
              </a:spcBef>
            </a:pPr>
            <a:r>
              <a:rPr sz="1283" spc="-21" dirty="0">
                <a:latin typeface="ＭＳ Ｐゴシック"/>
                <a:cs typeface="ＭＳ Ｐゴシック"/>
              </a:rPr>
              <a:t>〇新技術の探索のためのワークショップを行い、導入技術の優先順位付け、導入検討プロセスを体験し、職員の技術力向</a:t>
            </a:r>
            <a:r>
              <a:rPr sz="1283" spc="-13" dirty="0">
                <a:latin typeface="ＭＳ Ｐゴシック"/>
                <a:cs typeface="ＭＳ Ｐゴシック"/>
              </a:rPr>
              <a:t>上を図る。</a:t>
            </a:r>
            <a:endParaRPr sz="1283">
              <a:latin typeface="ＭＳ Ｐゴシック"/>
              <a:cs typeface="ＭＳ Ｐゴシック"/>
            </a:endParaRPr>
          </a:p>
          <a:p>
            <a:pPr marL="217195" marR="87964" indent="-131946">
              <a:lnSpc>
                <a:spcPct val="101400"/>
              </a:lnSpc>
              <a:spcBef>
                <a:spcPts val="539"/>
              </a:spcBef>
            </a:pPr>
            <a:r>
              <a:rPr sz="1283" spc="-17" dirty="0">
                <a:latin typeface="ＭＳ Ｐゴシック"/>
                <a:cs typeface="ＭＳ Ｐゴシック"/>
              </a:rPr>
              <a:t>〇令和７年度の予算化に向けて技術選定、予算確保に向けた調整を実施予定。予算状況を踏まえて、一部新技術について</a:t>
            </a:r>
            <a:r>
              <a:rPr sz="1283" spc="-13" dirty="0">
                <a:latin typeface="ＭＳ Ｐゴシック"/>
                <a:cs typeface="ＭＳ Ｐゴシック"/>
              </a:rPr>
              <a:t>は、先行的に試行することも想定。</a:t>
            </a:r>
            <a:endParaRPr sz="1283">
              <a:latin typeface="ＭＳ Ｐゴシック"/>
              <a:cs typeface="ＭＳ Ｐゴシック"/>
            </a:endParaRPr>
          </a:p>
        </p:txBody>
      </p:sp>
      <p:sp>
        <p:nvSpPr>
          <p:cNvPr id="4" name="object 4"/>
          <p:cNvSpPr/>
          <p:nvPr/>
        </p:nvSpPr>
        <p:spPr>
          <a:xfrm>
            <a:off x="151168" y="4902574"/>
            <a:ext cx="4670825" cy="1690337"/>
          </a:xfrm>
          <a:custGeom>
            <a:avLst/>
            <a:gdLst/>
            <a:ahLst/>
            <a:cxnLst/>
            <a:rect l="l" t="t" r="r" b="b"/>
            <a:pathLst>
              <a:path w="5462270" h="1976754">
                <a:moveTo>
                  <a:pt x="5462016" y="1976628"/>
                </a:moveTo>
                <a:lnTo>
                  <a:pt x="0" y="1976628"/>
                </a:lnTo>
                <a:lnTo>
                  <a:pt x="0" y="0"/>
                </a:lnTo>
                <a:lnTo>
                  <a:pt x="5462016" y="0"/>
                </a:lnTo>
                <a:lnTo>
                  <a:pt x="5462016" y="1976628"/>
                </a:lnTo>
                <a:close/>
              </a:path>
            </a:pathLst>
          </a:custGeom>
          <a:solidFill>
            <a:srgbClr val="DBE6F2"/>
          </a:solidFill>
        </p:spPr>
        <p:txBody>
          <a:bodyPr wrap="square" lIns="0" tIns="0" rIns="0" bIns="0" rtlCol="0"/>
          <a:lstStyle/>
          <a:p>
            <a:endParaRPr sz="1749"/>
          </a:p>
        </p:txBody>
      </p:sp>
      <p:sp>
        <p:nvSpPr>
          <p:cNvPr id="5" name="object 5"/>
          <p:cNvSpPr txBox="1"/>
          <p:nvPr/>
        </p:nvSpPr>
        <p:spPr>
          <a:xfrm>
            <a:off x="295822" y="3343968"/>
            <a:ext cx="1625178" cy="239645"/>
          </a:xfrm>
          <a:prstGeom prst="rect">
            <a:avLst/>
          </a:prstGeom>
          <a:solidFill>
            <a:srgbClr val="B6DDE8"/>
          </a:solidFill>
          <a:ln w="10667">
            <a:solidFill>
              <a:srgbClr val="00AFEF"/>
            </a:solidFill>
          </a:ln>
        </p:spPr>
        <p:txBody>
          <a:bodyPr vert="horz" wrap="square" lIns="0" tIns="41810" rIns="0" bIns="0" rtlCol="0">
            <a:spAutoFit/>
          </a:bodyPr>
          <a:lstStyle/>
          <a:p>
            <a:pPr marL="155838">
              <a:spcBef>
                <a:spcPts val="329"/>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6" name="object 6"/>
          <p:cNvSpPr txBox="1"/>
          <p:nvPr/>
        </p:nvSpPr>
        <p:spPr>
          <a:xfrm>
            <a:off x="319008" y="3666926"/>
            <a:ext cx="4501954" cy="1345655"/>
          </a:xfrm>
          <a:prstGeom prst="rect">
            <a:avLst/>
          </a:prstGeom>
        </p:spPr>
        <p:txBody>
          <a:bodyPr vert="horz" wrap="square" lIns="0" tIns="10317" rIns="0" bIns="0" rtlCol="0">
            <a:spAutoFit/>
          </a:bodyPr>
          <a:lstStyle/>
          <a:p>
            <a:pPr marL="141720" marR="34208" indent="-131403">
              <a:spcBef>
                <a:spcPts val="81"/>
              </a:spcBef>
            </a:pPr>
            <a:r>
              <a:rPr sz="1112" spc="-17" dirty="0">
                <a:latin typeface="ＭＳ Ｐゴシック"/>
                <a:cs typeface="ＭＳ Ｐゴシック"/>
              </a:rPr>
              <a:t>〇効率的な緑地法面管理</a:t>
            </a:r>
            <a:r>
              <a:rPr sz="1112" spc="-9" dirty="0">
                <a:latin typeface="ＭＳ Ｐゴシック"/>
                <a:cs typeface="ＭＳ Ｐゴシック"/>
              </a:rPr>
              <a:t>（</a:t>
            </a:r>
            <a:r>
              <a:rPr sz="1112" spc="-13" dirty="0">
                <a:latin typeface="ＭＳ Ｐゴシック"/>
                <a:cs typeface="ＭＳ Ｐゴシック"/>
              </a:rPr>
              <a:t>倒木・除草等</a:t>
            </a:r>
            <a:r>
              <a:rPr sz="1112" spc="-9" dirty="0">
                <a:latin typeface="ＭＳ Ｐゴシック"/>
                <a:cs typeface="ＭＳ Ｐゴシック"/>
              </a:rPr>
              <a:t>）</a:t>
            </a:r>
            <a:r>
              <a:rPr sz="1112" spc="-17" dirty="0">
                <a:latin typeface="ＭＳ Ｐゴシック"/>
                <a:cs typeface="ＭＳ Ｐゴシック"/>
              </a:rPr>
              <a:t>、道路舗装の損傷状態の効率的な把握、橋梁点検困難箇所への新技術導入への助言の</a:t>
            </a:r>
            <a:r>
              <a:rPr sz="1112" spc="-9" dirty="0">
                <a:latin typeface="ＭＳ Ｐゴシック"/>
                <a:cs typeface="ＭＳ Ｐゴシック"/>
              </a:rPr>
              <a:t>3</a:t>
            </a:r>
            <a:r>
              <a:rPr sz="1112" spc="-17" dirty="0">
                <a:latin typeface="ＭＳ Ｐゴシック"/>
                <a:cs typeface="ＭＳ Ｐゴシック"/>
              </a:rPr>
              <a:t>つが支援の柱。</a:t>
            </a:r>
            <a:endParaRPr sz="1112">
              <a:latin typeface="ＭＳ Ｐゴシック"/>
              <a:cs typeface="ＭＳ Ｐゴシック"/>
            </a:endParaRPr>
          </a:p>
          <a:p>
            <a:pPr marL="141720" marR="4344" indent="-131403">
              <a:lnSpc>
                <a:spcPts val="1325"/>
              </a:lnSpc>
              <a:spcBef>
                <a:spcPts val="603"/>
              </a:spcBef>
            </a:pPr>
            <a:r>
              <a:rPr sz="1112" spc="-26" dirty="0">
                <a:latin typeface="ＭＳ Ｐゴシック"/>
                <a:cs typeface="ＭＳ Ｐゴシック"/>
              </a:rPr>
              <a:t>〇法面管理について、倒木予防に向けた樹木診断、竹繁茂対策の技術等に</a:t>
            </a:r>
            <a:r>
              <a:rPr sz="1112" spc="-21" dirty="0">
                <a:latin typeface="ＭＳ Ｐゴシック"/>
                <a:cs typeface="ＭＳ Ｐゴシック"/>
              </a:rPr>
              <a:t>ついて検討中。</a:t>
            </a:r>
            <a:endParaRPr sz="1112">
              <a:latin typeface="ＭＳ Ｐゴシック"/>
              <a:cs typeface="ＭＳ Ｐゴシック"/>
            </a:endParaRPr>
          </a:p>
          <a:p>
            <a:pPr marL="141720" marR="71674" indent="-131403">
              <a:lnSpc>
                <a:spcPts val="1325"/>
              </a:lnSpc>
              <a:spcBef>
                <a:spcPts val="560"/>
              </a:spcBef>
            </a:pPr>
            <a:r>
              <a:rPr sz="1112" spc="-26" dirty="0">
                <a:latin typeface="ＭＳ Ｐゴシック"/>
                <a:cs typeface="ＭＳ Ｐゴシック"/>
              </a:rPr>
              <a:t>〇道路舗装の点検・補修について、舗装点検、道路の補修技術などの議論</a:t>
            </a:r>
            <a:r>
              <a:rPr sz="1112" spc="-30" dirty="0">
                <a:latin typeface="ＭＳ Ｐゴシック"/>
                <a:cs typeface="ＭＳ Ｐゴシック"/>
              </a:rPr>
              <a:t>を実施、今後導入技術を特定、実証。</a:t>
            </a:r>
            <a:endParaRPr sz="1112">
              <a:latin typeface="ＭＳ Ｐゴシック"/>
              <a:cs typeface="ＭＳ Ｐゴシック"/>
            </a:endParaRPr>
          </a:p>
        </p:txBody>
      </p:sp>
      <p:grpSp>
        <p:nvGrpSpPr>
          <p:cNvPr id="7" name="object 7"/>
          <p:cNvGrpSpPr/>
          <p:nvPr/>
        </p:nvGrpSpPr>
        <p:grpSpPr>
          <a:xfrm>
            <a:off x="4944167" y="2311086"/>
            <a:ext cx="1917308" cy="4143036"/>
            <a:chOff x="5781928" y="2474087"/>
            <a:chExt cx="2242185" cy="4845050"/>
          </a:xfrm>
        </p:grpSpPr>
        <p:sp>
          <p:nvSpPr>
            <p:cNvPr id="8" name="object 8"/>
            <p:cNvSpPr/>
            <p:nvPr/>
          </p:nvSpPr>
          <p:spPr>
            <a:xfrm>
              <a:off x="5788913" y="2481072"/>
              <a:ext cx="0" cy="4831080"/>
            </a:xfrm>
            <a:custGeom>
              <a:avLst/>
              <a:gdLst/>
              <a:ahLst/>
              <a:cxnLst/>
              <a:rect l="l" t="t" r="r" b="b"/>
              <a:pathLst>
                <a:path h="4831080">
                  <a:moveTo>
                    <a:pt x="0" y="0"/>
                  </a:moveTo>
                  <a:lnTo>
                    <a:pt x="0" y="4831079"/>
                  </a:lnTo>
                </a:path>
              </a:pathLst>
            </a:custGeom>
            <a:ln w="13716">
              <a:solidFill>
                <a:srgbClr val="000000"/>
              </a:solidFill>
              <a:prstDash val="sysDash"/>
            </a:ln>
          </p:spPr>
          <p:txBody>
            <a:bodyPr wrap="square" lIns="0" tIns="0" rIns="0" bIns="0" rtlCol="0"/>
            <a:lstStyle/>
            <a:p>
              <a:endParaRPr sz="1749"/>
            </a:p>
          </p:txBody>
        </p:sp>
        <p:sp>
          <p:nvSpPr>
            <p:cNvPr id="9" name="object 9"/>
            <p:cNvSpPr/>
            <p:nvPr/>
          </p:nvSpPr>
          <p:spPr>
            <a:xfrm>
              <a:off x="5795772" y="4724400"/>
              <a:ext cx="2228215" cy="2281555"/>
            </a:xfrm>
            <a:custGeom>
              <a:avLst/>
              <a:gdLst/>
              <a:ahLst/>
              <a:cxnLst/>
              <a:rect l="l" t="t" r="r" b="b"/>
              <a:pathLst>
                <a:path w="2228215" h="2281554">
                  <a:moveTo>
                    <a:pt x="2228088" y="2281428"/>
                  </a:moveTo>
                  <a:lnTo>
                    <a:pt x="0" y="2281428"/>
                  </a:lnTo>
                  <a:lnTo>
                    <a:pt x="0" y="0"/>
                  </a:lnTo>
                  <a:lnTo>
                    <a:pt x="2228088" y="0"/>
                  </a:lnTo>
                  <a:lnTo>
                    <a:pt x="2228088" y="2281428"/>
                  </a:lnTo>
                  <a:close/>
                </a:path>
              </a:pathLst>
            </a:custGeom>
            <a:solidFill>
              <a:srgbClr val="DBE6F2"/>
            </a:solidFill>
          </p:spPr>
          <p:txBody>
            <a:bodyPr wrap="square" lIns="0" tIns="0" rIns="0" bIns="0" rtlCol="0"/>
            <a:lstStyle/>
            <a:p>
              <a:endParaRPr sz="1749"/>
            </a:p>
          </p:txBody>
        </p:sp>
      </p:grpSp>
      <p:sp>
        <p:nvSpPr>
          <p:cNvPr id="10" name="object 10"/>
          <p:cNvSpPr txBox="1"/>
          <p:nvPr/>
        </p:nvSpPr>
        <p:spPr>
          <a:xfrm>
            <a:off x="5158724" y="2764736"/>
            <a:ext cx="3836245" cy="1101999"/>
          </a:xfrm>
          <a:prstGeom prst="rect">
            <a:avLst/>
          </a:prstGeom>
        </p:spPr>
        <p:txBody>
          <a:bodyPr vert="horz" wrap="square" lIns="0" tIns="10317" rIns="0" bIns="0" rtlCol="0">
            <a:spAutoFit/>
          </a:bodyPr>
          <a:lstStyle/>
          <a:p>
            <a:pPr marL="142806" marR="91764" indent="-131946">
              <a:spcBef>
                <a:spcPts val="81"/>
              </a:spcBef>
            </a:pPr>
            <a:r>
              <a:rPr sz="1112" spc="-21" dirty="0">
                <a:latin typeface="ＭＳ Ｐゴシック"/>
                <a:cs typeface="ＭＳ Ｐゴシック"/>
              </a:rPr>
              <a:t>〇ワークショップで議論した導入対象・技術について、</a:t>
            </a:r>
            <a:r>
              <a:rPr sz="1112" spc="-9" dirty="0">
                <a:latin typeface="ＭＳ Ｐゴシック"/>
                <a:cs typeface="ＭＳ Ｐゴシック"/>
              </a:rPr>
              <a:t>R7</a:t>
            </a:r>
            <a:r>
              <a:rPr sz="1112" spc="-26" dirty="0">
                <a:latin typeface="ＭＳ Ｐゴシック"/>
                <a:cs typeface="ＭＳ Ｐゴシック"/>
              </a:rPr>
              <a:t>年度の</a:t>
            </a:r>
            <a:r>
              <a:rPr sz="1112" spc="-30" dirty="0">
                <a:latin typeface="ＭＳ Ｐゴシック"/>
                <a:cs typeface="ＭＳ Ｐゴシック"/>
              </a:rPr>
              <a:t>予算化に向けて技術を特定、金額見積もり等を実施予定。</a:t>
            </a:r>
            <a:endParaRPr sz="1112">
              <a:latin typeface="ＭＳ Ｐゴシック"/>
              <a:cs typeface="ＭＳ Ｐゴシック"/>
            </a:endParaRPr>
          </a:p>
          <a:p>
            <a:pPr marL="142806" marR="4344" indent="-131946">
              <a:lnSpc>
                <a:spcPts val="1317"/>
              </a:lnSpc>
              <a:spcBef>
                <a:spcPts val="616"/>
              </a:spcBef>
            </a:pPr>
            <a:r>
              <a:rPr sz="1112" spc="-26" dirty="0">
                <a:latin typeface="ＭＳ Ｐゴシック"/>
                <a:cs typeface="ＭＳ Ｐゴシック"/>
              </a:rPr>
              <a:t>〇予算状況に鑑みて、一部先行的に実証可能な技術について</a:t>
            </a:r>
            <a:r>
              <a:rPr sz="1112" spc="428" dirty="0">
                <a:latin typeface="ＭＳ Ｐゴシック"/>
                <a:cs typeface="ＭＳ Ｐゴシック"/>
              </a:rPr>
              <a:t> </a:t>
            </a:r>
            <a:r>
              <a:rPr sz="1112" spc="-30" dirty="0">
                <a:latin typeface="ＭＳ Ｐゴシック"/>
                <a:cs typeface="ＭＳ Ｐゴシック"/>
              </a:rPr>
              <a:t>は、試行実施を行い、来年度以降の実装に向けた調整を行う。</a:t>
            </a:r>
            <a:endParaRPr sz="1112">
              <a:latin typeface="ＭＳ Ｐゴシック"/>
              <a:cs typeface="ＭＳ Ｐゴシック"/>
            </a:endParaRPr>
          </a:p>
        </p:txBody>
      </p:sp>
      <p:sp>
        <p:nvSpPr>
          <p:cNvPr id="11" name="object 11"/>
          <p:cNvSpPr txBox="1"/>
          <p:nvPr/>
        </p:nvSpPr>
        <p:spPr>
          <a:xfrm>
            <a:off x="295822" y="2215411"/>
            <a:ext cx="2158397" cy="239096"/>
          </a:xfrm>
          <a:prstGeom prst="rect">
            <a:avLst/>
          </a:prstGeom>
          <a:solidFill>
            <a:srgbClr val="B6DDE8"/>
          </a:solidFill>
          <a:ln w="10667">
            <a:solidFill>
              <a:srgbClr val="00AFEF"/>
            </a:solidFill>
          </a:ln>
        </p:spPr>
        <p:txBody>
          <a:bodyPr vert="horz" wrap="square" lIns="0" tIns="41267" rIns="0" bIns="0" rtlCol="0">
            <a:spAutoFit/>
          </a:bodyPr>
          <a:lstStyle/>
          <a:p>
            <a:pPr marL="110769">
              <a:spcBef>
                <a:spcPts val="325"/>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12" name="object 12"/>
          <p:cNvSpPr txBox="1"/>
          <p:nvPr/>
        </p:nvSpPr>
        <p:spPr>
          <a:xfrm>
            <a:off x="319009" y="2521184"/>
            <a:ext cx="4387925" cy="930863"/>
          </a:xfrm>
          <a:prstGeom prst="rect">
            <a:avLst/>
          </a:prstGeom>
        </p:spPr>
        <p:txBody>
          <a:bodyPr vert="horz" wrap="square" lIns="0" tIns="10317" rIns="0" bIns="0" rtlCol="0">
            <a:spAutoFit/>
          </a:bodyPr>
          <a:lstStyle/>
          <a:p>
            <a:pPr marL="141720" marR="4344" indent="-131403">
              <a:spcBef>
                <a:spcPts val="81"/>
              </a:spcBef>
            </a:pPr>
            <a:r>
              <a:rPr sz="1112" spc="-30" dirty="0">
                <a:latin typeface="ＭＳ Ｐゴシック"/>
                <a:cs typeface="ＭＳ Ｐゴシック"/>
              </a:rPr>
              <a:t>〇アドバイザーと自治体職員でのワークショップを実施し、対応する課題の優先順位付け、導入する新技術を具体化。</a:t>
            </a:r>
            <a:endParaRPr sz="1112">
              <a:latin typeface="ＭＳ Ｐゴシック"/>
              <a:cs typeface="ＭＳ Ｐゴシック"/>
            </a:endParaRPr>
          </a:p>
          <a:p>
            <a:pPr marL="141720" marR="40181" indent="-131403">
              <a:lnSpc>
                <a:spcPts val="1325"/>
              </a:lnSpc>
              <a:spcBef>
                <a:spcPts val="603"/>
              </a:spcBef>
            </a:pPr>
            <a:r>
              <a:rPr sz="1112" spc="-21" dirty="0">
                <a:latin typeface="ＭＳ Ｐゴシック"/>
                <a:cs typeface="ＭＳ Ｐゴシック"/>
              </a:rPr>
              <a:t>〇中長期的な樹木管理・竹繁茂対策の導入、短期的な舗装点検・修繕</a:t>
            </a:r>
            <a:r>
              <a:rPr sz="1112" spc="-9" dirty="0">
                <a:latin typeface="ＭＳ Ｐゴシック"/>
                <a:cs typeface="ＭＳ Ｐゴシック"/>
              </a:rPr>
              <a:t>（</a:t>
            </a:r>
            <a:r>
              <a:rPr sz="1112" spc="-43" dirty="0">
                <a:latin typeface="ＭＳ Ｐゴシック"/>
                <a:cs typeface="ＭＳ Ｐゴシック"/>
              </a:rPr>
              <a:t>も</a:t>
            </a:r>
            <a:r>
              <a:rPr sz="1112" spc="-17" dirty="0">
                <a:latin typeface="ＭＳ Ｐゴシック"/>
                <a:cs typeface="ＭＳ Ｐゴシック"/>
              </a:rPr>
              <a:t>しくは橋梁点検・修繕</a:t>
            </a:r>
            <a:r>
              <a:rPr sz="1112" spc="-9" dirty="0">
                <a:latin typeface="ＭＳ Ｐゴシック"/>
                <a:cs typeface="ＭＳ Ｐゴシック"/>
              </a:rPr>
              <a:t>）</a:t>
            </a:r>
            <a:r>
              <a:rPr sz="1112" spc="-26" dirty="0">
                <a:latin typeface="ＭＳ Ｐゴシック"/>
                <a:cs typeface="ＭＳ Ｐゴシック"/>
              </a:rPr>
              <a:t>について来年度予算化に向けて検討中。</a:t>
            </a:r>
            <a:endParaRPr sz="1112">
              <a:latin typeface="ＭＳ Ｐゴシック"/>
              <a:cs typeface="ＭＳ Ｐゴシック"/>
            </a:endParaRPr>
          </a:p>
        </p:txBody>
      </p:sp>
      <p:sp>
        <p:nvSpPr>
          <p:cNvPr id="13" name="object 13"/>
          <p:cNvSpPr txBox="1"/>
          <p:nvPr/>
        </p:nvSpPr>
        <p:spPr>
          <a:xfrm>
            <a:off x="5116940" y="3811517"/>
            <a:ext cx="1678391" cy="352691"/>
          </a:xfrm>
          <a:prstGeom prst="rect">
            <a:avLst/>
          </a:prstGeom>
        </p:spPr>
        <p:txBody>
          <a:bodyPr vert="horz" wrap="square" lIns="0" tIns="10317" rIns="0" bIns="0" rtlCol="0">
            <a:spAutoFit/>
          </a:bodyPr>
          <a:lstStyle/>
          <a:p>
            <a:pPr marL="142806" marR="4344" indent="-131946">
              <a:spcBef>
                <a:spcPts val="81"/>
              </a:spcBef>
            </a:pPr>
            <a:r>
              <a:rPr sz="1112" spc="-26" dirty="0">
                <a:latin typeface="ＭＳ Ｐゴシック"/>
                <a:cs typeface="ＭＳ Ｐゴシック"/>
              </a:rPr>
              <a:t>①新技術導入に関する知見</a:t>
            </a:r>
            <a:r>
              <a:rPr sz="1112" spc="-30" dirty="0">
                <a:latin typeface="ＭＳ Ｐゴシック"/>
                <a:cs typeface="ＭＳ Ｐゴシック"/>
              </a:rPr>
              <a:t>の向上</a:t>
            </a:r>
            <a:endParaRPr sz="1112">
              <a:latin typeface="ＭＳ Ｐゴシック"/>
              <a:cs typeface="ＭＳ Ｐゴシック"/>
            </a:endParaRPr>
          </a:p>
        </p:txBody>
      </p:sp>
      <p:sp>
        <p:nvSpPr>
          <p:cNvPr id="14" name="object 14"/>
          <p:cNvSpPr txBox="1"/>
          <p:nvPr/>
        </p:nvSpPr>
        <p:spPr>
          <a:xfrm>
            <a:off x="7051068" y="3811517"/>
            <a:ext cx="1922195" cy="523828"/>
          </a:xfrm>
          <a:prstGeom prst="rect">
            <a:avLst/>
          </a:prstGeom>
        </p:spPr>
        <p:txBody>
          <a:bodyPr vert="horz" wrap="square" lIns="0" tIns="10317" rIns="0" bIns="0" rtlCol="0">
            <a:spAutoFit/>
          </a:bodyPr>
          <a:lstStyle/>
          <a:p>
            <a:pPr marL="141720" marR="4344" indent="-131403">
              <a:spcBef>
                <a:spcPts val="81"/>
              </a:spcBef>
            </a:pPr>
            <a:r>
              <a:rPr sz="1112" spc="-21" dirty="0">
                <a:latin typeface="ＭＳ Ｐゴシック"/>
                <a:cs typeface="ＭＳ Ｐゴシック"/>
              </a:rPr>
              <a:t>②緑地法面管理・道路舗装等へ</a:t>
            </a:r>
            <a:r>
              <a:rPr sz="1112" spc="-26" dirty="0">
                <a:latin typeface="ＭＳ Ｐゴシック"/>
                <a:cs typeface="ＭＳ Ｐゴシック"/>
              </a:rPr>
              <a:t>の新技術導入に関する助言</a:t>
            </a:r>
            <a:endParaRPr sz="1112">
              <a:latin typeface="ＭＳ Ｐゴシック"/>
              <a:cs typeface="ＭＳ Ｐゴシック"/>
            </a:endParaRPr>
          </a:p>
        </p:txBody>
      </p:sp>
      <p:sp>
        <p:nvSpPr>
          <p:cNvPr id="15" name="object 15"/>
          <p:cNvSpPr/>
          <p:nvPr/>
        </p:nvSpPr>
        <p:spPr>
          <a:xfrm>
            <a:off x="7151868" y="4235345"/>
            <a:ext cx="1874411" cy="1944457"/>
          </a:xfrm>
          <a:custGeom>
            <a:avLst/>
            <a:gdLst/>
            <a:ahLst/>
            <a:cxnLst/>
            <a:rect l="l" t="t" r="r" b="b"/>
            <a:pathLst>
              <a:path w="2192020" h="2273934">
                <a:moveTo>
                  <a:pt x="2191512" y="2273807"/>
                </a:moveTo>
                <a:lnTo>
                  <a:pt x="0" y="2273807"/>
                </a:lnTo>
                <a:lnTo>
                  <a:pt x="0" y="0"/>
                </a:lnTo>
                <a:lnTo>
                  <a:pt x="2191512" y="0"/>
                </a:lnTo>
                <a:lnTo>
                  <a:pt x="2191512" y="2273807"/>
                </a:lnTo>
                <a:close/>
              </a:path>
            </a:pathLst>
          </a:custGeom>
          <a:solidFill>
            <a:srgbClr val="DBE6F2"/>
          </a:solidFill>
        </p:spPr>
        <p:txBody>
          <a:bodyPr wrap="square" lIns="0" tIns="0" rIns="0" bIns="0" rtlCol="0"/>
          <a:lstStyle/>
          <a:p>
            <a:endParaRPr sz="1749"/>
          </a:p>
        </p:txBody>
      </p:sp>
      <p:sp>
        <p:nvSpPr>
          <p:cNvPr id="16" name="object 16"/>
          <p:cNvSpPr txBox="1"/>
          <p:nvPr/>
        </p:nvSpPr>
        <p:spPr>
          <a:xfrm>
            <a:off x="7588434" y="4841325"/>
            <a:ext cx="1379202" cy="492284"/>
          </a:xfrm>
          <a:prstGeom prst="rect">
            <a:avLst/>
          </a:prstGeom>
          <a:solidFill>
            <a:srgbClr val="FFFFFF"/>
          </a:solidFill>
          <a:ln w="13715">
            <a:solidFill>
              <a:srgbClr val="1C334D"/>
            </a:solidFill>
          </a:ln>
        </p:spPr>
        <p:txBody>
          <a:bodyPr vert="horz" wrap="square" lIns="0" tIns="111857" rIns="0" bIns="0" rtlCol="0">
            <a:spAutoFit/>
          </a:bodyPr>
          <a:lstStyle/>
          <a:p>
            <a:pPr>
              <a:spcBef>
                <a:spcPts val="881"/>
              </a:spcBef>
            </a:pPr>
            <a:endParaRPr sz="812">
              <a:latin typeface="Times New Roman"/>
              <a:cs typeface="Times New Roman"/>
            </a:endParaRPr>
          </a:p>
          <a:p>
            <a:pPr marL="84163" marR="143892">
              <a:lnSpc>
                <a:spcPct val="101899"/>
              </a:lnSpc>
            </a:pPr>
            <a:r>
              <a:rPr sz="812" spc="-4" dirty="0">
                <a:latin typeface="ＭＳ Ｐゴシック"/>
                <a:cs typeface="ＭＳ Ｐゴシック"/>
              </a:rPr>
              <a:t>導入する新技術の具体化</a:t>
            </a:r>
            <a:r>
              <a:rPr sz="812" spc="-13" dirty="0">
                <a:latin typeface="ＭＳ Ｐゴシック"/>
                <a:cs typeface="ＭＳ Ｐゴシック"/>
              </a:rPr>
              <a:t>予算要求</a:t>
            </a:r>
            <a:endParaRPr sz="812">
              <a:latin typeface="ＭＳ Ｐゴシック"/>
              <a:cs typeface="ＭＳ Ｐゴシック"/>
            </a:endParaRPr>
          </a:p>
        </p:txBody>
      </p:sp>
      <p:grpSp>
        <p:nvGrpSpPr>
          <p:cNvPr id="17" name="object 17"/>
          <p:cNvGrpSpPr/>
          <p:nvPr/>
        </p:nvGrpSpPr>
        <p:grpSpPr>
          <a:xfrm>
            <a:off x="7231362" y="4277045"/>
            <a:ext cx="295931" cy="1921109"/>
            <a:chOff x="8456676" y="4773167"/>
            <a:chExt cx="346075" cy="2246630"/>
          </a:xfrm>
        </p:grpSpPr>
        <p:sp>
          <p:nvSpPr>
            <p:cNvPr id="18" name="object 18"/>
            <p:cNvSpPr/>
            <p:nvPr/>
          </p:nvSpPr>
          <p:spPr>
            <a:xfrm>
              <a:off x="8478011" y="5408676"/>
              <a:ext cx="311150" cy="996950"/>
            </a:xfrm>
            <a:custGeom>
              <a:avLst/>
              <a:gdLst/>
              <a:ahLst/>
              <a:cxnLst/>
              <a:rect l="l" t="t" r="r" b="b"/>
              <a:pathLst>
                <a:path w="311150" h="996950">
                  <a:moveTo>
                    <a:pt x="155448" y="996695"/>
                  </a:moveTo>
                  <a:lnTo>
                    <a:pt x="0" y="841247"/>
                  </a:lnTo>
                  <a:lnTo>
                    <a:pt x="0" y="0"/>
                  </a:lnTo>
                  <a:lnTo>
                    <a:pt x="155448" y="153923"/>
                  </a:lnTo>
                  <a:lnTo>
                    <a:pt x="310895" y="0"/>
                  </a:lnTo>
                  <a:lnTo>
                    <a:pt x="310895" y="841247"/>
                  </a:lnTo>
                  <a:lnTo>
                    <a:pt x="155448" y="996695"/>
                  </a:lnTo>
                  <a:close/>
                </a:path>
              </a:pathLst>
            </a:custGeom>
            <a:solidFill>
              <a:srgbClr val="4F80BC"/>
            </a:solidFill>
          </p:spPr>
          <p:txBody>
            <a:bodyPr wrap="square" lIns="0" tIns="0" rIns="0" bIns="0" rtlCol="0"/>
            <a:lstStyle/>
            <a:p>
              <a:endParaRPr sz="1749"/>
            </a:p>
          </p:txBody>
        </p:sp>
        <p:sp>
          <p:nvSpPr>
            <p:cNvPr id="19" name="object 19"/>
            <p:cNvSpPr/>
            <p:nvPr/>
          </p:nvSpPr>
          <p:spPr>
            <a:xfrm>
              <a:off x="8478011" y="5408676"/>
              <a:ext cx="311150" cy="996950"/>
            </a:xfrm>
            <a:custGeom>
              <a:avLst/>
              <a:gdLst/>
              <a:ahLst/>
              <a:cxnLst/>
              <a:rect l="l" t="t" r="r" b="b"/>
              <a:pathLst>
                <a:path w="311150" h="996950">
                  <a:moveTo>
                    <a:pt x="310895" y="0"/>
                  </a:moveTo>
                  <a:lnTo>
                    <a:pt x="310895" y="841247"/>
                  </a:lnTo>
                  <a:lnTo>
                    <a:pt x="155448" y="996695"/>
                  </a:lnTo>
                  <a:lnTo>
                    <a:pt x="0" y="841247"/>
                  </a:lnTo>
                  <a:lnTo>
                    <a:pt x="0" y="0"/>
                  </a:lnTo>
                  <a:lnTo>
                    <a:pt x="155448" y="153923"/>
                  </a:lnTo>
                  <a:lnTo>
                    <a:pt x="310895" y="0"/>
                  </a:lnTo>
                  <a:close/>
                </a:path>
              </a:pathLst>
            </a:custGeom>
            <a:ln w="27432">
              <a:solidFill>
                <a:srgbClr val="1C334D"/>
              </a:solidFill>
            </a:ln>
          </p:spPr>
          <p:txBody>
            <a:bodyPr wrap="square" lIns="0" tIns="0" rIns="0" bIns="0" rtlCol="0"/>
            <a:lstStyle/>
            <a:p>
              <a:endParaRPr sz="1749"/>
            </a:p>
          </p:txBody>
        </p:sp>
        <p:sp>
          <p:nvSpPr>
            <p:cNvPr id="20" name="object 20"/>
            <p:cNvSpPr/>
            <p:nvPr/>
          </p:nvSpPr>
          <p:spPr>
            <a:xfrm>
              <a:off x="8476487" y="6338316"/>
              <a:ext cx="311150" cy="668020"/>
            </a:xfrm>
            <a:custGeom>
              <a:avLst/>
              <a:gdLst/>
              <a:ahLst/>
              <a:cxnLst/>
              <a:rect l="l" t="t" r="r" b="b"/>
              <a:pathLst>
                <a:path w="311150" h="668020">
                  <a:moveTo>
                    <a:pt x="155448" y="667512"/>
                  </a:moveTo>
                  <a:lnTo>
                    <a:pt x="0" y="512064"/>
                  </a:lnTo>
                  <a:lnTo>
                    <a:pt x="0" y="0"/>
                  </a:lnTo>
                  <a:lnTo>
                    <a:pt x="155448" y="155448"/>
                  </a:lnTo>
                  <a:lnTo>
                    <a:pt x="310896" y="0"/>
                  </a:lnTo>
                  <a:lnTo>
                    <a:pt x="310896" y="512064"/>
                  </a:lnTo>
                  <a:lnTo>
                    <a:pt x="155448" y="667512"/>
                  </a:lnTo>
                  <a:close/>
                </a:path>
              </a:pathLst>
            </a:custGeom>
            <a:solidFill>
              <a:srgbClr val="4F80BC"/>
            </a:solidFill>
          </p:spPr>
          <p:txBody>
            <a:bodyPr wrap="square" lIns="0" tIns="0" rIns="0" bIns="0" rtlCol="0"/>
            <a:lstStyle/>
            <a:p>
              <a:endParaRPr sz="1749"/>
            </a:p>
          </p:txBody>
        </p:sp>
        <p:sp>
          <p:nvSpPr>
            <p:cNvPr id="21" name="object 21"/>
            <p:cNvSpPr/>
            <p:nvPr/>
          </p:nvSpPr>
          <p:spPr>
            <a:xfrm>
              <a:off x="8476487" y="6338316"/>
              <a:ext cx="311150" cy="668020"/>
            </a:xfrm>
            <a:custGeom>
              <a:avLst/>
              <a:gdLst/>
              <a:ahLst/>
              <a:cxnLst/>
              <a:rect l="l" t="t" r="r" b="b"/>
              <a:pathLst>
                <a:path w="311150" h="668020">
                  <a:moveTo>
                    <a:pt x="310896" y="0"/>
                  </a:moveTo>
                  <a:lnTo>
                    <a:pt x="310896" y="512064"/>
                  </a:lnTo>
                  <a:lnTo>
                    <a:pt x="155448" y="667512"/>
                  </a:lnTo>
                  <a:lnTo>
                    <a:pt x="0" y="512064"/>
                  </a:lnTo>
                  <a:lnTo>
                    <a:pt x="0" y="0"/>
                  </a:lnTo>
                  <a:lnTo>
                    <a:pt x="155448" y="155448"/>
                  </a:lnTo>
                  <a:lnTo>
                    <a:pt x="310896" y="0"/>
                  </a:lnTo>
                  <a:close/>
                </a:path>
              </a:pathLst>
            </a:custGeom>
            <a:ln w="27432">
              <a:solidFill>
                <a:srgbClr val="1C334D"/>
              </a:solidFill>
            </a:ln>
          </p:spPr>
          <p:txBody>
            <a:bodyPr wrap="square" lIns="0" tIns="0" rIns="0" bIns="0" rtlCol="0"/>
            <a:lstStyle/>
            <a:p>
              <a:endParaRPr sz="1749"/>
            </a:p>
          </p:txBody>
        </p:sp>
        <p:sp>
          <p:nvSpPr>
            <p:cNvPr id="22" name="object 22"/>
            <p:cNvSpPr/>
            <p:nvPr/>
          </p:nvSpPr>
          <p:spPr>
            <a:xfrm>
              <a:off x="8470392" y="4786883"/>
              <a:ext cx="312420" cy="708660"/>
            </a:xfrm>
            <a:custGeom>
              <a:avLst/>
              <a:gdLst/>
              <a:ahLst/>
              <a:cxnLst/>
              <a:rect l="l" t="t" r="r" b="b"/>
              <a:pathLst>
                <a:path w="312420" h="708660">
                  <a:moveTo>
                    <a:pt x="155447" y="708660"/>
                  </a:moveTo>
                  <a:lnTo>
                    <a:pt x="0" y="551687"/>
                  </a:lnTo>
                  <a:lnTo>
                    <a:pt x="0" y="0"/>
                  </a:lnTo>
                  <a:lnTo>
                    <a:pt x="312419" y="0"/>
                  </a:lnTo>
                  <a:lnTo>
                    <a:pt x="312419" y="551687"/>
                  </a:lnTo>
                  <a:lnTo>
                    <a:pt x="155447" y="708660"/>
                  </a:lnTo>
                  <a:close/>
                </a:path>
              </a:pathLst>
            </a:custGeom>
            <a:solidFill>
              <a:srgbClr val="4F80BC"/>
            </a:solidFill>
          </p:spPr>
          <p:txBody>
            <a:bodyPr wrap="square" lIns="0" tIns="0" rIns="0" bIns="0" rtlCol="0"/>
            <a:lstStyle/>
            <a:p>
              <a:endParaRPr sz="1749"/>
            </a:p>
          </p:txBody>
        </p:sp>
        <p:sp>
          <p:nvSpPr>
            <p:cNvPr id="23" name="object 23"/>
            <p:cNvSpPr/>
            <p:nvPr/>
          </p:nvSpPr>
          <p:spPr>
            <a:xfrm>
              <a:off x="8470392" y="4786883"/>
              <a:ext cx="312420" cy="708660"/>
            </a:xfrm>
            <a:custGeom>
              <a:avLst/>
              <a:gdLst/>
              <a:ahLst/>
              <a:cxnLst/>
              <a:rect l="l" t="t" r="r" b="b"/>
              <a:pathLst>
                <a:path w="312420" h="708660">
                  <a:moveTo>
                    <a:pt x="312419" y="0"/>
                  </a:moveTo>
                  <a:lnTo>
                    <a:pt x="312419" y="551687"/>
                  </a:lnTo>
                  <a:lnTo>
                    <a:pt x="155447" y="708660"/>
                  </a:lnTo>
                  <a:lnTo>
                    <a:pt x="0" y="551687"/>
                  </a:lnTo>
                  <a:lnTo>
                    <a:pt x="0" y="0"/>
                  </a:lnTo>
                  <a:lnTo>
                    <a:pt x="312419" y="0"/>
                  </a:lnTo>
                  <a:close/>
                </a:path>
              </a:pathLst>
            </a:custGeom>
            <a:ln w="27432">
              <a:solidFill>
                <a:srgbClr val="1C334D"/>
              </a:solidFill>
            </a:ln>
          </p:spPr>
          <p:txBody>
            <a:bodyPr wrap="square" lIns="0" tIns="0" rIns="0" bIns="0" rtlCol="0"/>
            <a:lstStyle/>
            <a:p>
              <a:endParaRPr sz="1749"/>
            </a:p>
          </p:txBody>
        </p:sp>
      </p:grpSp>
      <p:sp>
        <p:nvSpPr>
          <p:cNvPr id="24" name="object 24"/>
          <p:cNvSpPr txBox="1"/>
          <p:nvPr/>
        </p:nvSpPr>
        <p:spPr>
          <a:xfrm>
            <a:off x="7605375" y="5615414"/>
            <a:ext cx="1361826" cy="385914"/>
          </a:xfrm>
          <a:prstGeom prst="rect">
            <a:avLst/>
          </a:prstGeom>
          <a:solidFill>
            <a:srgbClr val="FFFFFF"/>
          </a:solidFill>
          <a:ln w="13715">
            <a:solidFill>
              <a:srgbClr val="1C334D"/>
            </a:solidFill>
          </a:ln>
        </p:spPr>
        <p:txBody>
          <a:bodyPr vert="horz" wrap="square" lIns="0" tIns="6516" rIns="0" bIns="0" rtlCol="0">
            <a:spAutoFit/>
          </a:bodyPr>
          <a:lstStyle/>
          <a:p>
            <a:pPr>
              <a:spcBef>
                <a:spcPts val="51"/>
              </a:spcBef>
            </a:pPr>
            <a:endParaRPr sz="812">
              <a:latin typeface="Times New Roman"/>
              <a:cs typeface="Times New Roman"/>
            </a:endParaRPr>
          </a:p>
          <a:p>
            <a:pPr marL="84163" marR="114571">
              <a:lnSpc>
                <a:spcPct val="101899"/>
              </a:lnSpc>
            </a:pPr>
            <a:r>
              <a:rPr sz="812" dirty="0">
                <a:latin typeface="ＭＳ Ｐゴシック"/>
                <a:cs typeface="ＭＳ Ｐゴシック"/>
              </a:rPr>
              <a:t>R7</a:t>
            </a:r>
            <a:r>
              <a:rPr sz="812" spc="-9" dirty="0">
                <a:latin typeface="ＭＳ Ｐゴシック"/>
                <a:cs typeface="ＭＳ Ｐゴシック"/>
              </a:rPr>
              <a:t>年度の導入に向けた調</a:t>
            </a:r>
            <a:r>
              <a:rPr sz="812" spc="-43" dirty="0">
                <a:latin typeface="ＭＳ Ｐゴシック"/>
                <a:cs typeface="ＭＳ Ｐゴシック"/>
              </a:rPr>
              <a:t>整</a:t>
            </a:r>
            <a:endParaRPr sz="812">
              <a:latin typeface="ＭＳ Ｐゴシック"/>
              <a:cs typeface="ＭＳ Ｐゴシック"/>
            </a:endParaRPr>
          </a:p>
        </p:txBody>
      </p:sp>
      <p:sp>
        <p:nvSpPr>
          <p:cNvPr id="25" name="object 25"/>
          <p:cNvSpPr txBox="1"/>
          <p:nvPr/>
        </p:nvSpPr>
        <p:spPr>
          <a:xfrm>
            <a:off x="7151868" y="4235344"/>
            <a:ext cx="1874411" cy="1807274"/>
          </a:xfrm>
          <a:prstGeom prst="rect">
            <a:avLst/>
          </a:prstGeom>
        </p:spPr>
        <p:txBody>
          <a:bodyPr vert="horz" wrap="square" lIns="0" tIns="55928" rIns="0" bIns="0" rtlCol="0">
            <a:spAutoFit/>
          </a:bodyPr>
          <a:lstStyle/>
          <a:p>
            <a:pPr>
              <a:spcBef>
                <a:spcPts val="440"/>
              </a:spcBef>
            </a:pPr>
            <a:endParaRPr sz="898">
              <a:latin typeface="Times New Roman"/>
              <a:cs typeface="Times New Roman"/>
            </a:endParaRPr>
          </a:p>
          <a:p>
            <a:pPr marL="201449"/>
            <a:r>
              <a:rPr sz="898" spc="-43" dirty="0">
                <a:solidFill>
                  <a:srgbClr val="FFFFFF"/>
                </a:solidFill>
                <a:latin typeface="ＭＳ Ｐゴシック"/>
                <a:cs typeface="ＭＳ Ｐゴシック"/>
              </a:rPr>
              <a:t>R</a:t>
            </a:r>
            <a:endParaRPr sz="898">
              <a:latin typeface="ＭＳ Ｐゴシック"/>
              <a:cs typeface="ＭＳ Ｐゴシック"/>
            </a:endParaRPr>
          </a:p>
          <a:p>
            <a:pPr marL="198191">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825"/>
              </a:spcBef>
            </a:pPr>
            <a:endParaRPr sz="898">
              <a:latin typeface="ＭＳ Ｐゴシック"/>
              <a:cs typeface="ＭＳ Ｐゴシック"/>
            </a:endParaRPr>
          </a:p>
          <a:p>
            <a:pPr marL="192218"/>
            <a:r>
              <a:rPr sz="898" spc="-43" dirty="0">
                <a:solidFill>
                  <a:srgbClr val="FFFFFF"/>
                </a:solidFill>
                <a:latin typeface="ＭＳ Ｐゴシック"/>
                <a:cs typeface="ＭＳ Ｐゴシック"/>
              </a:rPr>
              <a:t>R</a:t>
            </a:r>
            <a:endParaRPr sz="898">
              <a:latin typeface="ＭＳ Ｐゴシック"/>
              <a:cs typeface="ＭＳ Ｐゴシック"/>
            </a:endParaRPr>
          </a:p>
          <a:p>
            <a:pPr marL="188959">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962"/>
              </a:spcBef>
            </a:pPr>
            <a:endParaRPr sz="898">
              <a:latin typeface="ＭＳ Ｐゴシック"/>
              <a:cs typeface="ＭＳ Ｐゴシック"/>
            </a:endParaRPr>
          </a:p>
          <a:p>
            <a:pPr marL="201449"/>
            <a:r>
              <a:rPr sz="898" spc="-43" dirty="0">
                <a:solidFill>
                  <a:srgbClr val="FFFFFF"/>
                </a:solidFill>
                <a:latin typeface="ＭＳ Ｐゴシック"/>
                <a:cs typeface="ＭＳ Ｐゴシック"/>
              </a:rPr>
              <a:t>R</a:t>
            </a:r>
            <a:endParaRPr sz="898">
              <a:latin typeface="ＭＳ Ｐゴシック"/>
              <a:cs typeface="ＭＳ Ｐゴシック"/>
            </a:endParaRPr>
          </a:p>
          <a:p>
            <a:pPr marL="198191">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sp>
        <p:nvSpPr>
          <p:cNvPr id="26" name="object 26"/>
          <p:cNvSpPr txBox="1"/>
          <p:nvPr/>
        </p:nvSpPr>
        <p:spPr>
          <a:xfrm>
            <a:off x="5425150" y="4868691"/>
            <a:ext cx="1366170" cy="515271"/>
          </a:xfrm>
          <a:prstGeom prst="rect">
            <a:avLst/>
          </a:prstGeom>
          <a:solidFill>
            <a:srgbClr val="FFFFFF"/>
          </a:solidFill>
          <a:ln w="13715">
            <a:solidFill>
              <a:srgbClr val="1C334D"/>
            </a:solidFill>
          </a:ln>
        </p:spPr>
        <p:txBody>
          <a:bodyPr vert="horz" wrap="square" lIns="0" tIns="10860" rIns="0" bIns="0" rtlCol="0">
            <a:spAutoFit/>
          </a:bodyPr>
          <a:lstStyle/>
          <a:p>
            <a:pPr>
              <a:spcBef>
                <a:spcPts val="86"/>
              </a:spcBef>
            </a:pPr>
            <a:endParaRPr sz="812">
              <a:latin typeface="Times New Roman"/>
              <a:cs typeface="Times New Roman"/>
            </a:endParaRPr>
          </a:p>
          <a:p>
            <a:pPr marL="84706">
              <a:spcBef>
                <a:spcPts val="4"/>
              </a:spcBef>
            </a:pPr>
            <a:r>
              <a:rPr sz="812" spc="-4" dirty="0">
                <a:latin typeface="ＭＳ Ｐゴシック"/>
                <a:cs typeface="ＭＳ Ｐゴシック"/>
              </a:rPr>
              <a:t>ワークショップの実施</a:t>
            </a:r>
            <a:endParaRPr sz="812">
              <a:latin typeface="ＭＳ Ｐゴシック"/>
              <a:cs typeface="ＭＳ Ｐゴシック"/>
            </a:endParaRPr>
          </a:p>
          <a:p>
            <a:pPr marL="84706" marR="78190">
              <a:lnSpc>
                <a:spcPct val="101899"/>
              </a:lnSpc>
            </a:pPr>
            <a:r>
              <a:rPr sz="812" dirty="0">
                <a:latin typeface="ＭＳ Ｐゴシック"/>
                <a:cs typeface="ＭＳ Ｐゴシック"/>
              </a:rPr>
              <a:t>（</a:t>
            </a:r>
            <a:r>
              <a:rPr sz="812" spc="-4" dirty="0">
                <a:latin typeface="ＭＳ Ｐゴシック"/>
                <a:cs typeface="ＭＳ Ｐゴシック"/>
              </a:rPr>
              <a:t>導入する新技術案の具体</a:t>
            </a:r>
            <a:r>
              <a:rPr sz="812" dirty="0">
                <a:latin typeface="ＭＳ Ｐゴシック"/>
                <a:cs typeface="ＭＳ Ｐゴシック"/>
              </a:rPr>
              <a:t>化</a:t>
            </a:r>
            <a:r>
              <a:rPr sz="812" spc="-43" dirty="0">
                <a:latin typeface="ＭＳ Ｐゴシック"/>
                <a:cs typeface="ＭＳ Ｐゴシック"/>
              </a:rPr>
              <a:t>）</a:t>
            </a:r>
            <a:endParaRPr sz="812">
              <a:latin typeface="ＭＳ Ｐゴシック"/>
              <a:cs typeface="ＭＳ Ｐゴシック"/>
            </a:endParaRPr>
          </a:p>
        </p:txBody>
      </p:sp>
      <p:grpSp>
        <p:nvGrpSpPr>
          <p:cNvPr id="27" name="object 27"/>
          <p:cNvGrpSpPr/>
          <p:nvPr/>
        </p:nvGrpSpPr>
        <p:grpSpPr>
          <a:xfrm>
            <a:off x="5049617" y="4863262"/>
            <a:ext cx="288872" cy="821548"/>
            <a:chOff x="5905246" y="5458714"/>
            <a:chExt cx="337820" cy="960755"/>
          </a:xfrm>
        </p:grpSpPr>
        <p:sp>
          <p:nvSpPr>
            <p:cNvPr id="28" name="object 28"/>
            <p:cNvSpPr/>
            <p:nvPr/>
          </p:nvSpPr>
          <p:spPr>
            <a:xfrm>
              <a:off x="5919216" y="5472684"/>
              <a:ext cx="309880" cy="932815"/>
            </a:xfrm>
            <a:custGeom>
              <a:avLst/>
              <a:gdLst/>
              <a:ahLst/>
              <a:cxnLst/>
              <a:rect l="l" t="t" r="r" b="b"/>
              <a:pathLst>
                <a:path w="309879" h="932814">
                  <a:moveTo>
                    <a:pt x="155448" y="932687"/>
                  </a:moveTo>
                  <a:lnTo>
                    <a:pt x="0" y="777239"/>
                  </a:lnTo>
                  <a:lnTo>
                    <a:pt x="0" y="0"/>
                  </a:lnTo>
                  <a:lnTo>
                    <a:pt x="155448" y="155448"/>
                  </a:lnTo>
                  <a:lnTo>
                    <a:pt x="309371" y="0"/>
                  </a:lnTo>
                  <a:lnTo>
                    <a:pt x="309371" y="777239"/>
                  </a:lnTo>
                  <a:lnTo>
                    <a:pt x="155448" y="932687"/>
                  </a:lnTo>
                  <a:close/>
                </a:path>
              </a:pathLst>
            </a:custGeom>
            <a:solidFill>
              <a:srgbClr val="4F80BC"/>
            </a:solidFill>
          </p:spPr>
          <p:txBody>
            <a:bodyPr wrap="square" lIns="0" tIns="0" rIns="0" bIns="0" rtlCol="0"/>
            <a:lstStyle/>
            <a:p>
              <a:endParaRPr sz="1749"/>
            </a:p>
          </p:txBody>
        </p:sp>
        <p:sp>
          <p:nvSpPr>
            <p:cNvPr id="29" name="object 29"/>
            <p:cNvSpPr/>
            <p:nvPr/>
          </p:nvSpPr>
          <p:spPr>
            <a:xfrm>
              <a:off x="5919216" y="5472684"/>
              <a:ext cx="309880" cy="932815"/>
            </a:xfrm>
            <a:custGeom>
              <a:avLst/>
              <a:gdLst/>
              <a:ahLst/>
              <a:cxnLst/>
              <a:rect l="l" t="t" r="r" b="b"/>
              <a:pathLst>
                <a:path w="309879" h="932814">
                  <a:moveTo>
                    <a:pt x="309371" y="0"/>
                  </a:moveTo>
                  <a:lnTo>
                    <a:pt x="309371" y="777239"/>
                  </a:lnTo>
                  <a:lnTo>
                    <a:pt x="155448" y="932687"/>
                  </a:lnTo>
                  <a:lnTo>
                    <a:pt x="0" y="777239"/>
                  </a:lnTo>
                  <a:lnTo>
                    <a:pt x="0" y="0"/>
                  </a:lnTo>
                  <a:lnTo>
                    <a:pt x="155448" y="155448"/>
                  </a:lnTo>
                  <a:lnTo>
                    <a:pt x="309371" y="0"/>
                  </a:lnTo>
                  <a:close/>
                </a:path>
              </a:pathLst>
            </a:custGeom>
            <a:ln w="27432">
              <a:solidFill>
                <a:srgbClr val="1C334D"/>
              </a:solidFill>
            </a:ln>
          </p:spPr>
          <p:txBody>
            <a:bodyPr wrap="square" lIns="0" tIns="0" rIns="0" bIns="0" rtlCol="0"/>
            <a:lstStyle/>
            <a:p>
              <a:endParaRPr sz="1749"/>
            </a:p>
          </p:txBody>
        </p:sp>
      </p:grpSp>
      <p:sp>
        <p:nvSpPr>
          <p:cNvPr id="30" name="object 30"/>
          <p:cNvSpPr txBox="1"/>
          <p:nvPr/>
        </p:nvSpPr>
        <p:spPr>
          <a:xfrm>
            <a:off x="5151125" y="5117070"/>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31" name="object 31"/>
          <p:cNvSpPr txBox="1"/>
          <p:nvPr/>
        </p:nvSpPr>
        <p:spPr>
          <a:xfrm>
            <a:off x="5439485" y="5581532"/>
            <a:ext cx="1367256" cy="382624"/>
          </a:xfrm>
          <a:prstGeom prst="rect">
            <a:avLst/>
          </a:prstGeom>
          <a:solidFill>
            <a:srgbClr val="FFFFFF"/>
          </a:solidFill>
          <a:ln w="13715">
            <a:solidFill>
              <a:srgbClr val="1C334D"/>
            </a:solidFill>
          </a:ln>
        </p:spPr>
        <p:txBody>
          <a:bodyPr vert="horz" wrap="square" lIns="0" tIns="3258" rIns="0" bIns="0" rtlCol="0">
            <a:spAutoFit/>
          </a:bodyPr>
          <a:lstStyle/>
          <a:p>
            <a:pPr>
              <a:spcBef>
                <a:spcPts val="26"/>
              </a:spcBef>
            </a:pPr>
            <a:endParaRPr sz="812">
              <a:latin typeface="Times New Roman"/>
              <a:cs typeface="Times New Roman"/>
            </a:endParaRPr>
          </a:p>
          <a:p>
            <a:pPr marL="84163" marR="108054">
              <a:lnSpc>
                <a:spcPct val="102200"/>
              </a:lnSpc>
            </a:pPr>
            <a:r>
              <a:rPr sz="812" spc="-4" dirty="0">
                <a:latin typeface="ＭＳ Ｐゴシック"/>
                <a:cs typeface="ＭＳ Ｐゴシック"/>
              </a:rPr>
              <a:t>アドバイザーの伴走による</a:t>
            </a:r>
            <a:r>
              <a:rPr sz="812" spc="-13" dirty="0">
                <a:latin typeface="ＭＳ Ｐゴシック"/>
                <a:cs typeface="ＭＳ Ｐゴシック"/>
              </a:rPr>
              <a:t>技術導入</a:t>
            </a:r>
            <a:endParaRPr sz="812">
              <a:latin typeface="ＭＳ Ｐゴシック"/>
              <a:cs typeface="ＭＳ Ｐゴシック"/>
            </a:endParaRPr>
          </a:p>
        </p:txBody>
      </p:sp>
      <p:grpSp>
        <p:nvGrpSpPr>
          <p:cNvPr id="32" name="object 32"/>
          <p:cNvGrpSpPr/>
          <p:nvPr/>
        </p:nvGrpSpPr>
        <p:grpSpPr>
          <a:xfrm>
            <a:off x="5041797" y="4295074"/>
            <a:ext cx="292673" cy="629872"/>
            <a:chOff x="5896101" y="4794250"/>
            <a:chExt cx="342265" cy="736600"/>
          </a:xfrm>
        </p:grpSpPr>
        <p:sp>
          <p:nvSpPr>
            <p:cNvPr id="33" name="object 33"/>
            <p:cNvSpPr/>
            <p:nvPr/>
          </p:nvSpPr>
          <p:spPr>
            <a:xfrm>
              <a:off x="5910071" y="4808220"/>
              <a:ext cx="314325" cy="708660"/>
            </a:xfrm>
            <a:custGeom>
              <a:avLst/>
              <a:gdLst/>
              <a:ahLst/>
              <a:cxnLst/>
              <a:rect l="l" t="t" r="r" b="b"/>
              <a:pathLst>
                <a:path w="314325" h="708660">
                  <a:moveTo>
                    <a:pt x="156972" y="708660"/>
                  </a:moveTo>
                  <a:lnTo>
                    <a:pt x="0" y="551687"/>
                  </a:lnTo>
                  <a:lnTo>
                    <a:pt x="0" y="0"/>
                  </a:lnTo>
                  <a:lnTo>
                    <a:pt x="313944" y="0"/>
                  </a:lnTo>
                  <a:lnTo>
                    <a:pt x="313944" y="551687"/>
                  </a:lnTo>
                  <a:lnTo>
                    <a:pt x="156972" y="708660"/>
                  </a:lnTo>
                  <a:close/>
                </a:path>
              </a:pathLst>
            </a:custGeom>
            <a:solidFill>
              <a:srgbClr val="4F80BC"/>
            </a:solidFill>
          </p:spPr>
          <p:txBody>
            <a:bodyPr wrap="square" lIns="0" tIns="0" rIns="0" bIns="0" rtlCol="0"/>
            <a:lstStyle/>
            <a:p>
              <a:endParaRPr sz="1749"/>
            </a:p>
          </p:txBody>
        </p:sp>
        <p:sp>
          <p:nvSpPr>
            <p:cNvPr id="34" name="object 34"/>
            <p:cNvSpPr/>
            <p:nvPr/>
          </p:nvSpPr>
          <p:spPr>
            <a:xfrm>
              <a:off x="5910071" y="4808220"/>
              <a:ext cx="314325" cy="708660"/>
            </a:xfrm>
            <a:custGeom>
              <a:avLst/>
              <a:gdLst/>
              <a:ahLst/>
              <a:cxnLst/>
              <a:rect l="l" t="t" r="r" b="b"/>
              <a:pathLst>
                <a:path w="314325" h="708660">
                  <a:moveTo>
                    <a:pt x="313944" y="0"/>
                  </a:moveTo>
                  <a:lnTo>
                    <a:pt x="313944" y="551687"/>
                  </a:lnTo>
                  <a:lnTo>
                    <a:pt x="156972" y="708660"/>
                  </a:lnTo>
                  <a:lnTo>
                    <a:pt x="0" y="551687"/>
                  </a:lnTo>
                  <a:lnTo>
                    <a:pt x="0" y="0"/>
                  </a:lnTo>
                  <a:lnTo>
                    <a:pt x="313944" y="0"/>
                  </a:lnTo>
                  <a:close/>
                </a:path>
              </a:pathLst>
            </a:custGeom>
            <a:ln w="27431">
              <a:solidFill>
                <a:srgbClr val="1C334D"/>
              </a:solidFill>
            </a:ln>
          </p:spPr>
          <p:txBody>
            <a:bodyPr wrap="square" lIns="0" tIns="0" rIns="0" bIns="0" rtlCol="0"/>
            <a:lstStyle/>
            <a:p>
              <a:endParaRPr sz="1749"/>
            </a:p>
          </p:txBody>
        </p:sp>
      </p:grpSp>
      <p:sp>
        <p:nvSpPr>
          <p:cNvPr id="35" name="object 35"/>
          <p:cNvSpPr txBox="1"/>
          <p:nvPr/>
        </p:nvSpPr>
        <p:spPr>
          <a:xfrm>
            <a:off x="5151125" y="4426637"/>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p:txBody>
      </p:sp>
      <p:grpSp>
        <p:nvGrpSpPr>
          <p:cNvPr id="36" name="object 36"/>
          <p:cNvGrpSpPr/>
          <p:nvPr/>
        </p:nvGrpSpPr>
        <p:grpSpPr>
          <a:xfrm>
            <a:off x="5053743" y="5597171"/>
            <a:ext cx="288329" cy="594577"/>
            <a:chOff x="5910071" y="6316980"/>
            <a:chExt cx="337185" cy="695325"/>
          </a:xfrm>
        </p:grpSpPr>
        <p:sp>
          <p:nvSpPr>
            <p:cNvPr id="37" name="object 37"/>
            <p:cNvSpPr/>
            <p:nvPr/>
          </p:nvSpPr>
          <p:spPr>
            <a:xfrm>
              <a:off x="5923787" y="6330696"/>
              <a:ext cx="309880" cy="668020"/>
            </a:xfrm>
            <a:custGeom>
              <a:avLst/>
              <a:gdLst/>
              <a:ahLst/>
              <a:cxnLst/>
              <a:rect l="l" t="t" r="r" b="b"/>
              <a:pathLst>
                <a:path w="309879" h="668020">
                  <a:moveTo>
                    <a:pt x="153924" y="667511"/>
                  </a:moveTo>
                  <a:lnTo>
                    <a:pt x="0" y="512064"/>
                  </a:lnTo>
                  <a:lnTo>
                    <a:pt x="0" y="0"/>
                  </a:lnTo>
                  <a:lnTo>
                    <a:pt x="153924" y="155448"/>
                  </a:lnTo>
                  <a:lnTo>
                    <a:pt x="309372" y="0"/>
                  </a:lnTo>
                  <a:lnTo>
                    <a:pt x="309372" y="512064"/>
                  </a:lnTo>
                  <a:lnTo>
                    <a:pt x="153924" y="667511"/>
                  </a:lnTo>
                  <a:close/>
                </a:path>
              </a:pathLst>
            </a:custGeom>
            <a:solidFill>
              <a:srgbClr val="4F80BC"/>
            </a:solidFill>
          </p:spPr>
          <p:txBody>
            <a:bodyPr wrap="square" lIns="0" tIns="0" rIns="0" bIns="0" rtlCol="0"/>
            <a:lstStyle/>
            <a:p>
              <a:endParaRPr sz="1749"/>
            </a:p>
          </p:txBody>
        </p:sp>
        <p:sp>
          <p:nvSpPr>
            <p:cNvPr id="38" name="object 38"/>
            <p:cNvSpPr/>
            <p:nvPr/>
          </p:nvSpPr>
          <p:spPr>
            <a:xfrm>
              <a:off x="5923787" y="6330696"/>
              <a:ext cx="309880" cy="668020"/>
            </a:xfrm>
            <a:custGeom>
              <a:avLst/>
              <a:gdLst/>
              <a:ahLst/>
              <a:cxnLst/>
              <a:rect l="l" t="t" r="r" b="b"/>
              <a:pathLst>
                <a:path w="309879" h="668020">
                  <a:moveTo>
                    <a:pt x="309372" y="0"/>
                  </a:moveTo>
                  <a:lnTo>
                    <a:pt x="309372" y="512064"/>
                  </a:lnTo>
                  <a:lnTo>
                    <a:pt x="153924" y="667511"/>
                  </a:lnTo>
                  <a:lnTo>
                    <a:pt x="0" y="512064"/>
                  </a:lnTo>
                  <a:lnTo>
                    <a:pt x="0" y="0"/>
                  </a:lnTo>
                  <a:lnTo>
                    <a:pt x="153924" y="155448"/>
                  </a:lnTo>
                  <a:lnTo>
                    <a:pt x="309372" y="0"/>
                  </a:lnTo>
                  <a:close/>
                </a:path>
              </a:pathLst>
            </a:custGeom>
            <a:ln w="27432">
              <a:solidFill>
                <a:srgbClr val="1C334D"/>
              </a:solidFill>
            </a:ln>
          </p:spPr>
          <p:txBody>
            <a:bodyPr wrap="square" lIns="0" tIns="0" rIns="0" bIns="0" rtlCol="0"/>
            <a:lstStyle/>
            <a:p>
              <a:endParaRPr sz="1749"/>
            </a:p>
          </p:txBody>
        </p:sp>
      </p:grpSp>
      <p:sp>
        <p:nvSpPr>
          <p:cNvPr id="39" name="object 39"/>
          <p:cNvSpPr txBox="1"/>
          <p:nvPr/>
        </p:nvSpPr>
        <p:spPr>
          <a:xfrm>
            <a:off x="5154791" y="5776808"/>
            <a:ext cx="102083" cy="290614"/>
          </a:xfrm>
          <a:prstGeom prst="rect">
            <a:avLst/>
          </a:prstGeom>
        </p:spPr>
        <p:txBody>
          <a:bodyPr vert="horz" wrap="square" lIns="0" tIns="14118" rIns="0" bIns="0" rtlCol="0">
            <a:spAutoFit/>
          </a:bodyPr>
          <a:lstStyle/>
          <a:p>
            <a:pPr marL="14661">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sp>
        <p:nvSpPr>
          <p:cNvPr id="40" name="object 40"/>
          <p:cNvSpPr txBox="1"/>
          <p:nvPr/>
        </p:nvSpPr>
        <p:spPr>
          <a:xfrm>
            <a:off x="7588434" y="4290079"/>
            <a:ext cx="1379202" cy="323412"/>
          </a:xfrm>
          <a:prstGeom prst="rect">
            <a:avLst/>
          </a:prstGeom>
          <a:solidFill>
            <a:srgbClr val="FFFFFF"/>
          </a:solidFill>
          <a:ln w="13715">
            <a:solidFill>
              <a:srgbClr val="1C334D"/>
            </a:solidFill>
          </a:ln>
        </p:spPr>
        <p:txBody>
          <a:bodyPr vert="horz" wrap="square" lIns="0" tIns="72761" rIns="0" bIns="0" rtlCol="0">
            <a:spAutoFit/>
          </a:bodyPr>
          <a:lstStyle/>
          <a:p>
            <a:pPr>
              <a:spcBef>
                <a:spcPts val="573"/>
              </a:spcBef>
            </a:pPr>
            <a:endParaRPr sz="812">
              <a:latin typeface="Times New Roman"/>
              <a:cs typeface="Times New Roman"/>
            </a:endParaRPr>
          </a:p>
          <a:p>
            <a:pPr marL="84163"/>
            <a:r>
              <a:rPr sz="812" spc="-9" dirty="0">
                <a:latin typeface="ＭＳ Ｐゴシック"/>
                <a:cs typeface="ＭＳ Ｐゴシック"/>
              </a:rPr>
              <a:t>課題の整理</a:t>
            </a:r>
            <a:endParaRPr sz="812">
              <a:latin typeface="ＭＳ Ｐゴシック"/>
              <a:cs typeface="ＭＳ Ｐゴシック"/>
            </a:endParaRPr>
          </a:p>
        </p:txBody>
      </p:sp>
      <p:sp>
        <p:nvSpPr>
          <p:cNvPr id="41" name="object 41"/>
          <p:cNvSpPr txBox="1"/>
          <p:nvPr/>
        </p:nvSpPr>
        <p:spPr>
          <a:xfrm>
            <a:off x="5439486" y="4307020"/>
            <a:ext cx="1351509" cy="323412"/>
          </a:xfrm>
          <a:prstGeom prst="rect">
            <a:avLst/>
          </a:prstGeom>
          <a:solidFill>
            <a:srgbClr val="FFFFFF"/>
          </a:solidFill>
          <a:ln w="13715">
            <a:solidFill>
              <a:srgbClr val="1C334D"/>
            </a:solidFill>
          </a:ln>
        </p:spPr>
        <p:txBody>
          <a:bodyPr vert="horz" wrap="square" lIns="0" tIns="72761" rIns="0" bIns="0" rtlCol="0">
            <a:spAutoFit/>
          </a:bodyPr>
          <a:lstStyle/>
          <a:p>
            <a:pPr>
              <a:spcBef>
                <a:spcPts val="573"/>
              </a:spcBef>
            </a:pPr>
            <a:endParaRPr sz="812">
              <a:latin typeface="Times New Roman"/>
              <a:cs typeface="Times New Roman"/>
            </a:endParaRPr>
          </a:p>
          <a:p>
            <a:pPr marL="84163"/>
            <a:r>
              <a:rPr sz="812" spc="-9" dirty="0">
                <a:latin typeface="ＭＳ Ｐゴシック"/>
                <a:cs typeface="ＭＳ Ｐゴシック"/>
              </a:rPr>
              <a:t>課題の整理</a:t>
            </a:r>
            <a:endParaRPr sz="812">
              <a:latin typeface="ＭＳ Ｐゴシック"/>
              <a:cs typeface="ＭＳ Ｐゴシック"/>
            </a:endParaRPr>
          </a:p>
        </p:txBody>
      </p:sp>
      <p:sp>
        <p:nvSpPr>
          <p:cNvPr id="42" name="object 42"/>
          <p:cNvSpPr txBox="1"/>
          <p:nvPr/>
        </p:nvSpPr>
        <p:spPr>
          <a:xfrm>
            <a:off x="8847199" y="6292310"/>
            <a:ext cx="209595" cy="237487"/>
          </a:xfrm>
          <a:prstGeom prst="rect">
            <a:avLst/>
          </a:prstGeom>
        </p:spPr>
        <p:txBody>
          <a:bodyPr vert="horz" wrap="square" lIns="0" tIns="13575" rIns="0" bIns="0" rtlCol="0">
            <a:spAutoFit/>
          </a:bodyPr>
          <a:lstStyle/>
          <a:p>
            <a:pPr marL="10860">
              <a:spcBef>
                <a:spcPts val="107"/>
              </a:spcBef>
            </a:pPr>
            <a:r>
              <a:rPr sz="1454" spc="-21" dirty="0">
                <a:latin typeface="ＭＳ Ｐゴシック"/>
                <a:cs typeface="ＭＳ Ｐゴシック"/>
              </a:rPr>
              <a:t>11</a:t>
            </a:r>
            <a:endParaRPr sz="1454">
              <a:latin typeface="ＭＳ Ｐゴシック"/>
              <a:cs typeface="ＭＳ Ｐゴシック"/>
            </a:endParaRPr>
          </a:p>
        </p:txBody>
      </p:sp>
      <p:sp>
        <p:nvSpPr>
          <p:cNvPr id="43" name="object 43"/>
          <p:cNvSpPr txBox="1"/>
          <p:nvPr/>
        </p:nvSpPr>
        <p:spPr>
          <a:xfrm>
            <a:off x="1808181" y="871569"/>
            <a:ext cx="3245561" cy="209489"/>
          </a:xfrm>
          <a:prstGeom prst="rect">
            <a:avLst/>
          </a:prstGeom>
        </p:spPr>
        <p:txBody>
          <a:bodyPr vert="horz" wrap="square" lIns="0" tIns="11946" rIns="0" bIns="0" rtlCol="0">
            <a:spAutoFit/>
          </a:bodyPr>
          <a:lstStyle/>
          <a:p>
            <a:pPr marL="10860">
              <a:spcBef>
                <a:spcPts val="94"/>
              </a:spcBef>
            </a:pPr>
            <a:r>
              <a:rPr sz="1283" spc="-4" dirty="0">
                <a:latin typeface="ＭＳ Ｐゴシック"/>
                <a:cs typeface="ＭＳ Ｐゴシック"/>
              </a:rPr>
              <a:t>支援対象：道路舗装・橋梁・緑地法面</a:t>
            </a:r>
            <a:endParaRPr sz="1283" dirty="0">
              <a:latin typeface="ＭＳ Ｐゴシック"/>
              <a:cs typeface="ＭＳ Ｐゴシック"/>
            </a:endParaRPr>
          </a:p>
        </p:txBody>
      </p:sp>
      <p:sp>
        <p:nvSpPr>
          <p:cNvPr id="44" name="object 44"/>
          <p:cNvSpPr txBox="1"/>
          <p:nvPr/>
        </p:nvSpPr>
        <p:spPr>
          <a:xfrm>
            <a:off x="250211" y="821005"/>
            <a:ext cx="1484542" cy="239096"/>
          </a:xfrm>
          <a:prstGeom prst="rect">
            <a:avLst/>
          </a:prstGeom>
          <a:ln w="13715">
            <a:solidFill>
              <a:srgbClr val="000000"/>
            </a:solidFill>
          </a:ln>
        </p:spPr>
        <p:txBody>
          <a:bodyPr vert="horz" wrap="square" lIns="0" tIns="41267" rIns="0" bIns="0" rtlCol="0">
            <a:spAutoFit/>
          </a:bodyPr>
          <a:lstStyle/>
          <a:p>
            <a:pPr marL="176471">
              <a:spcBef>
                <a:spcPts val="325"/>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45" name="object 45"/>
          <p:cNvSpPr txBox="1"/>
          <p:nvPr/>
        </p:nvSpPr>
        <p:spPr>
          <a:xfrm>
            <a:off x="5126721" y="2317059"/>
            <a:ext cx="1974322" cy="239645"/>
          </a:xfrm>
          <a:prstGeom prst="rect">
            <a:avLst/>
          </a:prstGeom>
          <a:solidFill>
            <a:srgbClr val="B6DDE8"/>
          </a:solidFill>
          <a:ln w="10667">
            <a:solidFill>
              <a:srgbClr val="00AFEF"/>
            </a:solidFill>
          </a:ln>
        </p:spPr>
        <p:txBody>
          <a:bodyPr vert="horz" wrap="square" lIns="0" tIns="41810" rIns="0" bIns="0" rtlCol="0">
            <a:spAutoFit/>
          </a:bodyPr>
          <a:lstStyle/>
          <a:p>
            <a:pPr marL="134118">
              <a:spcBef>
                <a:spcPts val="329"/>
              </a:spcBef>
            </a:pPr>
            <a:r>
              <a:rPr sz="1283" spc="-9" dirty="0">
                <a:latin typeface="ＭＳ Ｐゴシック"/>
                <a:cs typeface="ＭＳ Ｐゴシック"/>
              </a:rPr>
              <a:t>具体な検討スケジュール</a:t>
            </a:r>
            <a:endParaRPr sz="1283">
              <a:latin typeface="ＭＳ Ｐゴシック"/>
              <a:cs typeface="ＭＳ Ｐゴシック"/>
            </a:endParaRPr>
          </a:p>
        </p:txBody>
      </p:sp>
      <p:sp>
        <p:nvSpPr>
          <p:cNvPr id="46" name="object 46"/>
          <p:cNvSpPr txBox="1"/>
          <p:nvPr/>
        </p:nvSpPr>
        <p:spPr>
          <a:xfrm>
            <a:off x="123561" y="4947911"/>
            <a:ext cx="1836402" cy="263099"/>
          </a:xfrm>
          <a:prstGeom prst="rect">
            <a:avLst/>
          </a:prstGeom>
        </p:spPr>
        <p:txBody>
          <a:bodyPr vert="horz" wrap="square" lIns="0" tIns="13032" rIns="0" bIns="0" rtlCol="0">
            <a:spAutoFit/>
          </a:bodyPr>
          <a:lstStyle/>
          <a:p>
            <a:pPr marL="10860">
              <a:spcBef>
                <a:spcPts val="103"/>
              </a:spcBef>
            </a:pPr>
            <a:r>
              <a:rPr sz="812" spc="-9" dirty="0">
                <a:latin typeface="ＭＳ Ｐゴシック"/>
                <a:cs typeface="ＭＳ Ｐゴシック"/>
              </a:rPr>
              <a:t>倒木対策「高性能カメラ搭載のドローンに</a:t>
            </a:r>
            <a:endParaRPr sz="812">
              <a:latin typeface="ＭＳ Ｐゴシック"/>
              <a:cs typeface="ＭＳ Ｐゴシック"/>
            </a:endParaRPr>
          </a:p>
        </p:txBody>
      </p:sp>
      <p:sp>
        <p:nvSpPr>
          <p:cNvPr id="47" name="object 47"/>
          <p:cNvSpPr txBox="1"/>
          <p:nvPr/>
        </p:nvSpPr>
        <p:spPr>
          <a:xfrm>
            <a:off x="240664" y="5074085"/>
            <a:ext cx="1601285" cy="138130"/>
          </a:xfrm>
          <a:prstGeom prst="rect">
            <a:avLst/>
          </a:prstGeom>
        </p:spPr>
        <p:txBody>
          <a:bodyPr vert="horz" wrap="square" lIns="0" tIns="13032" rIns="0" bIns="0" rtlCol="0">
            <a:spAutoFit/>
          </a:bodyPr>
          <a:lstStyle/>
          <a:p>
            <a:pPr marL="10860">
              <a:spcBef>
                <a:spcPts val="103"/>
              </a:spcBef>
            </a:pPr>
            <a:r>
              <a:rPr sz="812" dirty="0">
                <a:latin typeface="ＭＳ Ｐゴシック"/>
                <a:cs typeface="ＭＳ Ｐゴシック"/>
              </a:rPr>
              <a:t>よるNDVI値(樹木活力度)の可視化</a:t>
            </a:r>
            <a:r>
              <a:rPr sz="812" spc="-43" dirty="0">
                <a:latin typeface="ＭＳ Ｐゴシック"/>
                <a:cs typeface="ＭＳ Ｐゴシック"/>
              </a:rPr>
              <a:t>｣</a:t>
            </a:r>
            <a:endParaRPr sz="812">
              <a:latin typeface="ＭＳ Ｐゴシック"/>
              <a:cs typeface="ＭＳ Ｐゴシック"/>
            </a:endParaRPr>
          </a:p>
        </p:txBody>
      </p:sp>
      <p:sp>
        <p:nvSpPr>
          <p:cNvPr id="48" name="object 48"/>
          <p:cNvSpPr txBox="1"/>
          <p:nvPr/>
        </p:nvSpPr>
        <p:spPr>
          <a:xfrm>
            <a:off x="309845" y="6022918"/>
            <a:ext cx="1447619" cy="575986"/>
          </a:xfrm>
          <a:prstGeom prst="rect">
            <a:avLst/>
          </a:prstGeom>
        </p:spPr>
        <p:txBody>
          <a:bodyPr vert="horz" wrap="square" lIns="0" tIns="9774" rIns="0" bIns="0" rtlCol="0">
            <a:spAutoFit/>
          </a:bodyPr>
          <a:lstStyle/>
          <a:p>
            <a:pPr marL="10860" marR="4344">
              <a:lnSpc>
                <a:spcPct val="102200"/>
              </a:lnSpc>
              <a:spcBef>
                <a:spcPts val="77"/>
              </a:spcBef>
            </a:pPr>
            <a:r>
              <a:rPr sz="727" dirty="0">
                <a:latin typeface="ＭＳ Ｐゴシック"/>
                <a:cs typeface="ＭＳ Ｐゴシック"/>
              </a:rPr>
              <a:t>出典）東北地方整備局｢</a:t>
            </a:r>
            <a:r>
              <a:rPr sz="727" spc="-9" dirty="0">
                <a:latin typeface="ＭＳ Ｐゴシック"/>
                <a:cs typeface="ＭＳ Ｐゴシック"/>
              </a:rPr>
              <a:t>ドローンを用</a:t>
            </a:r>
            <a:r>
              <a:rPr sz="727" dirty="0">
                <a:latin typeface="ＭＳ Ｐゴシック"/>
                <a:cs typeface="ＭＳ Ｐゴシック"/>
              </a:rPr>
              <a:t>いた倒木リスク把握の効率化</a:t>
            </a:r>
            <a:r>
              <a:rPr sz="727" spc="-43" dirty="0">
                <a:latin typeface="ＭＳ Ｐゴシック"/>
                <a:cs typeface="ＭＳ Ｐゴシック"/>
              </a:rPr>
              <a:t>｣</a:t>
            </a:r>
            <a:endParaRPr sz="727">
              <a:latin typeface="ＭＳ Ｐゴシック"/>
              <a:cs typeface="ＭＳ Ｐゴシック"/>
            </a:endParaRPr>
          </a:p>
          <a:p>
            <a:pPr marL="10860" marR="11946">
              <a:lnSpc>
                <a:spcPct val="101200"/>
              </a:lnSpc>
            </a:pPr>
            <a:r>
              <a:rPr sz="727" spc="-9" dirty="0">
                <a:latin typeface="ＭＳ Ｐゴシック"/>
                <a:cs typeface="ＭＳ Ｐゴシック"/>
              </a:rPr>
              <a:t>（</a:t>
            </a:r>
            <a:r>
              <a:rPr sz="727" spc="-9" dirty="0">
                <a:latin typeface="ＭＳ Ｐゴシック"/>
                <a:cs typeface="ＭＳ Ｐゴシック"/>
                <a:hlinkClick r:id="rId2"/>
              </a:rPr>
              <a:t>http://www.thr.mlit.go.jp/Bumon/B</a:t>
            </a:r>
            <a:r>
              <a:rPr sz="727" spc="-9" dirty="0">
                <a:latin typeface="ＭＳ Ｐゴシック"/>
                <a:cs typeface="ＭＳ Ｐゴシック"/>
              </a:rPr>
              <a:t> 00097/K00360/happyoukai/R3/list2</a:t>
            </a:r>
            <a:endParaRPr sz="727">
              <a:latin typeface="ＭＳ Ｐゴシック"/>
              <a:cs typeface="ＭＳ Ｐゴシック"/>
            </a:endParaRPr>
          </a:p>
          <a:p>
            <a:pPr marL="10860">
              <a:spcBef>
                <a:spcPts val="21"/>
              </a:spcBef>
            </a:pPr>
            <a:r>
              <a:rPr sz="727" dirty="0">
                <a:latin typeface="ＭＳ Ｐゴシック"/>
                <a:cs typeface="ＭＳ Ｐゴシック"/>
              </a:rPr>
              <a:t>/2-11.pdf）20240702</a:t>
            </a:r>
            <a:r>
              <a:rPr sz="727" spc="-21" dirty="0">
                <a:latin typeface="ＭＳ Ｐゴシック"/>
                <a:cs typeface="ＭＳ Ｐゴシック"/>
              </a:rPr>
              <a:t>閲覧</a:t>
            </a:r>
            <a:endParaRPr sz="727">
              <a:latin typeface="ＭＳ Ｐゴシック"/>
              <a:cs typeface="ＭＳ Ｐゴシック"/>
            </a:endParaRPr>
          </a:p>
        </p:txBody>
      </p:sp>
      <p:pic>
        <p:nvPicPr>
          <p:cNvPr id="49" name="object 49"/>
          <p:cNvPicPr/>
          <p:nvPr/>
        </p:nvPicPr>
        <p:blipFill>
          <a:blip r:embed="rId3" cstate="print"/>
          <a:stretch>
            <a:fillRect/>
          </a:stretch>
        </p:blipFill>
        <p:spPr>
          <a:xfrm>
            <a:off x="2297511" y="5191880"/>
            <a:ext cx="419624" cy="918743"/>
          </a:xfrm>
          <a:prstGeom prst="rect">
            <a:avLst/>
          </a:prstGeom>
        </p:spPr>
      </p:pic>
      <p:sp>
        <p:nvSpPr>
          <p:cNvPr id="50" name="object 50"/>
          <p:cNvSpPr txBox="1"/>
          <p:nvPr/>
        </p:nvSpPr>
        <p:spPr>
          <a:xfrm>
            <a:off x="2138230" y="4916573"/>
            <a:ext cx="879105" cy="392802"/>
          </a:xfrm>
          <a:prstGeom prst="rect">
            <a:avLst/>
          </a:prstGeom>
        </p:spPr>
        <p:txBody>
          <a:bodyPr vert="horz" wrap="square" lIns="0" tIns="10860" rIns="0" bIns="0" rtlCol="0">
            <a:spAutoFit/>
          </a:bodyPr>
          <a:lstStyle/>
          <a:p>
            <a:pPr marL="134118" marR="4344" indent="-123801">
              <a:lnSpc>
                <a:spcPct val="101899"/>
              </a:lnSpc>
              <a:spcBef>
                <a:spcPts val="86"/>
              </a:spcBef>
            </a:pPr>
            <a:r>
              <a:rPr sz="812" spc="-9" dirty="0">
                <a:latin typeface="ＭＳ Ｐゴシック"/>
                <a:cs typeface="ＭＳ Ｐゴシック"/>
              </a:rPr>
              <a:t>竹繁茂対策「ルートブロック工法」</a:t>
            </a:r>
            <a:endParaRPr sz="812">
              <a:latin typeface="ＭＳ Ｐゴシック"/>
              <a:cs typeface="ＭＳ Ｐゴシック"/>
            </a:endParaRPr>
          </a:p>
        </p:txBody>
      </p:sp>
      <p:sp>
        <p:nvSpPr>
          <p:cNvPr id="51" name="object 51"/>
          <p:cNvSpPr txBox="1"/>
          <p:nvPr/>
        </p:nvSpPr>
        <p:spPr>
          <a:xfrm>
            <a:off x="1842266" y="6147901"/>
            <a:ext cx="1301554" cy="459621"/>
          </a:xfrm>
          <a:prstGeom prst="rect">
            <a:avLst/>
          </a:prstGeom>
        </p:spPr>
        <p:txBody>
          <a:bodyPr vert="horz" wrap="square" lIns="0" tIns="11946" rIns="0" bIns="0" rtlCol="0">
            <a:spAutoFit/>
          </a:bodyPr>
          <a:lstStyle/>
          <a:p>
            <a:pPr marL="10860">
              <a:spcBef>
                <a:spcPts val="94"/>
              </a:spcBef>
            </a:pPr>
            <a:r>
              <a:rPr sz="727" dirty="0">
                <a:latin typeface="ＭＳ Ｐゴシック"/>
                <a:cs typeface="ＭＳ Ｐゴシック"/>
              </a:rPr>
              <a:t>出典）NETIS</a:t>
            </a:r>
            <a:r>
              <a:rPr sz="727" spc="30" dirty="0">
                <a:latin typeface="ＭＳ Ｐゴシック"/>
                <a:cs typeface="ＭＳ Ｐゴシック"/>
              </a:rPr>
              <a:t> </a:t>
            </a:r>
            <a:r>
              <a:rPr sz="727" spc="-21" dirty="0">
                <a:latin typeface="ＭＳ Ｐゴシック"/>
                <a:cs typeface="ＭＳ Ｐゴシック"/>
              </a:rPr>
              <a:t>HP</a:t>
            </a:r>
            <a:endParaRPr sz="727">
              <a:latin typeface="ＭＳ Ｐゴシック"/>
              <a:cs typeface="ＭＳ Ｐゴシック"/>
            </a:endParaRPr>
          </a:p>
          <a:p>
            <a:pPr marL="10860" marR="4344">
              <a:spcBef>
                <a:spcPts val="26"/>
              </a:spcBef>
            </a:pPr>
            <a:r>
              <a:rPr sz="727" spc="-9" dirty="0">
                <a:latin typeface="ＭＳ Ｐゴシック"/>
                <a:cs typeface="ＭＳ Ｐゴシック"/>
              </a:rPr>
              <a:t>（https://</a:t>
            </a:r>
            <a:r>
              <a:rPr sz="727" spc="-9" dirty="0">
                <a:latin typeface="ＭＳ Ｐゴシック"/>
                <a:cs typeface="ＭＳ Ｐゴシック"/>
                <a:hlinkClick r:id="rId4"/>
              </a:rPr>
              <a:t>www.netis.mlit.go.jp/ne</a:t>
            </a:r>
            <a:r>
              <a:rPr sz="727" spc="-9" dirty="0">
                <a:latin typeface="ＭＳ Ｐゴシック"/>
                <a:cs typeface="ＭＳ Ｐゴシック"/>
              </a:rPr>
              <a:t> tis/pubsearch/details?regNo=KK</a:t>
            </a:r>
            <a:endParaRPr sz="727">
              <a:latin typeface="ＭＳ Ｐゴシック"/>
              <a:cs typeface="ＭＳ Ｐゴシック"/>
            </a:endParaRPr>
          </a:p>
          <a:p>
            <a:pPr marL="10860">
              <a:spcBef>
                <a:spcPts val="17"/>
              </a:spcBef>
            </a:pPr>
            <a:r>
              <a:rPr sz="727" dirty="0">
                <a:latin typeface="ＭＳ Ｐゴシック"/>
                <a:cs typeface="ＭＳ Ｐゴシック"/>
              </a:rPr>
              <a:t>-200026）</a:t>
            </a:r>
            <a:r>
              <a:rPr sz="727" spc="77" dirty="0">
                <a:latin typeface="ＭＳ Ｐゴシック"/>
                <a:cs typeface="ＭＳ Ｐゴシック"/>
              </a:rPr>
              <a:t> </a:t>
            </a:r>
            <a:r>
              <a:rPr sz="727" dirty="0">
                <a:latin typeface="ＭＳ Ｐゴシック"/>
                <a:cs typeface="ＭＳ Ｐゴシック"/>
              </a:rPr>
              <a:t>20240702</a:t>
            </a:r>
            <a:r>
              <a:rPr sz="727" spc="-21" dirty="0">
                <a:latin typeface="ＭＳ Ｐゴシック"/>
                <a:cs typeface="ＭＳ Ｐゴシック"/>
              </a:rPr>
              <a:t>閲覧</a:t>
            </a:r>
            <a:endParaRPr sz="727">
              <a:latin typeface="ＭＳ Ｐゴシック"/>
              <a:cs typeface="ＭＳ Ｐゴシック"/>
            </a:endParaRPr>
          </a:p>
        </p:txBody>
      </p:sp>
      <p:sp>
        <p:nvSpPr>
          <p:cNvPr id="52" name="object 52"/>
          <p:cNvSpPr txBox="1"/>
          <p:nvPr/>
        </p:nvSpPr>
        <p:spPr>
          <a:xfrm>
            <a:off x="3299364" y="4980485"/>
            <a:ext cx="1298296" cy="263099"/>
          </a:xfrm>
          <a:prstGeom prst="rect">
            <a:avLst/>
          </a:prstGeom>
        </p:spPr>
        <p:txBody>
          <a:bodyPr vert="horz" wrap="square" lIns="0" tIns="13032" rIns="0" bIns="0" rtlCol="0">
            <a:spAutoFit/>
          </a:bodyPr>
          <a:lstStyle/>
          <a:p>
            <a:pPr marL="10860">
              <a:spcBef>
                <a:spcPts val="103"/>
              </a:spcBef>
            </a:pPr>
            <a:r>
              <a:rPr sz="812" spc="-4" dirty="0">
                <a:latin typeface="ＭＳ Ｐゴシック"/>
                <a:cs typeface="ＭＳ Ｐゴシック"/>
              </a:rPr>
              <a:t>舗装補修技術「じょく層工法」</a:t>
            </a:r>
            <a:endParaRPr sz="812">
              <a:latin typeface="ＭＳ Ｐゴシック"/>
              <a:cs typeface="ＭＳ Ｐゴシック"/>
            </a:endParaRPr>
          </a:p>
        </p:txBody>
      </p:sp>
      <p:sp>
        <p:nvSpPr>
          <p:cNvPr id="53" name="object 53"/>
          <p:cNvSpPr txBox="1"/>
          <p:nvPr/>
        </p:nvSpPr>
        <p:spPr>
          <a:xfrm>
            <a:off x="3211952" y="6147901"/>
            <a:ext cx="1663729" cy="123953"/>
          </a:xfrm>
          <a:prstGeom prst="rect">
            <a:avLst/>
          </a:prstGeom>
        </p:spPr>
        <p:txBody>
          <a:bodyPr vert="horz" wrap="square" lIns="0" tIns="11946" rIns="0" bIns="0" rtlCol="0">
            <a:spAutoFit/>
          </a:bodyPr>
          <a:lstStyle/>
          <a:p>
            <a:pPr marL="10860">
              <a:spcBef>
                <a:spcPts val="94"/>
              </a:spcBef>
            </a:pPr>
            <a:r>
              <a:rPr sz="727" dirty="0">
                <a:latin typeface="ＭＳ Ｐゴシック"/>
                <a:cs typeface="ＭＳ Ｐゴシック"/>
              </a:rPr>
              <a:t>出典）</a:t>
            </a:r>
            <a:r>
              <a:rPr sz="727" spc="-4" dirty="0">
                <a:latin typeface="ＭＳ Ｐゴシック"/>
                <a:cs typeface="ＭＳ Ｐゴシック"/>
              </a:rPr>
              <a:t>一般財団法人日本道路建設業協会</a:t>
            </a:r>
            <a:endParaRPr sz="727">
              <a:latin typeface="ＭＳ Ｐゴシック"/>
              <a:cs typeface="ＭＳ Ｐゴシック"/>
            </a:endParaRPr>
          </a:p>
        </p:txBody>
      </p:sp>
      <p:sp>
        <p:nvSpPr>
          <p:cNvPr id="54" name="object 54"/>
          <p:cNvSpPr txBox="1"/>
          <p:nvPr/>
        </p:nvSpPr>
        <p:spPr>
          <a:xfrm>
            <a:off x="3211952" y="6261522"/>
            <a:ext cx="1648526" cy="123953"/>
          </a:xfrm>
          <a:prstGeom prst="rect">
            <a:avLst/>
          </a:prstGeom>
        </p:spPr>
        <p:txBody>
          <a:bodyPr vert="horz" wrap="square" lIns="0" tIns="11946" rIns="0" bIns="0" rtlCol="0">
            <a:spAutoFit/>
          </a:bodyPr>
          <a:lstStyle/>
          <a:p>
            <a:pPr marL="10860">
              <a:spcBef>
                <a:spcPts val="94"/>
              </a:spcBef>
            </a:pPr>
            <a:r>
              <a:rPr sz="727" spc="-9" dirty="0">
                <a:latin typeface="ＭＳ Ｐゴシック"/>
                <a:cs typeface="ＭＳ Ｐゴシック"/>
              </a:rPr>
              <a:t>（</a:t>
            </a:r>
            <a:r>
              <a:rPr sz="727" spc="-9" dirty="0">
                <a:latin typeface="ＭＳ Ｐゴシック"/>
                <a:cs typeface="ＭＳ Ｐゴシック"/>
                <a:hlinkClick r:id="rId5"/>
              </a:rPr>
              <a:t>http://www.dohkenkyo.net/pavement/m</a:t>
            </a:r>
            <a:endParaRPr sz="727">
              <a:latin typeface="ＭＳ Ｐゴシック"/>
              <a:cs typeface="ＭＳ Ｐゴシック"/>
            </a:endParaRPr>
          </a:p>
        </p:txBody>
      </p:sp>
      <p:sp>
        <p:nvSpPr>
          <p:cNvPr id="55" name="object 55"/>
          <p:cNvSpPr txBox="1"/>
          <p:nvPr/>
        </p:nvSpPr>
        <p:spPr>
          <a:xfrm>
            <a:off x="3211952" y="6373311"/>
            <a:ext cx="1270060" cy="235842"/>
          </a:xfrm>
          <a:prstGeom prst="rect">
            <a:avLst/>
          </a:prstGeom>
        </p:spPr>
        <p:txBody>
          <a:bodyPr vert="horz" wrap="square" lIns="0" tIns="11946" rIns="0" bIns="0" rtlCol="0">
            <a:spAutoFit/>
          </a:bodyPr>
          <a:lstStyle/>
          <a:p>
            <a:pPr marL="10860">
              <a:spcBef>
                <a:spcPts val="94"/>
              </a:spcBef>
            </a:pPr>
            <a:r>
              <a:rPr sz="727" dirty="0">
                <a:latin typeface="ＭＳ Ｐゴシック"/>
                <a:cs typeface="ＭＳ Ｐゴシック"/>
              </a:rPr>
              <a:t>eisyo/jyokuso.html）240702</a:t>
            </a:r>
            <a:r>
              <a:rPr sz="727" spc="-21" dirty="0">
                <a:latin typeface="ＭＳ Ｐゴシック"/>
                <a:cs typeface="ＭＳ Ｐゴシック"/>
              </a:rPr>
              <a:t>閲覧</a:t>
            </a:r>
            <a:endParaRPr sz="727">
              <a:latin typeface="ＭＳ Ｐゴシック"/>
              <a:cs typeface="ＭＳ Ｐゴシック"/>
            </a:endParaRPr>
          </a:p>
        </p:txBody>
      </p:sp>
      <p:grpSp>
        <p:nvGrpSpPr>
          <p:cNvPr id="56" name="object 56"/>
          <p:cNvGrpSpPr/>
          <p:nvPr/>
        </p:nvGrpSpPr>
        <p:grpSpPr>
          <a:xfrm>
            <a:off x="466539" y="5217944"/>
            <a:ext cx="4251091" cy="903540"/>
            <a:chOff x="545591" y="5873496"/>
            <a:chExt cx="4971415" cy="1056640"/>
          </a:xfrm>
        </p:grpSpPr>
        <p:pic>
          <p:nvPicPr>
            <p:cNvPr id="57" name="object 57"/>
            <p:cNvPicPr/>
            <p:nvPr/>
          </p:nvPicPr>
          <p:blipFill>
            <a:blip r:embed="rId6" cstate="print"/>
            <a:stretch>
              <a:fillRect/>
            </a:stretch>
          </p:blipFill>
          <p:spPr>
            <a:xfrm>
              <a:off x="3799332" y="5873496"/>
              <a:ext cx="1717548" cy="1056131"/>
            </a:xfrm>
            <a:prstGeom prst="rect">
              <a:avLst/>
            </a:prstGeom>
          </p:spPr>
        </p:pic>
        <p:pic>
          <p:nvPicPr>
            <p:cNvPr id="58" name="object 58"/>
            <p:cNvPicPr/>
            <p:nvPr/>
          </p:nvPicPr>
          <p:blipFill>
            <a:blip r:embed="rId7" cstate="print"/>
            <a:stretch>
              <a:fillRect/>
            </a:stretch>
          </p:blipFill>
          <p:spPr>
            <a:xfrm>
              <a:off x="545591" y="5885687"/>
              <a:ext cx="1229867" cy="868679"/>
            </a:xfrm>
            <a:prstGeom prst="rect">
              <a:avLst/>
            </a:prstGeom>
          </p:spPr>
        </p:pic>
      </p:grpSp>
    </p:spTree>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74906" y="352850"/>
            <a:ext cx="7809867"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奈良県十津川村</a:t>
            </a:r>
            <a:r>
              <a:rPr spc="-9" dirty="0"/>
              <a:t>）</a:t>
            </a:r>
            <a:r>
              <a:rPr spc="-38" dirty="0"/>
              <a:t>広域に点在する橋梁の点検の効率化、吊橋の安価な点検手法の検討</a:t>
            </a:r>
          </a:p>
        </p:txBody>
      </p:sp>
      <p:sp>
        <p:nvSpPr>
          <p:cNvPr id="3" name="object 3"/>
          <p:cNvSpPr txBox="1"/>
          <p:nvPr/>
        </p:nvSpPr>
        <p:spPr>
          <a:xfrm>
            <a:off x="250210" y="1153316"/>
            <a:ext cx="8625985" cy="766819"/>
          </a:xfrm>
          <a:prstGeom prst="rect">
            <a:avLst/>
          </a:prstGeom>
          <a:ln w="13715">
            <a:solidFill>
              <a:srgbClr val="000000"/>
            </a:solidFill>
          </a:ln>
        </p:spPr>
        <p:txBody>
          <a:bodyPr vert="horz" wrap="square" lIns="0" tIns="96653" rIns="0" bIns="0" rtlCol="0">
            <a:spAutoFit/>
          </a:bodyPr>
          <a:lstStyle/>
          <a:p>
            <a:pPr marL="197648" marR="124887" indent="-165611">
              <a:spcBef>
                <a:spcPts val="761"/>
              </a:spcBef>
            </a:pPr>
            <a:r>
              <a:rPr sz="1283" dirty="0">
                <a:latin typeface="ＭＳ Ｐゴシック"/>
                <a:cs typeface="ＭＳ Ｐゴシック"/>
              </a:rPr>
              <a:t>〇吊橋の点検（</a:t>
            </a:r>
            <a:r>
              <a:rPr sz="1283" spc="-9" dirty="0">
                <a:latin typeface="ＭＳ Ｐゴシック"/>
                <a:cs typeface="ＭＳ Ｐゴシック"/>
              </a:rPr>
              <a:t>ロープアクセス</a:t>
            </a:r>
            <a:r>
              <a:rPr sz="1283" dirty="0">
                <a:latin typeface="ＭＳ Ｐゴシック"/>
                <a:cs typeface="ＭＳ Ｐゴシック"/>
              </a:rPr>
              <a:t>）</a:t>
            </a:r>
            <a:r>
              <a:rPr sz="1283" spc="-17" dirty="0">
                <a:latin typeface="ＭＳ Ｐゴシック"/>
                <a:cs typeface="ＭＳ Ｐゴシック"/>
              </a:rPr>
              <a:t>に代わる新技術や鋼橋の塗装塗り替えに活用可能な新技術の導入を検討。また、点検の効</a:t>
            </a:r>
            <a:r>
              <a:rPr sz="1283" spc="-9" dirty="0">
                <a:latin typeface="ＭＳ Ｐゴシック"/>
                <a:cs typeface="ＭＳ Ｐゴシック"/>
              </a:rPr>
              <a:t>率化に向けて橋梁の維持管理システムの検討を進める。</a:t>
            </a:r>
            <a:endParaRPr sz="1283">
              <a:latin typeface="ＭＳ Ｐゴシック"/>
              <a:cs typeface="ＭＳ Ｐゴシック"/>
            </a:endParaRPr>
          </a:p>
          <a:p>
            <a:pPr marL="32579">
              <a:spcBef>
                <a:spcPts val="573"/>
              </a:spcBef>
            </a:pPr>
            <a:r>
              <a:rPr sz="1283" spc="-13" dirty="0">
                <a:latin typeface="ＭＳ Ｐゴシック"/>
                <a:cs typeface="ＭＳ Ｐゴシック"/>
              </a:rPr>
              <a:t>〇新技術の事業者への照会や、補助制度の申請準備等、予算要求・業務発注に向けた準備を実施中。</a:t>
            </a:r>
            <a:endParaRPr sz="1283">
              <a:latin typeface="ＭＳ Ｐゴシック"/>
              <a:cs typeface="ＭＳ Ｐゴシック"/>
            </a:endParaRPr>
          </a:p>
        </p:txBody>
      </p:sp>
      <p:grpSp>
        <p:nvGrpSpPr>
          <p:cNvPr id="4" name="object 4"/>
          <p:cNvGrpSpPr/>
          <p:nvPr/>
        </p:nvGrpSpPr>
        <p:grpSpPr>
          <a:xfrm>
            <a:off x="151168" y="4797016"/>
            <a:ext cx="4670825" cy="1780473"/>
            <a:chOff x="176783" y="5381244"/>
            <a:chExt cx="5462270" cy="2082164"/>
          </a:xfrm>
        </p:grpSpPr>
        <p:sp>
          <p:nvSpPr>
            <p:cNvPr id="5" name="object 5"/>
            <p:cNvSpPr/>
            <p:nvPr/>
          </p:nvSpPr>
          <p:spPr>
            <a:xfrm>
              <a:off x="176783" y="5381244"/>
              <a:ext cx="5462270" cy="2082164"/>
            </a:xfrm>
            <a:custGeom>
              <a:avLst/>
              <a:gdLst/>
              <a:ahLst/>
              <a:cxnLst/>
              <a:rect l="l" t="t" r="r" b="b"/>
              <a:pathLst>
                <a:path w="5462270" h="2082165">
                  <a:moveTo>
                    <a:pt x="5462016" y="2081783"/>
                  </a:moveTo>
                  <a:lnTo>
                    <a:pt x="0" y="2081783"/>
                  </a:lnTo>
                  <a:lnTo>
                    <a:pt x="0" y="0"/>
                  </a:lnTo>
                  <a:lnTo>
                    <a:pt x="5462016" y="0"/>
                  </a:lnTo>
                  <a:lnTo>
                    <a:pt x="5462016" y="2081783"/>
                  </a:lnTo>
                  <a:close/>
                </a:path>
              </a:pathLst>
            </a:custGeom>
            <a:solidFill>
              <a:srgbClr val="DBE6F2"/>
            </a:solidFill>
          </p:spPr>
          <p:txBody>
            <a:bodyPr wrap="square" lIns="0" tIns="0" rIns="0" bIns="0" rtlCol="0"/>
            <a:lstStyle/>
            <a:p>
              <a:endParaRPr sz="1749"/>
            </a:p>
          </p:txBody>
        </p:sp>
        <p:pic>
          <p:nvPicPr>
            <p:cNvPr id="6" name="object 6"/>
            <p:cNvPicPr/>
            <p:nvPr/>
          </p:nvPicPr>
          <p:blipFill>
            <a:blip r:embed="rId2" cstate="print"/>
            <a:stretch>
              <a:fillRect/>
            </a:stretch>
          </p:blipFill>
          <p:spPr>
            <a:xfrm>
              <a:off x="3227832" y="5640323"/>
              <a:ext cx="1862328" cy="1330451"/>
            </a:xfrm>
            <a:prstGeom prst="rect">
              <a:avLst/>
            </a:prstGeom>
          </p:spPr>
        </p:pic>
      </p:grpSp>
      <p:sp>
        <p:nvSpPr>
          <p:cNvPr id="7" name="object 7"/>
          <p:cNvSpPr txBox="1"/>
          <p:nvPr/>
        </p:nvSpPr>
        <p:spPr>
          <a:xfrm>
            <a:off x="295822" y="3427372"/>
            <a:ext cx="1625178" cy="238000"/>
          </a:xfrm>
          <a:prstGeom prst="rect">
            <a:avLst/>
          </a:prstGeom>
          <a:solidFill>
            <a:srgbClr val="B6DDE8"/>
          </a:solidFill>
          <a:ln w="10667">
            <a:solidFill>
              <a:srgbClr val="00AFEF"/>
            </a:solidFill>
          </a:ln>
        </p:spPr>
        <p:txBody>
          <a:bodyPr vert="horz" wrap="square" lIns="0" tIns="40181" rIns="0" bIns="0" rtlCol="0">
            <a:spAutoFit/>
          </a:bodyPr>
          <a:lstStyle/>
          <a:p>
            <a:pPr marL="154752">
              <a:spcBef>
                <a:spcPts val="316"/>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8" name="object 8"/>
          <p:cNvSpPr txBox="1"/>
          <p:nvPr/>
        </p:nvSpPr>
        <p:spPr>
          <a:xfrm>
            <a:off x="290419" y="3765886"/>
            <a:ext cx="4504669" cy="935286"/>
          </a:xfrm>
          <a:prstGeom prst="rect">
            <a:avLst/>
          </a:prstGeom>
        </p:spPr>
        <p:txBody>
          <a:bodyPr vert="horz" wrap="square" lIns="0" tIns="10317" rIns="0" bIns="0" rtlCol="0">
            <a:spAutoFit/>
          </a:bodyPr>
          <a:lstStyle/>
          <a:p>
            <a:pPr marL="175928" marR="4344" indent="-165611">
              <a:spcBef>
                <a:spcPts val="81"/>
              </a:spcBef>
            </a:pPr>
            <a:r>
              <a:rPr sz="1112" spc="-17" dirty="0">
                <a:latin typeface="ＭＳ Ｐゴシック"/>
                <a:cs typeface="ＭＳ Ｐゴシック"/>
              </a:rPr>
              <a:t>〇</a:t>
            </a:r>
            <a:r>
              <a:rPr sz="1112" spc="-9" dirty="0">
                <a:latin typeface="ＭＳ Ｐゴシック"/>
                <a:cs typeface="ＭＳ Ｐゴシック"/>
              </a:rPr>
              <a:t>（</a:t>
            </a:r>
            <a:r>
              <a:rPr sz="1112" spc="-17" dirty="0">
                <a:latin typeface="ＭＳ Ｐゴシック"/>
                <a:cs typeface="ＭＳ Ｐゴシック"/>
              </a:rPr>
              <a:t>吊橋の点検</a:t>
            </a:r>
            <a:r>
              <a:rPr sz="1112" spc="-9" dirty="0">
                <a:latin typeface="ＭＳ Ｐゴシック"/>
                <a:cs typeface="ＭＳ Ｐゴシック"/>
              </a:rPr>
              <a:t>）</a:t>
            </a:r>
            <a:r>
              <a:rPr sz="1112" spc="-30" dirty="0">
                <a:latin typeface="ＭＳ Ｐゴシック"/>
                <a:cs typeface="ＭＳ Ｐゴシック"/>
              </a:rPr>
              <a:t>ロープアクセスとドローンを適材適所で活用し、ドローンで取</a:t>
            </a:r>
            <a:r>
              <a:rPr sz="1112" spc="-26" dirty="0">
                <a:latin typeface="ＭＳ Ｐゴシック"/>
                <a:cs typeface="ＭＳ Ｐゴシック"/>
              </a:rPr>
              <a:t>得した画像を</a:t>
            </a:r>
            <a:r>
              <a:rPr sz="1112" spc="-9" dirty="0">
                <a:latin typeface="ＭＳ Ｐゴシック"/>
                <a:cs typeface="ＭＳ Ｐゴシック"/>
              </a:rPr>
              <a:t>AI</a:t>
            </a:r>
            <a:r>
              <a:rPr sz="1112" spc="-30" dirty="0">
                <a:latin typeface="ＭＳ Ｐゴシック"/>
                <a:cs typeface="ＭＳ Ｐゴシック"/>
              </a:rPr>
              <a:t>分析するなどして、安価で効率的な点検の実施を目指す。</a:t>
            </a:r>
            <a:endParaRPr sz="1112">
              <a:latin typeface="ＭＳ Ｐゴシック"/>
              <a:cs typeface="ＭＳ Ｐゴシック"/>
            </a:endParaRPr>
          </a:p>
          <a:p>
            <a:pPr marL="175928" marR="82534" indent="-165611">
              <a:lnSpc>
                <a:spcPts val="1325"/>
              </a:lnSpc>
              <a:spcBef>
                <a:spcPts val="603"/>
              </a:spcBef>
            </a:pPr>
            <a:r>
              <a:rPr sz="1112" spc="-17" dirty="0">
                <a:latin typeface="ＭＳ Ｐゴシック"/>
                <a:cs typeface="ＭＳ Ｐゴシック"/>
              </a:rPr>
              <a:t>〇</a:t>
            </a:r>
            <a:r>
              <a:rPr sz="1112" spc="-9" dirty="0">
                <a:latin typeface="ＭＳ Ｐゴシック"/>
                <a:cs typeface="ＭＳ Ｐゴシック"/>
              </a:rPr>
              <a:t>（</a:t>
            </a:r>
            <a:r>
              <a:rPr sz="1112" spc="-21" dirty="0">
                <a:latin typeface="ＭＳ Ｐゴシック"/>
                <a:cs typeface="ＭＳ Ｐゴシック"/>
              </a:rPr>
              <a:t>鋼橋の塗装塗り替え</a:t>
            </a:r>
            <a:r>
              <a:rPr sz="1112" spc="-9" dirty="0">
                <a:latin typeface="ＭＳ Ｐゴシック"/>
                <a:cs typeface="ＭＳ Ｐゴシック"/>
              </a:rPr>
              <a:t>）</a:t>
            </a:r>
            <a:r>
              <a:rPr sz="1112" spc="-21" dirty="0">
                <a:latin typeface="ＭＳ Ｐゴシック"/>
                <a:cs typeface="ＭＳ Ｐゴシック"/>
              </a:rPr>
              <a:t>飛散防止が可能な新素材</a:t>
            </a:r>
            <a:r>
              <a:rPr sz="1112" spc="-9" dirty="0">
                <a:latin typeface="ＭＳ Ｐゴシック"/>
                <a:cs typeface="ＭＳ Ｐゴシック"/>
              </a:rPr>
              <a:t>（SOMAY-Q</a:t>
            </a:r>
            <a:r>
              <a:rPr sz="1112" spc="-26" dirty="0">
                <a:latin typeface="ＭＳ Ｐゴシック"/>
                <a:cs typeface="ＭＳ Ｐゴシック"/>
              </a:rPr>
              <a:t>やレーザー</a:t>
            </a:r>
            <a:r>
              <a:rPr sz="1112" spc="-21" dirty="0">
                <a:latin typeface="ＭＳ Ｐゴシック"/>
                <a:cs typeface="ＭＳ Ｐゴシック"/>
              </a:rPr>
              <a:t>ケレン</a:t>
            </a:r>
            <a:r>
              <a:rPr sz="1112" spc="-9" dirty="0">
                <a:latin typeface="ＭＳ Ｐゴシック"/>
                <a:cs typeface="ＭＳ Ｐゴシック"/>
              </a:rPr>
              <a:t>）</a:t>
            </a:r>
            <a:r>
              <a:rPr sz="1112" spc="-26" dirty="0">
                <a:latin typeface="ＭＳ Ｐゴシック"/>
                <a:cs typeface="ＭＳ Ｐゴシック"/>
              </a:rPr>
              <a:t>の活用を検討。</a:t>
            </a:r>
            <a:endParaRPr sz="1112">
              <a:latin typeface="ＭＳ Ｐゴシック"/>
              <a:cs typeface="ＭＳ Ｐゴシック"/>
            </a:endParaRPr>
          </a:p>
        </p:txBody>
      </p:sp>
      <p:sp>
        <p:nvSpPr>
          <p:cNvPr id="9" name="object 9"/>
          <p:cNvSpPr/>
          <p:nvPr/>
        </p:nvSpPr>
        <p:spPr>
          <a:xfrm>
            <a:off x="4950139" y="2317059"/>
            <a:ext cx="0" cy="4131090"/>
          </a:xfrm>
          <a:custGeom>
            <a:avLst/>
            <a:gdLst/>
            <a:ahLst/>
            <a:cxnLst/>
            <a:rect l="l" t="t" r="r" b="b"/>
            <a:pathLst>
              <a:path h="4831080">
                <a:moveTo>
                  <a:pt x="0" y="0"/>
                </a:moveTo>
                <a:lnTo>
                  <a:pt x="0" y="4831079"/>
                </a:lnTo>
              </a:path>
            </a:pathLst>
          </a:custGeom>
          <a:ln w="13716">
            <a:solidFill>
              <a:srgbClr val="000000"/>
            </a:solidFill>
            <a:prstDash val="sysDash"/>
          </a:ln>
        </p:spPr>
        <p:txBody>
          <a:bodyPr wrap="square" lIns="0" tIns="0" rIns="0" bIns="0" rtlCol="0"/>
          <a:lstStyle/>
          <a:p>
            <a:endParaRPr sz="1749"/>
          </a:p>
        </p:txBody>
      </p:sp>
      <p:sp>
        <p:nvSpPr>
          <p:cNvPr id="10" name="object 10"/>
          <p:cNvSpPr txBox="1"/>
          <p:nvPr/>
        </p:nvSpPr>
        <p:spPr>
          <a:xfrm>
            <a:off x="5206005" y="2564066"/>
            <a:ext cx="3544114" cy="943594"/>
          </a:xfrm>
          <a:prstGeom prst="rect">
            <a:avLst/>
          </a:prstGeom>
        </p:spPr>
        <p:txBody>
          <a:bodyPr vert="horz" wrap="square" lIns="0" tIns="10860" rIns="0" bIns="0" rtlCol="0">
            <a:spAutoFit/>
          </a:bodyPr>
          <a:lstStyle/>
          <a:p>
            <a:pPr marL="141720" marR="4344" indent="-131403" algn="just">
              <a:lnSpc>
                <a:spcPct val="99700"/>
              </a:lnSpc>
              <a:spcBef>
                <a:spcPts val="86"/>
              </a:spcBef>
            </a:pPr>
            <a:r>
              <a:rPr sz="1112" spc="-30" dirty="0">
                <a:latin typeface="ＭＳ Ｐゴシック"/>
                <a:cs typeface="ＭＳ Ｐゴシック"/>
              </a:rPr>
              <a:t>〇点検についてはロープアクセスとドローンを適材適所で活</a:t>
            </a:r>
            <a:r>
              <a:rPr sz="1112" spc="-26" dirty="0">
                <a:latin typeface="ＭＳ Ｐゴシック"/>
                <a:cs typeface="ＭＳ Ｐゴシック"/>
              </a:rPr>
              <a:t>用しドローンで取得した画像を</a:t>
            </a:r>
            <a:r>
              <a:rPr sz="1112" spc="-9" dirty="0">
                <a:latin typeface="ＭＳ Ｐゴシック"/>
                <a:cs typeface="ＭＳ Ｐゴシック"/>
              </a:rPr>
              <a:t>AI</a:t>
            </a:r>
            <a:r>
              <a:rPr sz="1112" spc="-26" dirty="0">
                <a:latin typeface="ＭＳ Ｐゴシック"/>
                <a:cs typeface="ＭＳ Ｐゴシック"/>
              </a:rPr>
              <a:t>分析する技術、新素材に</a:t>
            </a:r>
            <a:r>
              <a:rPr sz="1112" spc="-17" dirty="0">
                <a:latin typeface="ＭＳ Ｐゴシック"/>
                <a:cs typeface="ＭＳ Ｐゴシック"/>
              </a:rPr>
              <a:t>ついては</a:t>
            </a:r>
            <a:r>
              <a:rPr sz="1112" spc="-9" dirty="0">
                <a:latin typeface="ＭＳ Ｐゴシック"/>
                <a:cs typeface="ＭＳ Ｐゴシック"/>
              </a:rPr>
              <a:t>SOMAY-</a:t>
            </a:r>
            <a:r>
              <a:rPr sz="1112" spc="-21" dirty="0">
                <a:latin typeface="ＭＳ Ｐゴシック"/>
                <a:cs typeface="ＭＳ Ｐゴシック"/>
              </a:rPr>
              <a:t>Q</a:t>
            </a:r>
            <a:r>
              <a:rPr sz="1112" spc="-30" dirty="0">
                <a:latin typeface="ＭＳ Ｐゴシック"/>
                <a:cs typeface="ＭＳ Ｐゴシック"/>
              </a:rPr>
              <a:t>やレーザーケレンについて、事業者からの見積もり取得や打合せを実施。</a:t>
            </a:r>
            <a:endParaRPr sz="1112">
              <a:latin typeface="ＭＳ Ｐゴシック"/>
              <a:cs typeface="ＭＳ Ｐゴシック"/>
            </a:endParaRPr>
          </a:p>
          <a:p>
            <a:pPr marL="10860">
              <a:spcBef>
                <a:spcPts val="556"/>
              </a:spcBef>
            </a:pPr>
            <a:r>
              <a:rPr sz="1112" spc="-30" dirty="0">
                <a:latin typeface="ＭＳ Ｐゴシック"/>
                <a:cs typeface="ＭＳ Ｐゴシック"/>
              </a:rPr>
              <a:t>〇道路メンテナンス事業補助制度の要望を提出。</a:t>
            </a:r>
            <a:endParaRPr sz="1112">
              <a:latin typeface="ＭＳ Ｐゴシック"/>
              <a:cs typeface="ＭＳ Ｐゴシック"/>
            </a:endParaRPr>
          </a:p>
        </p:txBody>
      </p:sp>
      <p:sp>
        <p:nvSpPr>
          <p:cNvPr id="11" name="object 11"/>
          <p:cNvSpPr txBox="1"/>
          <p:nvPr/>
        </p:nvSpPr>
        <p:spPr>
          <a:xfrm>
            <a:off x="295822" y="2070758"/>
            <a:ext cx="2158397" cy="238548"/>
          </a:xfrm>
          <a:prstGeom prst="rect">
            <a:avLst/>
          </a:prstGeom>
          <a:solidFill>
            <a:srgbClr val="B6DDE8"/>
          </a:solidFill>
          <a:ln w="10667">
            <a:solidFill>
              <a:srgbClr val="00AFEF"/>
            </a:solidFill>
          </a:ln>
        </p:spPr>
        <p:txBody>
          <a:bodyPr vert="horz" wrap="square" lIns="0" tIns="40724" rIns="0" bIns="0" rtlCol="0">
            <a:spAutoFit/>
          </a:bodyPr>
          <a:lstStyle/>
          <a:p>
            <a:pPr marL="110769">
              <a:spcBef>
                <a:spcPts val="321"/>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12" name="object 12"/>
          <p:cNvSpPr txBox="1"/>
          <p:nvPr/>
        </p:nvSpPr>
        <p:spPr>
          <a:xfrm>
            <a:off x="303065" y="2437617"/>
            <a:ext cx="2913157" cy="930221"/>
          </a:xfrm>
          <a:prstGeom prst="rect">
            <a:avLst/>
          </a:prstGeom>
        </p:spPr>
        <p:txBody>
          <a:bodyPr vert="horz" wrap="square" lIns="0" tIns="10317" rIns="0" bIns="0" rtlCol="0">
            <a:spAutoFit/>
          </a:bodyPr>
          <a:lstStyle/>
          <a:p>
            <a:pPr marL="142263" marR="102624" indent="-131946" algn="just">
              <a:spcBef>
                <a:spcPts val="81"/>
              </a:spcBef>
            </a:pPr>
            <a:r>
              <a:rPr sz="1112" spc="-26" dirty="0">
                <a:latin typeface="ＭＳ Ｐゴシック"/>
                <a:cs typeface="ＭＳ Ｐゴシック"/>
              </a:rPr>
              <a:t>〇アドバイザーと自治体職員で</a:t>
            </a:r>
            <a:r>
              <a:rPr sz="1112" spc="-9" dirty="0">
                <a:latin typeface="ＭＳ Ｐゴシック"/>
                <a:cs typeface="ＭＳ Ｐゴシック"/>
              </a:rPr>
              <a:t>WS</a:t>
            </a:r>
            <a:r>
              <a:rPr sz="1112" spc="-26" dirty="0">
                <a:latin typeface="ＭＳ Ｐゴシック"/>
                <a:cs typeface="ＭＳ Ｐゴシック"/>
              </a:rPr>
              <a:t>を実施し、課題を優先順位付けし、導入する新技術の案を具体化。</a:t>
            </a:r>
            <a:endParaRPr sz="1112">
              <a:latin typeface="ＭＳ Ｐゴシック"/>
              <a:cs typeface="ＭＳ Ｐゴシック"/>
            </a:endParaRPr>
          </a:p>
          <a:p>
            <a:pPr marL="142263" marR="4344" indent="-131946">
              <a:spcBef>
                <a:spcPts val="543"/>
              </a:spcBef>
            </a:pPr>
            <a:r>
              <a:rPr sz="1112" spc="-26" dirty="0">
                <a:latin typeface="ＭＳ Ｐゴシック"/>
                <a:cs typeface="ＭＳ Ｐゴシック"/>
              </a:rPr>
              <a:t>〇新技術の提案にとどまらず、職員が自立できる支援を狙う。</a:t>
            </a:r>
            <a:endParaRPr sz="1112">
              <a:latin typeface="ＭＳ Ｐゴシック"/>
              <a:cs typeface="ＭＳ Ｐゴシック"/>
            </a:endParaRPr>
          </a:p>
        </p:txBody>
      </p:sp>
      <p:pic>
        <p:nvPicPr>
          <p:cNvPr id="13" name="object 13"/>
          <p:cNvPicPr/>
          <p:nvPr/>
        </p:nvPicPr>
        <p:blipFill>
          <a:blip r:embed="rId3" cstate="print"/>
          <a:stretch>
            <a:fillRect/>
          </a:stretch>
        </p:blipFill>
        <p:spPr>
          <a:xfrm>
            <a:off x="3368728" y="2317060"/>
            <a:ext cx="1424378" cy="1068609"/>
          </a:xfrm>
          <a:prstGeom prst="rect">
            <a:avLst/>
          </a:prstGeom>
        </p:spPr>
      </p:pic>
      <p:sp>
        <p:nvSpPr>
          <p:cNvPr id="14" name="object 14"/>
          <p:cNvSpPr txBox="1"/>
          <p:nvPr/>
        </p:nvSpPr>
        <p:spPr>
          <a:xfrm>
            <a:off x="2801815" y="4846064"/>
            <a:ext cx="1454135" cy="263099"/>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LINE通報システム（国土交通省</a:t>
            </a:r>
            <a:r>
              <a:rPr sz="812" spc="-43" dirty="0">
                <a:latin typeface="ＭＳ Ｐゴシック"/>
                <a:cs typeface="ＭＳ Ｐゴシック"/>
              </a:rPr>
              <a:t>）</a:t>
            </a:r>
            <a:endParaRPr sz="812">
              <a:latin typeface="ＭＳ Ｐゴシック"/>
              <a:cs typeface="ＭＳ Ｐゴシック"/>
            </a:endParaRPr>
          </a:p>
        </p:txBody>
      </p:sp>
      <p:sp>
        <p:nvSpPr>
          <p:cNvPr id="15" name="object 15"/>
          <p:cNvSpPr txBox="1"/>
          <p:nvPr/>
        </p:nvSpPr>
        <p:spPr>
          <a:xfrm>
            <a:off x="2885107" y="6167597"/>
            <a:ext cx="1744093" cy="378532"/>
          </a:xfrm>
          <a:prstGeom prst="rect">
            <a:avLst/>
          </a:prstGeom>
        </p:spPr>
        <p:txBody>
          <a:bodyPr vert="horz" wrap="square" lIns="0" tIns="10317" rIns="0" bIns="0" rtlCol="0">
            <a:spAutoFit/>
          </a:bodyPr>
          <a:lstStyle/>
          <a:p>
            <a:pPr marR="4344">
              <a:lnSpc>
                <a:spcPct val="102099"/>
              </a:lnSpc>
              <a:spcBef>
                <a:spcPts val="81"/>
              </a:spcBef>
            </a:pPr>
            <a:r>
              <a:rPr sz="812" dirty="0">
                <a:latin typeface="ＭＳ Ｐゴシック"/>
                <a:cs typeface="ＭＳ Ｐゴシック"/>
              </a:rPr>
              <a:t>出典</a:t>
            </a:r>
            <a:r>
              <a:rPr sz="812" spc="-43" dirty="0">
                <a:latin typeface="ＭＳ Ｐゴシック"/>
                <a:cs typeface="ＭＳ Ｐゴシック"/>
              </a:rPr>
              <a:t>） </a:t>
            </a:r>
            <a:r>
              <a:rPr sz="812" spc="-9" dirty="0">
                <a:latin typeface="ＭＳ Ｐゴシック"/>
                <a:cs typeface="ＭＳ Ｐゴシック"/>
              </a:rPr>
              <a:t>https://</a:t>
            </a:r>
            <a:r>
              <a:rPr sz="812" spc="-9" dirty="0">
                <a:latin typeface="ＭＳ Ｐゴシック"/>
                <a:cs typeface="ＭＳ Ｐゴシック"/>
                <a:hlinkClick r:id="rId4"/>
              </a:rPr>
              <a:t>www.mlit.go.jp/report/press/co</a:t>
            </a:r>
            <a:r>
              <a:rPr sz="812" spc="-9" dirty="0">
                <a:latin typeface="ＭＳ Ｐゴシック"/>
                <a:cs typeface="ＭＳ Ｐゴシック"/>
              </a:rPr>
              <a:t> ntent/001731133.pdf</a:t>
            </a:r>
            <a:endParaRPr sz="812">
              <a:latin typeface="ＭＳ Ｐゴシック"/>
              <a:cs typeface="ＭＳ Ｐゴシック"/>
            </a:endParaRPr>
          </a:p>
        </p:txBody>
      </p:sp>
      <p:pic>
        <p:nvPicPr>
          <p:cNvPr id="16" name="object 16"/>
          <p:cNvPicPr/>
          <p:nvPr/>
        </p:nvPicPr>
        <p:blipFill>
          <a:blip r:embed="rId5" cstate="print"/>
          <a:stretch>
            <a:fillRect/>
          </a:stretch>
        </p:blipFill>
        <p:spPr>
          <a:xfrm>
            <a:off x="535608" y="5000313"/>
            <a:ext cx="1653738" cy="1174167"/>
          </a:xfrm>
          <a:prstGeom prst="rect">
            <a:avLst/>
          </a:prstGeom>
        </p:spPr>
      </p:pic>
      <p:sp>
        <p:nvSpPr>
          <p:cNvPr id="17" name="object 17"/>
          <p:cNvSpPr txBox="1"/>
          <p:nvPr/>
        </p:nvSpPr>
        <p:spPr>
          <a:xfrm>
            <a:off x="582629" y="6159762"/>
            <a:ext cx="1784275" cy="378532"/>
          </a:xfrm>
          <a:prstGeom prst="rect">
            <a:avLst/>
          </a:prstGeom>
        </p:spPr>
        <p:txBody>
          <a:bodyPr vert="horz" wrap="square" lIns="0" tIns="10317" rIns="0" bIns="0" rtlCol="0">
            <a:spAutoFit/>
          </a:bodyPr>
          <a:lstStyle/>
          <a:p>
            <a:pPr marR="4344">
              <a:lnSpc>
                <a:spcPct val="102099"/>
              </a:lnSpc>
              <a:spcBef>
                <a:spcPts val="81"/>
              </a:spcBef>
            </a:pPr>
            <a:r>
              <a:rPr sz="812" dirty="0">
                <a:latin typeface="ＭＳ Ｐゴシック"/>
                <a:cs typeface="ＭＳ Ｐゴシック"/>
              </a:rPr>
              <a:t>出典</a:t>
            </a:r>
            <a:r>
              <a:rPr sz="812" spc="-43" dirty="0">
                <a:latin typeface="ＭＳ Ｐゴシック"/>
                <a:cs typeface="ＭＳ Ｐゴシック"/>
              </a:rPr>
              <a:t>） </a:t>
            </a:r>
            <a:r>
              <a:rPr sz="812" spc="-9" dirty="0">
                <a:latin typeface="ＭＳ Ｐゴシック"/>
                <a:cs typeface="ＭＳ Ｐゴシック"/>
              </a:rPr>
              <a:t>https://</a:t>
            </a:r>
            <a:r>
              <a:rPr sz="812" spc="-9" dirty="0">
                <a:latin typeface="ＭＳ Ｐゴシック"/>
                <a:cs typeface="ＭＳ Ｐゴシック"/>
                <a:hlinkClick r:id="rId6"/>
              </a:rPr>
              <a:t>www.netis.mlit.go.jp/netis/pubse</a:t>
            </a:r>
            <a:r>
              <a:rPr sz="812" spc="-9" dirty="0">
                <a:latin typeface="ＭＳ Ｐゴシック"/>
                <a:cs typeface="ＭＳ Ｐゴシック"/>
              </a:rPr>
              <a:t> </a:t>
            </a:r>
            <a:r>
              <a:rPr sz="812" dirty="0">
                <a:latin typeface="ＭＳ Ｐゴシック"/>
                <a:cs typeface="ＭＳ Ｐゴシック"/>
              </a:rPr>
              <a:t>arch/details?regNo=KT-</a:t>
            </a:r>
            <a:r>
              <a:rPr sz="812" spc="-9" dirty="0">
                <a:latin typeface="ＭＳ Ｐゴシック"/>
                <a:cs typeface="ＭＳ Ｐゴシック"/>
              </a:rPr>
              <a:t>240025%20</a:t>
            </a:r>
            <a:endParaRPr sz="812">
              <a:latin typeface="ＭＳ Ｐゴシック"/>
              <a:cs typeface="ＭＳ Ｐゴシック"/>
            </a:endParaRPr>
          </a:p>
        </p:txBody>
      </p:sp>
      <p:sp>
        <p:nvSpPr>
          <p:cNvPr id="18" name="object 18"/>
          <p:cNvSpPr txBox="1"/>
          <p:nvPr/>
        </p:nvSpPr>
        <p:spPr>
          <a:xfrm>
            <a:off x="626749" y="4846064"/>
            <a:ext cx="1481285" cy="263099"/>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パワー防錆NKRN-66（塗装素材</a:t>
            </a:r>
            <a:r>
              <a:rPr sz="812" spc="-43" dirty="0">
                <a:latin typeface="ＭＳ Ｐゴシック"/>
                <a:cs typeface="ＭＳ Ｐゴシック"/>
              </a:rPr>
              <a:t>）</a:t>
            </a:r>
            <a:endParaRPr sz="812">
              <a:latin typeface="ＭＳ Ｐゴシック"/>
              <a:cs typeface="ＭＳ Ｐゴシック"/>
            </a:endParaRPr>
          </a:p>
        </p:txBody>
      </p:sp>
      <p:sp>
        <p:nvSpPr>
          <p:cNvPr id="19" name="object 19"/>
          <p:cNvSpPr/>
          <p:nvPr/>
        </p:nvSpPr>
        <p:spPr>
          <a:xfrm>
            <a:off x="7153170" y="4206675"/>
            <a:ext cx="1815768" cy="1888529"/>
          </a:xfrm>
          <a:custGeom>
            <a:avLst/>
            <a:gdLst/>
            <a:ahLst/>
            <a:cxnLst/>
            <a:rect l="l" t="t" r="r" b="b"/>
            <a:pathLst>
              <a:path w="2123440" h="2208529">
                <a:moveTo>
                  <a:pt x="2122932" y="2208276"/>
                </a:moveTo>
                <a:lnTo>
                  <a:pt x="0" y="2208276"/>
                </a:lnTo>
                <a:lnTo>
                  <a:pt x="0" y="0"/>
                </a:lnTo>
                <a:lnTo>
                  <a:pt x="2122932" y="0"/>
                </a:lnTo>
                <a:lnTo>
                  <a:pt x="2122932" y="2208276"/>
                </a:lnTo>
                <a:close/>
              </a:path>
            </a:pathLst>
          </a:custGeom>
          <a:solidFill>
            <a:srgbClr val="DBE6F2"/>
          </a:solidFill>
        </p:spPr>
        <p:txBody>
          <a:bodyPr wrap="square" lIns="0" tIns="0" rIns="0" bIns="0" rtlCol="0"/>
          <a:lstStyle/>
          <a:p>
            <a:endParaRPr sz="1749"/>
          </a:p>
        </p:txBody>
      </p:sp>
      <p:grpSp>
        <p:nvGrpSpPr>
          <p:cNvPr id="20" name="object 20"/>
          <p:cNvGrpSpPr/>
          <p:nvPr/>
        </p:nvGrpSpPr>
        <p:grpSpPr>
          <a:xfrm>
            <a:off x="5078504" y="4206675"/>
            <a:ext cx="1999300" cy="1888529"/>
            <a:chOff x="5939028" y="4690872"/>
            <a:chExt cx="2338070" cy="2208530"/>
          </a:xfrm>
        </p:grpSpPr>
        <p:sp>
          <p:nvSpPr>
            <p:cNvPr id="21" name="object 21"/>
            <p:cNvSpPr/>
            <p:nvPr/>
          </p:nvSpPr>
          <p:spPr>
            <a:xfrm>
              <a:off x="5939028" y="4690872"/>
              <a:ext cx="2338070" cy="2208530"/>
            </a:xfrm>
            <a:custGeom>
              <a:avLst/>
              <a:gdLst/>
              <a:ahLst/>
              <a:cxnLst/>
              <a:rect l="l" t="t" r="r" b="b"/>
              <a:pathLst>
                <a:path w="2338070" h="2208529">
                  <a:moveTo>
                    <a:pt x="2337816" y="2208276"/>
                  </a:moveTo>
                  <a:lnTo>
                    <a:pt x="0" y="2208276"/>
                  </a:lnTo>
                  <a:lnTo>
                    <a:pt x="0" y="0"/>
                  </a:lnTo>
                  <a:lnTo>
                    <a:pt x="2337816" y="0"/>
                  </a:lnTo>
                  <a:lnTo>
                    <a:pt x="2337816" y="2208276"/>
                  </a:lnTo>
                  <a:close/>
                </a:path>
              </a:pathLst>
            </a:custGeom>
            <a:solidFill>
              <a:srgbClr val="DBE6F2"/>
            </a:solidFill>
          </p:spPr>
          <p:txBody>
            <a:bodyPr wrap="square" lIns="0" tIns="0" rIns="0" bIns="0" rtlCol="0"/>
            <a:lstStyle/>
            <a:p>
              <a:endParaRPr sz="1749"/>
            </a:p>
          </p:txBody>
        </p:sp>
        <p:sp>
          <p:nvSpPr>
            <p:cNvPr id="22" name="object 22"/>
            <p:cNvSpPr/>
            <p:nvPr/>
          </p:nvSpPr>
          <p:spPr>
            <a:xfrm>
              <a:off x="6457187" y="5402580"/>
              <a:ext cx="1795780" cy="721360"/>
            </a:xfrm>
            <a:custGeom>
              <a:avLst/>
              <a:gdLst/>
              <a:ahLst/>
              <a:cxnLst/>
              <a:rect l="l" t="t" r="r" b="b"/>
              <a:pathLst>
                <a:path w="1795779" h="721360">
                  <a:moveTo>
                    <a:pt x="0" y="0"/>
                  </a:moveTo>
                  <a:lnTo>
                    <a:pt x="1795272" y="0"/>
                  </a:lnTo>
                  <a:lnTo>
                    <a:pt x="1795272" y="720851"/>
                  </a:lnTo>
                  <a:lnTo>
                    <a:pt x="0" y="720851"/>
                  </a:lnTo>
                  <a:lnTo>
                    <a:pt x="0" y="0"/>
                  </a:lnTo>
                  <a:close/>
                </a:path>
              </a:pathLst>
            </a:custGeom>
            <a:ln w="13716">
              <a:solidFill>
                <a:srgbClr val="1C334D"/>
              </a:solidFill>
            </a:ln>
          </p:spPr>
          <p:txBody>
            <a:bodyPr wrap="square" lIns="0" tIns="0" rIns="0" bIns="0" rtlCol="0"/>
            <a:lstStyle/>
            <a:p>
              <a:endParaRPr sz="1749"/>
            </a:p>
          </p:txBody>
        </p:sp>
      </p:grpSp>
      <p:sp>
        <p:nvSpPr>
          <p:cNvPr id="23" name="object 23"/>
          <p:cNvSpPr txBox="1"/>
          <p:nvPr/>
        </p:nvSpPr>
        <p:spPr>
          <a:xfrm>
            <a:off x="7606679" y="4309625"/>
            <a:ext cx="1269517" cy="299286"/>
          </a:xfrm>
          <a:prstGeom prst="rect">
            <a:avLst/>
          </a:prstGeom>
          <a:solidFill>
            <a:srgbClr val="FFFFFF"/>
          </a:solidFill>
          <a:ln w="13715">
            <a:solidFill>
              <a:srgbClr val="1C334D"/>
            </a:solidFill>
          </a:ln>
        </p:spPr>
        <p:txBody>
          <a:bodyPr vert="horz" wrap="square" lIns="0" tIns="48869" rIns="0" bIns="0" rtlCol="0">
            <a:spAutoFit/>
          </a:bodyPr>
          <a:lstStyle/>
          <a:p>
            <a:pPr>
              <a:spcBef>
                <a:spcPts val="385"/>
              </a:spcBef>
            </a:pPr>
            <a:endParaRPr sz="812">
              <a:latin typeface="Times New Roman"/>
              <a:cs typeface="Times New Roman"/>
            </a:endParaRPr>
          </a:p>
          <a:p>
            <a:pPr marL="32579"/>
            <a:r>
              <a:rPr sz="812" spc="-9" dirty="0">
                <a:latin typeface="ＭＳ Ｐゴシック"/>
                <a:cs typeface="ＭＳ Ｐゴシック"/>
              </a:rPr>
              <a:t>現地踏査、課題共有</a:t>
            </a:r>
            <a:endParaRPr sz="812">
              <a:latin typeface="ＭＳ Ｐゴシック"/>
              <a:cs typeface="ＭＳ Ｐゴシック"/>
            </a:endParaRPr>
          </a:p>
        </p:txBody>
      </p:sp>
      <p:grpSp>
        <p:nvGrpSpPr>
          <p:cNvPr id="24" name="object 24"/>
          <p:cNvGrpSpPr/>
          <p:nvPr/>
        </p:nvGrpSpPr>
        <p:grpSpPr>
          <a:xfrm>
            <a:off x="7230059" y="4275743"/>
            <a:ext cx="319280" cy="1803822"/>
            <a:chOff x="8455152" y="4771644"/>
            <a:chExt cx="373380" cy="2109470"/>
          </a:xfrm>
        </p:grpSpPr>
        <p:sp>
          <p:nvSpPr>
            <p:cNvPr id="25" name="object 25"/>
            <p:cNvSpPr/>
            <p:nvPr/>
          </p:nvSpPr>
          <p:spPr>
            <a:xfrm>
              <a:off x="8481060" y="5439155"/>
              <a:ext cx="309880" cy="810895"/>
            </a:xfrm>
            <a:custGeom>
              <a:avLst/>
              <a:gdLst/>
              <a:ahLst/>
              <a:cxnLst/>
              <a:rect l="l" t="t" r="r" b="b"/>
              <a:pathLst>
                <a:path w="309879" h="810895">
                  <a:moveTo>
                    <a:pt x="153923" y="810767"/>
                  </a:moveTo>
                  <a:lnTo>
                    <a:pt x="0" y="655320"/>
                  </a:lnTo>
                  <a:lnTo>
                    <a:pt x="0" y="0"/>
                  </a:lnTo>
                  <a:lnTo>
                    <a:pt x="153923" y="155448"/>
                  </a:lnTo>
                  <a:lnTo>
                    <a:pt x="309371" y="0"/>
                  </a:lnTo>
                  <a:lnTo>
                    <a:pt x="309371" y="655320"/>
                  </a:lnTo>
                  <a:lnTo>
                    <a:pt x="153923" y="810767"/>
                  </a:lnTo>
                  <a:close/>
                </a:path>
              </a:pathLst>
            </a:custGeom>
            <a:solidFill>
              <a:srgbClr val="4F80BC"/>
            </a:solidFill>
          </p:spPr>
          <p:txBody>
            <a:bodyPr wrap="square" lIns="0" tIns="0" rIns="0" bIns="0" rtlCol="0"/>
            <a:lstStyle/>
            <a:p>
              <a:endParaRPr sz="1749"/>
            </a:p>
          </p:txBody>
        </p:sp>
        <p:sp>
          <p:nvSpPr>
            <p:cNvPr id="26" name="object 26"/>
            <p:cNvSpPr/>
            <p:nvPr/>
          </p:nvSpPr>
          <p:spPr>
            <a:xfrm>
              <a:off x="8481060" y="5439155"/>
              <a:ext cx="309880" cy="810895"/>
            </a:xfrm>
            <a:custGeom>
              <a:avLst/>
              <a:gdLst/>
              <a:ahLst/>
              <a:cxnLst/>
              <a:rect l="l" t="t" r="r" b="b"/>
              <a:pathLst>
                <a:path w="309879" h="810895">
                  <a:moveTo>
                    <a:pt x="309371" y="0"/>
                  </a:moveTo>
                  <a:lnTo>
                    <a:pt x="309371" y="655320"/>
                  </a:lnTo>
                  <a:lnTo>
                    <a:pt x="153923" y="810767"/>
                  </a:lnTo>
                  <a:lnTo>
                    <a:pt x="0" y="655320"/>
                  </a:lnTo>
                  <a:lnTo>
                    <a:pt x="0" y="0"/>
                  </a:lnTo>
                  <a:lnTo>
                    <a:pt x="153923" y="155448"/>
                  </a:lnTo>
                  <a:lnTo>
                    <a:pt x="309371" y="0"/>
                  </a:lnTo>
                  <a:close/>
                </a:path>
              </a:pathLst>
            </a:custGeom>
            <a:ln w="27432">
              <a:solidFill>
                <a:srgbClr val="1C334D"/>
              </a:solidFill>
            </a:ln>
          </p:spPr>
          <p:txBody>
            <a:bodyPr wrap="square" lIns="0" tIns="0" rIns="0" bIns="0" rtlCol="0"/>
            <a:lstStyle/>
            <a:p>
              <a:endParaRPr sz="1749"/>
            </a:p>
          </p:txBody>
        </p:sp>
        <p:sp>
          <p:nvSpPr>
            <p:cNvPr id="27" name="object 27"/>
            <p:cNvSpPr/>
            <p:nvPr/>
          </p:nvSpPr>
          <p:spPr>
            <a:xfrm>
              <a:off x="8468868" y="4785360"/>
              <a:ext cx="314325" cy="708660"/>
            </a:xfrm>
            <a:custGeom>
              <a:avLst/>
              <a:gdLst/>
              <a:ahLst/>
              <a:cxnLst/>
              <a:rect l="l" t="t" r="r" b="b"/>
              <a:pathLst>
                <a:path w="314325" h="708660">
                  <a:moveTo>
                    <a:pt x="156971" y="708659"/>
                  </a:moveTo>
                  <a:lnTo>
                    <a:pt x="0" y="551688"/>
                  </a:lnTo>
                  <a:lnTo>
                    <a:pt x="0" y="0"/>
                  </a:lnTo>
                  <a:lnTo>
                    <a:pt x="313944" y="0"/>
                  </a:lnTo>
                  <a:lnTo>
                    <a:pt x="313944" y="551688"/>
                  </a:lnTo>
                  <a:lnTo>
                    <a:pt x="156971" y="708659"/>
                  </a:lnTo>
                  <a:close/>
                </a:path>
              </a:pathLst>
            </a:custGeom>
            <a:solidFill>
              <a:srgbClr val="4F80BC"/>
            </a:solidFill>
          </p:spPr>
          <p:txBody>
            <a:bodyPr wrap="square" lIns="0" tIns="0" rIns="0" bIns="0" rtlCol="0"/>
            <a:lstStyle/>
            <a:p>
              <a:endParaRPr sz="1749"/>
            </a:p>
          </p:txBody>
        </p:sp>
        <p:sp>
          <p:nvSpPr>
            <p:cNvPr id="28" name="object 28"/>
            <p:cNvSpPr/>
            <p:nvPr/>
          </p:nvSpPr>
          <p:spPr>
            <a:xfrm>
              <a:off x="8468868" y="4785360"/>
              <a:ext cx="314325" cy="708660"/>
            </a:xfrm>
            <a:custGeom>
              <a:avLst/>
              <a:gdLst/>
              <a:ahLst/>
              <a:cxnLst/>
              <a:rect l="l" t="t" r="r" b="b"/>
              <a:pathLst>
                <a:path w="314325" h="708660">
                  <a:moveTo>
                    <a:pt x="313944" y="0"/>
                  </a:moveTo>
                  <a:lnTo>
                    <a:pt x="313944" y="551688"/>
                  </a:lnTo>
                  <a:lnTo>
                    <a:pt x="156971" y="708659"/>
                  </a:lnTo>
                  <a:lnTo>
                    <a:pt x="0" y="551688"/>
                  </a:lnTo>
                  <a:lnTo>
                    <a:pt x="0" y="0"/>
                  </a:lnTo>
                  <a:lnTo>
                    <a:pt x="313944" y="0"/>
                  </a:lnTo>
                  <a:close/>
                </a:path>
              </a:pathLst>
            </a:custGeom>
            <a:ln w="27432">
              <a:solidFill>
                <a:srgbClr val="1C334D"/>
              </a:solidFill>
            </a:ln>
          </p:spPr>
          <p:txBody>
            <a:bodyPr wrap="square" lIns="0" tIns="0" rIns="0" bIns="0" rtlCol="0"/>
            <a:lstStyle/>
            <a:p>
              <a:endParaRPr sz="1749"/>
            </a:p>
          </p:txBody>
        </p:sp>
        <p:sp>
          <p:nvSpPr>
            <p:cNvPr id="29" name="object 29"/>
            <p:cNvSpPr/>
            <p:nvPr/>
          </p:nvSpPr>
          <p:spPr>
            <a:xfrm>
              <a:off x="8499348" y="6222492"/>
              <a:ext cx="315595" cy="645160"/>
            </a:xfrm>
            <a:custGeom>
              <a:avLst/>
              <a:gdLst/>
              <a:ahLst/>
              <a:cxnLst/>
              <a:rect l="l" t="t" r="r" b="b"/>
              <a:pathLst>
                <a:path w="315595" h="645159">
                  <a:moveTo>
                    <a:pt x="158496" y="644651"/>
                  </a:moveTo>
                  <a:lnTo>
                    <a:pt x="0" y="486155"/>
                  </a:lnTo>
                  <a:lnTo>
                    <a:pt x="0" y="0"/>
                  </a:lnTo>
                  <a:lnTo>
                    <a:pt x="158496" y="156971"/>
                  </a:lnTo>
                  <a:lnTo>
                    <a:pt x="315467" y="0"/>
                  </a:lnTo>
                  <a:lnTo>
                    <a:pt x="315467" y="486155"/>
                  </a:lnTo>
                  <a:lnTo>
                    <a:pt x="158496" y="644651"/>
                  </a:lnTo>
                  <a:close/>
                </a:path>
              </a:pathLst>
            </a:custGeom>
            <a:solidFill>
              <a:srgbClr val="4F80BC"/>
            </a:solidFill>
          </p:spPr>
          <p:txBody>
            <a:bodyPr wrap="square" lIns="0" tIns="0" rIns="0" bIns="0" rtlCol="0"/>
            <a:lstStyle/>
            <a:p>
              <a:endParaRPr sz="1749"/>
            </a:p>
          </p:txBody>
        </p:sp>
        <p:sp>
          <p:nvSpPr>
            <p:cNvPr id="30" name="object 30"/>
            <p:cNvSpPr/>
            <p:nvPr/>
          </p:nvSpPr>
          <p:spPr>
            <a:xfrm>
              <a:off x="8499348" y="6222492"/>
              <a:ext cx="315595" cy="645160"/>
            </a:xfrm>
            <a:custGeom>
              <a:avLst/>
              <a:gdLst/>
              <a:ahLst/>
              <a:cxnLst/>
              <a:rect l="l" t="t" r="r" b="b"/>
              <a:pathLst>
                <a:path w="315595" h="645159">
                  <a:moveTo>
                    <a:pt x="315467" y="0"/>
                  </a:moveTo>
                  <a:lnTo>
                    <a:pt x="315467" y="486155"/>
                  </a:lnTo>
                  <a:lnTo>
                    <a:pt x="158496" y="644651"/>
                  </a:lnTo>
                  <a:lnTo>
                    <a:pt x="0" y="486155"/>
                  </a:lnTo>
                  <a:lnTo>
                    <a:pt x="0" y="0"/>
                  </a:lnTo>
                  <a:lnTo>
                    <a:pt x="158496" y="156971"/>
                  </a:lnTo>
                  <a:lnTo>
                    <a:pt x="315467" y="0"/>
                  </a:lnTo>
                  <a:close/>
                </a:path>
              </a:pathLst>
            </a:custGeom>
            <a:ln w="27432">
              <a:solidFill>
                <a:srgbClr val="1C334D"/>
              </a:solidFill>
            </a:ln>
          </p:spPr>
          <p:txBody>
            <a:bodyPr wrap="square" lIns="0" tIns="0" rIns="0" bIns="0" rtlCol="0"/>
            <a:lstStyle/>
            <a:p>
              <a:endParaRPr sz="1749"/>
            </a:p>
          </p:txBody>
        </p:sp>
      </p:grpSp>
      <p:sp>
        <p:nvSpPr>
          <p:cNvPr id="31" name="object 31"/>
          <p:cNvSpPr txBox="1"/>
          <p:nvPr/>
        </p:nvSpPr>
        <p:spPr>
          <a:xfrm>
            <a:off x="7606679" y="4824383"/>
            <a:ext cx="1269517" cy="563039"/>
          </a:xfrm>
          <a:prstGeom prst="rect">
            <a:avLst/>
          </a:prstGeom>
          <a:solidFill>
            <a:srgbClr val="FFFFFF"/>
          </a:solidFill>
          <a:ln w="13715">
            <a:solidFill>
              <a:srgbClr val="1C334D"/>
            </a:solidFill>
          </a:ln>
        </p:spPr>
        <p:txBody>
          <a:bodyPr vert="horz" wrap="square" lIns="0" tIns="53213" rIns="0" bIns="0" rtlCol="0">
            <a:spAutoFit/>
          </a:bodyPr>
          <a:lstStyle/>
          <a:p>
            <a:pPr marL="32579" marR="295929">
              <a:lnSpc>
                <a:spcPct val="101899"/>
              </a:lnSpc>
              <a:spcBef>
                <a:spcPts val="419"/>
              </a:spcBef>
            </a:pPr>
            <a:r>
              <a:rPr sz="812" spc="-9" dirty="0">
                <a:latin typeface="ＭＳ Ｐゴシック"/>
                <a:cs typeface="ＭＳ Ｐゴシック"/>
              </a:rPr>
              <a:t>ワークショップの実施導入技術の具体化</a:t>
            </a:r>
            <a:endParaRPr sz="812">
              <a:latin typeface="ＭＳ Ｐゴシック"/>
              <a:cs typeface="ＭＳ Ｐゴシック"/>
            </a:endParaRPr>
          </a:p>
          <a:p>
            <a:pPr marL="32579" marR="40181">
              <a:lnSpc>
                <a:spcPct val="101899"/>
              </a:lnSpc>
              <a:spcBef>
                <a:spcPts val="4"/>
              </a:spcBef>
            </a:pPr>
            <a:r>
              <a:rPr sz="812" spc="-4" dirty="0">
                <a:latin typeface="ＭＳ Ｐゴシック"/>
                <a:cs typeface="ＭＳ Ｐゴシック"/>
              </a:rPr>
              <a:t>住民・職員との連携可能性</a:t>
            </a:r>
            <a:r>
              <a:rPr sz="812" spc="-21" dirty="0">
                <a:latin typeface="ＭＳ Ｐゴシック"/>
                <a:cs typeface="ＭＳ Ｐゴシック"/>
              </a:rPr>
              <a:t>検討</a:t>
            </a:r>
            <a:endParaRPr sz="812">
              <a:latin typeface="ＭＳ Ｐゴシック"/>
              <a:cs typeface="ＭＳ Ｐゴシック"/>
            </a:endParaRPr>
          </a:p>
        </p:txBody>
      </p:sp>
      <p:sp>
        <p:nvSpPr>
          <p:cNvPr id="32" name="object 32"/>
          <p:cNvSpPr txBox="1"/>
          <p:nvPr/>
        </p:nvSpPr>
        <p:spPr>
          <a:xfrm>
            <a:off x="5521586" y="4815261"/>
            <a:ext cx="1535584" cy="630882"/>
          </a:xfrm>
          <a:prstGeom prst="rect">
            <a:avLst/>
          </a:prstGeom>
          <a:solidFill>
            <a:srgbClr val="FFFFFF"/>
          </a:solidFill>
        </p:spPr>
        <p:txBody>
          <a:bodyPr vert="horz" wrap="square" lIns="0" tIns="5973" rIns="0" bIns="0" rtlCol="0">
            <a:spAutoFit/>
          </a:bodyPr>
          <a:lstStyle/>
          <a:p>
            <a:pPr>
              <a:spcBef>
                <a:spcPts val="47"/>
              </a:spcBef>
            </a:pPr>
            <a:endParaRPr sz="812">
              <a:latin typeface="Times New Roman"/>
              <a:cs typeface="Times New Roman"/>
            </a:endParaRPr>
          </a:p>
          <a:p>
            <a:pPr marL="32036"/>
            <a:r>
              <a:rPr sz="812" spc="-9" dirty="0">
                <a:latin typeface="ＭＳ Ｐゴシック"/>
                <a:cs typeface="ＭＳ Ｐゴシック"/>
              </a:rPr>
              <a:t>ワークショップ実施</a:t>
            </a:r>
            <a:endParaRPr sz="812">
              <a:latin typeface="ＭＳ Ｐゴシック"/>
              <a:cs typeface="ＭＳ Ｐゴシック"/>
            </a:endParaRPr>
          </a:p>
          <a:p>
            <a:pPr marL="32036">
              <a:spcBef>
                <a:spcPts val="21"/>
              </a:spcBef>
            </a:pPr>
            <a:r>
              <a:rPr sz="812" spc="-4" dirty="0">
                <a:latin typeface="ＭＳ Ｐゴシック"/>
                <a:cs typeface="ＭＳ Ｐゴシック"/>
              </a:rPr>
              <a:t>導入技術の具体化、金額算定</a:t>
            </a:r>
            <a:endParaRPr sz="812">
              <a:latin typeface="ＭＳ Ｐゴシック"/>
              <a:cs typeface="ＭＳ Ｐゴシック"/>
            </a:endParaRPr>
          </a:p>
          <a:p>
            <a:pPr marL="32036">
              <a:spcBef>
                <a:spcPts val="21"/>
              </a:spcBef>
            </a:pPr>
            <a:r>
              <a:rPr sz="812" dirty="0">
                <a:latin typeface="ＭＳ Ｐゴシック"/>
                <a:cs typeface="ＭＳ Ｐゴシック"/>
              </a:rPr>
              <a:t>予算準備（</a:t>
            </a:r>
            <a:r>
              <a:rPr sz="812" spc="-9" dirty="0">
                <a:latin typeface="ＭＳ Ｐゴシック"/>
                <a:cs typeface="ＭＳ Ｐゴシック"/>
              </a:rPr>
              <a:t>道路メンテナンス補助</a:t>
            </a:r>
            <a:r>
              <a:rPr sz="812" spc="-43" dirty="0">
                <a:latin typeface="ＭＳ Ｐゴシック"/>
                <a:cs typeface="ＭＳ Ｐゴシック"/>
              </a:rPr>
              <a:t>）</a:t>
            </a:r>
            <a:endParaRPr sz="812">
              <a:latin typeface="ＭＳ Ｐゴシック"/>
              <a:cs typeface="ＭＳ Ｐゴシック"/>
            </a:endParaRPr>
          </a:p>
        </p:txBody>
      </p:sp>
      <p:grpSp>
        <p:nvGrpSpPr>
          <p:cNvPr id="33" name="object 33"/>
          <p:cNvGrpSpPr/>
          <p:nvPr/>
        </p:nvGrpSpPr>
        <p:grpSpPr>
          <a:xfrm>
            <a:off x="5172115" y="4834590"/>
            <a:ext cx="288872" cy="700461"/>
            <a:chOff x="6048501" y="5425185"/>
            <a:chExt cx="337820" cy="819150"/>
          </a:xfrm>
        </p:grpSpPr>
        <p:sp>
          <p:nvSpPr>
            <p:cNvPr id="34" name="object 34"/>
            <p:cNvSpPr/>
            <p:nvPr/>
          </p:nvSpPr>
          <p:spPr>
            <a:xfrm>
              <a:off x="6062471" y="5439155"/>
              <a:ext cx="309880" cy="791210"/>
            </a:xfrm>
            <a:custGeom>
              <a:avLst/>
              <a:gdLst/>
              <a:ahLst/>
              <a:cxnLst/>
              <a:rect l="l" t="t" r="r" b="b"/>
              <a:pathLst>
                <a:path w="309879" h="791210">
                  <a:moveTo>
                    <a:pt x="155448" y="790956"/>
                  </a:moveTo>
                  <a:lnTo>
                    <a:pt x="0" y="637032"/>
                  </a:lnTo>
                  <a:lnTo>
                    <a:pt x="0" y="0"/>
                  </a:lnTo>
                  <a:lnTo>
                    <a:pt x="155448" y="155448"/>
                  </a:lnTo>
                  <a:lnTo>
                    <a:pt x="309372" y="0"/>
                  </a:lnTo>
                  <a:lnTo>
                    <a:pt x="309372" y="637032"/>
                  </a:lnTo>
                  <a:lnTo>
                    <a:pt x="155448" y="790956"/>
                  </a:lnTo>
                  <a:close/>
                </a:path>
              </a:pathLst>
            </a:custGeom>
            <a:solidFill>
              <a:srgbClr val="4F80BC"/>
            </a:solidFill>
          </p:spPr>
          <p:txBody>
            <a:bodyPr wrap="square" lIns="0" tIns="0" rIns="0" bIns="0" rtlCol="0"/>
            <a:lstStyle/>
            <a:p>
              <a:endParaRPr sz="1749"/>
            </a:p>
          </p:txBody>
        </p:sp>
        <p:sp>
          <p:nvSpPr>
            <p:cNvPr id="35" name="object 35"/>
            <p:cNvSpPr/>
            <p:nvPr/>
          </p:nvSpPr>
          <p:spPr>
            <a:xfrm>
              <a:off x="6062471" y="5439155"/>
              <a:ext cx="309880" cy="791210"/>
            </a:xfrm>
            <a:custGeom>
              <a:avLst/>
              <a:gdLst/>
              <a:ahLst/>
              <a:cxnLst/>
              <a:rect l="l" t="t" r="r" b="b"/>
              <a:pathLst>
                <a:path w="309879" h="791210">
                  <a:moveTo>
                    <a:pt x="309372" y="0"/>
                  </a:moveTo>
                  <a:lnTo>
                    <a:pt x="309372" y="637032"/>
                  </a:lnTo>
                  <a:lnTo>
                    <a:pt x="155448" y="790956"/>
                  </a:lnTo>
                  <a:lnTo>
                    <a:pt x="0" y="637032"/>
                  </a:lnTo>
                  <a:lnTo>
                    <a:pt x="0" y="0"/>
                  </a:lnTo>
                  <a:lnTo>
                    <a:pt x="155448" y="155448"/>
                  </a:lnTo>
                  <a:lnTo>
                    <a:pt x="309372" y="0"/>
                  </a:lnTo>
                  <a:close/>
                </a:path>
              </a:pathLst>
            </a:custGeom>
            <a:ln w="27432">
              <a:solidFill>
                <a:srgbClr val="1C334D"/>
              </a:solidFill>
            </a:ln>
          </p:spPr>
          <p:txBody>
            <a:bodyPr wrap="square" lIns="0" tIns="0" rIns="0" bIns="0" rtlCol="0"/>
            <a:lstStyle/>
            <a:p>
              <a:endParaRPr sz="1749"/>
            </a:p>
          </p:txBody>
        </p:sp>
      </p:grpSp>
      <p:sp>
        <p:nvSpPr>
          <p:cNvPr id="36" name="object 36"/>
          <p:cNvSpPr txBox="1"/>
          <p:nvPr/>
        </p:nvSpPr>
        <p:spPr>
          <a:xfrm>
            <a:off x="5255126" y="5007572"/>
            <a:ext cx="102083" cy="290614"/>
          </a:xfrm>
          <a:prstGeom prst="rect">
            <a:avLst/>
          </a:prstGeom>
        </p:spPr>
        <p:txBody>
          <a:bodyPr vert="horz" wrap="square" lIns="0" tIns="14118" rIns="0" bIns="0" rtlCol="0">
            <a:spAutoFit/>
          </a:bodyPr>
          <a:lstStyle/>
          <a:p>
            <a:pPr marL="14661">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p:txBody>
      </p:sp>
      <p:sp>
        <p:nvSpPr>
          <p:cNvPr id="37" name="object 37"/>
          <p:cNvSpPr txBox="1"/>
          <p:nvPr/>
        </p:nvSpPr>
        <p:spPr>
          <a:xfrm>
            <a:off x="5097698" y="3924772"/>
            <a:ext cx="1922195" cy="352691"/>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①吊橋定期点検・鋼橋塗装修繕</a:t>
            </a:r>
            <a:endParaRPr sz="1112">
              <a:latin typeface="ＭＳ Ｐゴシック"/>
              <a:cs typeface="ＭＳ Ｐゴシック"/>
            </a:endParaRPr>
          </a:p>
        </p:txBody>
      </p:sp>
      <p:sp>
        <p:nvSpPr>
          <p:cNvPr id="38" name="object 38"/>
          <p:cNvSpPr txBox="1"/>
          <p:nvPr/>
        </p:nvSpPr>
        <p:spPr>
          <a:xfrm>
            <a:off x="7293301" y="3924772"/>
            <a:ext cx="1147887"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②直営点検効率化</a:t>
            </a:r>
            <a:endParaRPr sz="1112">
              <a:latin typeface="ＭＳ Ｐゴシック"/>
              <a:cs typeface="ＭＳ Ｐゴシック"/>
            </a:endParaRPr>
          </a:p>
        </p:txBody>
      </p:sp>
      <p:sp>
        <p:nvSpPr>
          <p:cNvPr id="39" name="object 39"/>
          <p:cNvSpPr/>
          <p:nvPr/>
        </p:nvSpPr>
        <p:spPr>
          <a:xfrm>
            <a:off x="5539830" y="5487704"/>
            <a:ext cx="1517121" cy="457743"/>
          </a:xfrm>
          <a:custGeom>
            <a:avLst/>
            <a:gdLst/>
            <a:ahLst/>
            <a:cxnLst/>
            <a:rect l="l" t="t" r="r" b="b"/>
            <a:pathLst>
              <a:path w="1774190" h="535304">
                <a:moveTo>
                  <a:pt x="0" y="0"/>
                </a:moveTo>
                <a:lnTo>
                  <a:pt x="1773936" y="0"/>
                </a:lnTo>
                <a:lnTo>
                  <a:pt x="1773936" y="534923"/>
                </a:lnTo>
                <a:lnTo>
                  <a:pt x="0" y="534923"/>
                </a:lnTo>
                <a:lnTo>
                  <a:pt x="0" y="0"/>
                </a:lnTo>
                <a:close/>
              </a:path>
            </a:pathLst>
          </a:custGeom>
          <a:ln w="13716">
            <a:solidFill>
              <a:srgbClr val="1C334D"/>
            </a:solidFill>
          </a:ln>
        </p:spPr>
        <p:txBody>
          <a:bodyPr wrap="square" lIns="0" tIns="0" rIns="0" bIns="0" rtlCol="0"/>
          <a:lstStyle/>
          <a:p>
            <a:endParaRPr sz="1749"/>
          </a:p>
        </p:txBody>
      </p:sp>
      <p:sp>
        <p:nvSpPr>
          <p:cNvPr id="40" name="object 40"/>
          <p:cNvSpPr txBox="1"/>
          <p:nvPr/>
        </p:nvSpPr>
        <p:spPr>
          <a:xfrm>
            <a:off x="5539830" y="5487703"/>
            <a:ext cx="1517121" cy="303673"/>
          </a:xfrm>
          <a:prstGeom prst="rect">
            <a:avLst/>
          </a:prstGeom>
          <a:solidFill>
            <a:srgbClr val="FFFFFF"/>
          </a:solidFill>
        </p:spPr>
        <p:txBody>
          <a:bodyPr vert="horz" wrap="square" lIns="0" tIns="53213" rIns="0" bIns="0" rtlCol="0">
            <a:spAutoFit/>
          </a:bodyPr>
          <a:lstStyle/>
          <a:p>
            <a:pPr>
              <a:spcBef>
                <a:spcPts val="419"/>
              </a:spcBef>
            </a:pPr>
            <a:endParaRPr sz="812">
              <a:latin typeface="Times New Roman"/>
              <a:cs typeface="Times New Roman"/>
            </a:endParaRPr>
          </a:p>
          <a:p>
            <a:pPr marL="84706"/>
            <a:r>
              <a:rPr sz="812" spc="-9" dirty="0">
                <a:latin typeface="ＭＳ Ｐゴシック"/>
                <a:cs typeface="ＭＳ Ｐゴシック"/>
              </a:rPr>
              <a:t>技術導入、検証</a:t>
            </a:r>
            <a:endParaRPr sz="812">
              <a:latin typeface="ＭＳ Ｐゴシック"/>
              <a:cs typeface="ＭＳ Ｐゴシック"/>
            </a:endParaRPr>
          </a:p>
        </p:txBody>
      </p:sp>
      <p:grpSp>
        <p:nvGrpSpPr>
          <p:cNvPr id="41" name="object 41"/>
          <p:cNvGrpSpPr/>
          <p:nvPr/>
        </p:nvGrpSpPr>
        <p:grpSpPr>
          <a:xfrm>
            <a:off x="5172333" y="4279653"/>
            <a:ext cx="295931" cy="1750608"/>
            <a:chOff x="6048755" y="4776216"/>
            <a:chExt cx="346075" cy="2047239"/>
          </a:xfrm>
        </p:grpSpPr>
        <p:sp>
          <p:nvSpPr>
            <p:cNvPr id="42" name="object 42"/>
            <p:cNvSpPr/>
            <p:nvPr/>
          </p:nvSpPr>
          <p:spPr>
            <a:xfrm>
              <a:off x="6062471" y="4789932"/>
              <a:ext cx="314325" cy="708660"/>
            </a:xfrm>
            <a:custGeom>
              <a:avLst/>
              <a:gdLst/>
              <a:ahLst/>
              <a:cxnLst/>
              <a:rect l="l" t="t" r="r" b="b"/>
              <a:pathLst>
                <a:path w="314325" h="708660">
                  <a:moveTo>
                    <a:pt x="156972" y="708660"/>
                  </a:moveTo>
                  <a:lnTo>
                    <a:pt x="0" y="551687"/>
                  </a:lnTo>
                  <a:lnTo>
                    <a:pt x="0" y="0"/>
                  </a:lnTo>
                  <a:lnTo>
                    <a:pt x="313944" y="0"/>
                  </a:lnTo>
                  <a:lnTo>
                    <a:pt x="313944" y="551687"/>
                  </a:lnTo>
                  <a:lnTo>
                    <a:pt x="156972" y="708660"/>
                  </a:lnTo>
                  <a:close/>
                </a:path>
              </a:pathLst>
            </a:custGeom>
            <a:solidFill>
              <a:srgbClr val="4F80BC"/>
            </a:solidFill>
          </p:spPr>
          <p:txBody>
            <a:bodyPr wrap="square" lIns="0" tIns="0" rIns="0" bIns="0" rtlCol="0"/>
            <a:lstStyle/>
            <a:p>
              <a:endParaRPr sz="1749"/>
            </a:p>
          </p:txBody>
        </p:sp>
        <p:sp>
          <p:nvSpPr>
            <p:cNvPr id="43" name="object 43"/>
            <p:cNvSpPr/>
            <p:nvPr/>
          </p:nvSpPr>
          <p:spPr>
            <a:xfrm>
              <a:off x="6062471" y="4789932"/>
              <a:ext cx="314325" cy="708660"/>
            </a:xfrm>
            <a:custGeom>
              <a:avLst/>
              <a:gdLst/>
              <a:ahLst/>
              <a:cxnLst/>
              <a:rect l="l" t="t" r="r" b="b"/>
              <a:pathLst>
                <a:path w="314325" h="708660">
                  <a:moveTo>
                    <a:pt x="313944" y="0"/>
                  </a:moveTo>
                  <a:lnTo>
                    <a:pt x="313944" y="551687"/>
                  </a:lnTo>
                  <a:lnTo>
                    <a:pt x="156972" y="708660"/>
                  </a:lnTo>
                  <a:lnTo>
                    <a:pt x="0" y="551687"/>
                  </a:lnTo>
                  <a:lnTo>
                    <a:pt x="0" y="0"/>
                  </a:lnTo>
                  <a:lnTo>
                    <a:pt x="313944" y="0"/>
                  </a:lnTo>
                  <a:close/>
                </a:path>
              </a:pathLst>
            </a:custGeom>
            <a:ln w="27431">
              <a:solidFill>
                <a:srgbClr val="1C334D"/>
              </a:solidFill>
            </a:ln>
          </p:spPr>
          <p:txBody>
            <a:bodyPr wrap="square" lIns="0" tIns="0" rIns="0" bIns="0" rtlCol="0"/>
            <a:lstStyle/>
            <a:p>
              <a:endParaRPr sz="1749"/>
            </a:p>
          </p:txBody>
        </p:sp>
        <p:sp>
          <p:nvSpPr>
            <p:cNvPr id="44" name="object 44"/>
            <p:cNvSpPr/>
            <p:nvPr/>
          </p:nvSpPr>
          <p:spPr>
            <a:xfrm>
              <a:off x="6065520" y="6164580"/>
              <a:ext cx="315595" cy="645160"/>
            </a:xfrm>
            <a:custGeom>
              <a:avLst/>
              <a:gdLst/>
              <a:ahLst/>
              <a:cxnLst/>
              <a:rect l="l" t="t" r="r" b="b"/>
              <a:pathLst>
                <a:path w="315595" h="645159">
                  <a:moveTo>
                    <a:pt x="156972" y="644651"/>
                  </a:moveTo>
                  <a:lnTo>
                    <a:pt x="0" y="487680"/>
                  </a:lnTo>
                  <a:lnTo>
                    <a:pt x="0" y="0"/>
                  </a:lnTo>
                  <a:lnTo>
                    <a:pt x="156972" y="158496"/>
                  </a:lnTo>
                  <a:lnTo>
                    <a:pt x="315467" y="0"/>
                  </a:lnTo>
                  <a:lnTo>
                    <a:pt x="315467" y="487680"/>
                  </a:lnTo>
                  <a:lnTo>
                    <a:pt x="156972" y="644651"/>
                  </a:lnTo>
                  <a:close/>
                </a:path>
              </a:pathLst>
            </a:custGeom>
            <a:solidFill>
              <a:srgbClr val="4F80BC"/>
            </a:solidFill>
          </p:spPr>
          <p:txBody>
            <a:bodyPr wrap="square" lIns="0" tIns="0" rIns="0" bIns="0" rtlCol="0"/>
            <a:lstStyle/>
            <a:p>
              <a:endParaRPr sz="1749"/>
            </a:p>
          </p:txBody>
        </p:sp>
        <p:sp>
          <p:nvSpPr>
            <p:cNvPr id="45" name="object 45"/>
            <p:cNvSpPr/>
            <p:nvPr/>
          </p:nvSpPr>
          <p:spPr>
            <a:xfrm>
              <a:off x="6065520" y="6164580"/>
              <a:ext cx="315595" cy="645160"/>
            </a:xfrm>
            <a:custGeom>
              <a:avLst/>
              <a:gdLst/>
              <a:ahLst/>
              <a:cxnLst/>
              <a:rect l="l" t="t" r="r" b="b"/>
              <a:pathLst>
                <a:path w="315595" h="645159">
                  <a:moveTo>
                    <a:pt x="315467" y="0"/>
                  </a:moveTo>
                  <a:lnTo>
                    <a:pt x="315467" y="487680"/>
                  </a:lnTo>
                  <a:lnTo>
                    <a:pt x="156972" y="644651"/>
                  </a:lnTo>
                  <a:lnTo>
                    <a:pt x="0" y="487680"/>
                  </a:lnTo>
                  <a:lnTo>
                    <a:pt x="0" y="0"/>
                  </a:lnTo>
                  <a:lnTo>
                    <a:pt x="156972" y="158496"/>
                  </a:lnTo>
                  <a:lnTo>
                    <a:pt x="315467" y="0"/>
                  </a:lnTo>
                  <a:close/>
                </a:path>
              </a:pathLst>
            </a:custGeom>
            <a:ln w="27432">
              <a:solidFill>
                <a:srgbClr val="1C334D"/>
              </a:solidFill>
            </a:ln>
          </p:spPr>
          <p:txBody>
            <a:bodyPr wrap="square" lIns="0" tIns="0" rIns="0" bIns="0" rtlCol="0"/>
            <a:lstStyle/>
            <a:p>
              <a:endParaRPr sz="1749"/>
            </a:p>
          </p:txBody>
        </p:sp>
      </p:grpSp>
      <p:sp>
        <p:nvSpPr>
          <p:cNvPr id="46" name="object 46"/>
          <p:cNvSpPr txBox="1"/>
          <p:nvPr/>
        </p:nvSpPr>
        <p:spPr>
          <a:xfrm>
            <a:off x="7606679" y="5487703"/>
            <a:ext cx="1269517" cy="303673"/>
          </a:xfrm>
          <a:prstGeom prst="rect">
            <a:avLst/>
          </a:prstGeom>
          <a:solidFill>
            <a:srgbClr val="FFFFFF"/>
          </a:solidFill>
          <a:ln w="13715">
            <a:solidFill>
              <a:srgbClr val="1C334D"/>
            </a:solidFill>
          </a:ln>
        </p:spPr>
        <p:txBody>
          <a:bodyPr vert="horz" wrap="square" lIns="0" tIns="53213" rIns="0" bIns="0" rtlCol="0">
            <a:spAutoFit/>
          </a:bodyPr>
          <a:lstStyle/>
          <a:p>
            <a:pPr>
              <a:spcBef>
                <a:spcPts val="419"/>
              </a:spcBef>
            </a:pPr>
            <a:endParaRPr sz="812">
              <a:latin typeface="Times New Roman"/>
              <a:cs typeface="Times New Roman"/>
            </a:endParaRPr>
          </a:p>
          <a:p>
            <a:pPr marL="84163"/>
            <a:r>
              <a:rPr sz="812" spc="-9" dirty="0">
                <a:latin typeface="ＭＳ Ｐゴシック"/>
                <a:cs typeface="ＭＳ Ｐゴシック"/>
              </a:rPr>
              <a:t>導入実証・効果検証</a:t>
            </a:r>
            <a:endParaRPr sz="812">
              <a:latin typeface="ＭＳ Ｐゴシック"/>
              <a:cs typeface="ＭＳ Ｐゴシック"/>
            </a:endParaRPr>
          </a:p>
        </p:txBody>
      </p:sp>
      <p:sp>
        <p:nvSpPr>
          <p:cNvPr id="47" name="object 47"/>
          <p:cNvSpPr txBox="1"/>
          <p:nvPr/>
        </p:nvSpPr>
        <p:spPr>
          <a:xfrm>
            <a:off x="7153170" y="4206674"/>
            <a:ext cx="1815768" cy="1702755"/>
          </a:xfrm>
          <a:prstGeom prst="rect">
            <a:avLst/>
          </a:prstGeom>
        </p:spPr>
        <p:txBody>
          <a:bodyPr vert="horz" wrap="square" lIns="0" tIns="76562" rIns="0" bIns="0" rtlCol="0">
            <a:spAutoFit/>
          </a:bodyPr>
          <a:lstStyle/>
          <a:p>
            <a:pPr>
              <a:spcBef>
                <a:spcPts val="603"/>
              </a:spcBef>
            </a:pPr>
            <a:endParaRPr sz="898">
              <a:latin typeface="Times New Roman"/>
              <a:cs typeface="Times New Roman"/>
            </a:endParaRPr>
          </a:p>
          <a:p>
            <a:pPr marR="1533399" algn="r"/>
            <a:r>
              <a:rPr sz="898" spc="-43" dirty="0">
                <a:solidFill>
                  <a:srgbClr val="FFFFFF"/>
                </a:solidFill>
                <a:latin typeface="ＭＳ Ｐゴシック"/>
                <a:cs typeface="ＭＳ Ｐゴシック"/>
              </a:rPr>
              <a:t>R</a:t>
            </a:r>
            <a:endParaRPr sz="898">
              <a:latin typeface="ＭＳ Ｐゴシック"/>
              <a:cs typeface="ＭＳ Ｐゴシック"/>
            </a:endParaRPr>
          </a:p>
          <a:p>
            <a:pPr marL="198191">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1022"/>
              </a:spcBef>
            </a:pPr>
            <a:endParaRPr sz="898">
              <a:latin typeface="ＭＳ Ｐゴシック"/>
              <a:cs typeface="ＭＳ Ｐゴシック"/>
            </a:endParaRPr>
          </a:p>
          <a:p>
            <a:pPr marR="1492675" algn="r"/>
            <a:r>
              <a:rPr sz="898" spc="-21" dirty="0">
                <a:solidFill>
                  <a:srgbClr val="FFFFFF"/>
                </a:solidFill>
                <a:latin typeface="ＭＳ Ｐゴシック"/>
                <a:cs typeface="ＭＳ Ｐゴシック"/>
              </a:rPr>
              <a:t>R６</a:t>
            </a: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949"/>
              </a:spcBef>
            </a:pPr>
            <a:endParaRPr sz="898">
              <a:latin typeface="ＭＳ Ｐゴシック"/>
              <a:cs typeface="ＭＳ Ｐゴシック"/>
            </a:endParaRPr>
          </a:p>
          <a:p>
            <a:pPr marR="1507336" algn="r"/>
            <a:r>
              <a:rPr sz="898" spc="-43" dirty="0">
                <a:solidFill>
                  <a:srgbClr val="FFFFFF"/>
                </a:solidFill>
                <a:latin typeface="ＭＳ Ｐゴシック"/>
                <a:cs typeface="ＭＳ Ｐゴシック"/>
              </a:rPr>
              <a:t>R</a:t>
            </a:r>
            <a:endParaRPr sz="898">
              <a:latin typeface="ＭＳ Ｐゴシック"/>
              <a:cs typeface="ＭＳ Ｐゴシック"/>
            </a:endParaRPr>
          </a:p>
          <a:p>
            <a:pPr marL="223711">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sp>
        <p:nvSpPr>
          <p:cNvPr id="48" name="object 48"/>
          <p:cNvSpPr txBox="1"/>
          <p:nvPr/>
        </p:nvSpPr>
        <p:spPr>
          <a:xfrm>
            <a:off x="5259249" y="4423887"/>
            <a:ext cx="102083" cy="290614"/>
          </a:xfrm>
          <a:prstGeom prst="rect">
            <a:avLst/>
          </a:prstGeom>
        </p:spPr>
        <p:txBody>
          <a:bodyPr vert="horz" wrap="square" lIns="0" tIns="14118" rIns="0" bIns="0" rtlCol="0">
            <a:spAutoFit/>
          </a:bodyPr>
          <a:lstStyle/>
          <a:p>
            <a:pPr marL="14118">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p:txBody>
      </p:sp>
      <p:sp>
        <p:nvSpPr>
          <p:cNvPr id="49" name="object 49"/>
          <p:cNvSpPr txBox="1"/>
          <p:nvPr/>
        </p:nvSpPr>
        <p:spPr>
          <a:xfrm>
            <a:off x="5281240" y="5630657"/>
            <a:ext cx="102083" cy="290614"/>
          </a:xfrm>
          <a:prstGeom prst="rect">
            <a:avLst/>
          </a:prstGeom>
        </p:spPr>
        <p:txBody>
          <a:bodyPr vert="horz" wrap="square" lIns="0" tIns="14118" rIns="0" bIns="0" rtlCol="0">
            <a:spAutoFit/>
          </a:bodyPr>
          <a:lstStyle/>
          <a:p>
            <a:pPr marL="14661">
              <a:spcBef>
                <a:spcPts val="111"/>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0860">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sp>
        <p:nvSpPr>
          <p:cNvPr id="50" name="object 50"/>
          <p:cNvSpPr txBox="1"/>
          <p:nvPr/>
        </p:nvSpPr>
        <p:spPr>
          <a:xfrm>
            <a:off x="5530708" y="4305716"/>
            <a:ext cx="1526353" cy="300931"/>
          </a:xfrm>
          <a:prstGeom prst="rect">
            <a:avLst/>
          </a:prstGeom>
          <a:solidFill>
            <a:srgbClr val="FFFFFF"/>
          </a:solidFill>
          <a:ln w="13715">
            <a:solidFill>
              <a:srgbClr val="1C334D"/>
            </a:solidFill>
          </a:ln>
        </p:spPr>
        <p:txBody>
          <a:bodyPr vert="horz" wrap="square" lIns="0" tIns="50498" rIns="0" bIns="0" rtlCol="0">
            <a:spAutoFit/>
          </a:bodyPr>
          <a:lstStyle/>
          <a:p>
            <a:pPr>
              <a:spcBef>
                <a:spcPts val="398"/>
              </a:spcBef>
            </a:pPr>
            <a:endParaRPr sz="812">
              <a:latin typeface="Times New Roman"/>
              <a:cs typeface="Times New Roman"/>
            </a:endParaRPr>
          </a:p>
          <a:p>
            <a:pPr marL="84706"/>
            <a:r>
              <a:rPr sz="812" spc="-9" dirty="0">
                <a:latin typeface="ＭＳ Ｐゴシック"/>
                <a:cs typeface="ＭＳ Ｐゴシック"/>
              </a:rPr>
              <a:t>現地踏査、課題共有</a:t>
            </a:r>
            <a:endParaRPr sz="812">
              <a:latin typeface="ＭＳ Ｐゴシック"/>
              <a:cs typeface="ＭＳ Ｐゴシック"/>
            </a:endParaRPr>
          </a:p>
        </p:txBody>
      </p:sp>
      <p:sp>
        <p:nvSpPr>
          <p:cNvPr id="51" name="object 51"/>
          <p:cNvSpPr txBox="1"/>
          <p:nvPr/>
        </p:nvSpPr>
        <p:spPr>
          <a:xfrm>
            <a:off x="250211" y="821006"/>
            <a:ext cx="1484542" cy="238000"/>
          </a:xfrm>
          <a:prstGeom prst="rect">
            <a:avLst/>
          </a:prstGeom>
          <a:ln w="13715">
            <a:solidFill>
              <a:srgbClr val="000000"/>
            </a:solidFill>
          </a:ln>
        </p:spPr>
        <p:txBody>
          <a:bodyPr vert="horz" wrap="square" lIns="0" tIns="40181" rIns="0" bIns="0" rtlCol="0">
            <a:spAutoFit/>
          </a:bodyPr>
          <a:lstStyle/>
          <a:p>
            <a:pPr marL="175384">
              <a:spcBef>
                <a:spcPts val="316"/>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52" name="object 52"/>
          <p:cNvSpPr txBox="1"/>
          <p:nvPr/>
        </p:nvSpPr>
        <p:spPr>
          <a:xfrm>
            <a:off x="1835763" y="837574"/>
            <a:ext cx="1171236" cy="209489"/>
          </a:xfrm>
          <a:prstGeom prst="rect">
            <a:avLst/>
          </a:prstGeom>
        </p:spPr>
        <p:txBody>
          <a:bodyPr vert="horz" wrap="square" lIns="0" tIns="11946" rIns="0" bIns="0" rtlCol="0">
            <a:spAutoFit/>
          </a:bodyPr>
          <a:lstStyle/>
          <a:p>
            <a:pPr marL="10860">
              <a:spcBef>
                <a:spcPts val="94"/>
              </a:spcBef>
            </a:pPr>
            <a:r>
              <a:rPr sz="1283" spc="-9" dirty="0">
                <a:latin typeface="HG教科書体"/>
                <a:cs typeface="HG教科書体"/>
              </a:rPr>
              <a:t>支援対象：橋梁</a:t>
            </a:r>
            <a:endParaRPr sz="1283">
              <a:latin typeface="HG教科書体"/>
              <a:cs typeface="HG教科書体"/>
            </a:endParaRPr>
          </a:p>
        </p:txBody>
      </p:sp>
      <p:sp>
        <p:nvSpPr>
          <p:cNvPr id="53" name="object 53"/>
          <p:cNvSpPr txBox="1"/>
          <p:nvPr/>
        </p:nvSpPr>
        <p:spPr>
          <a:xfrm>
            <a:off x="8845734" y="6291578"/>
            <a:ext cx="209595" cy="237487"/>
          </a:xfrm>
          <a:prstGeom prst="rect">
            <a:avLst/>
          </a:prstGeom>
        </p:spPr>
        <p:txBody>
          <a:bodyPr vert="horz" wrap="square" lIns="0" tIns="13575" rIns="0" bIns="0" rtlCol="0">
            <a:spAutoFit/>
          </a:bodyPr>
          <a:lstStyle/>
          <a:p>
            <a:pPr marL="10860">
              <a:spcBef>
                <a:spcPts val="107"/>
              </a:spcBef>
            </a:pPr>
            <a:r>
              <a:rPr sz="1454" spc="-21" dirty="0">
                <a:latin typeface="ＭＳ Ｐゴシック"/>
                <a:cs typeface="ＭＳ Ｐゴシック"/>
              </a:rPr>
              <a:t>12</a:t>
            </a:r>
            <a:endParaRPr sz="1454">
              <a:latin typeface="ＭＳ Ｐゴシック"/>
              <a:cs typeface="ＭＳ Ｐゴシック"/>
            </a:endParaRPr>
          </a:p>
        </p:txBody>
      </p:sp>
      <p:sp>
        <p:nvSpPr>
          <p:cNvPr id="54" name="object 54"/>
          <p:cNvSpPr txBox="1"/>
          <p:nvPr/>
        </p:nvSpPr>
        <p:spPr>
          <a:xfrm>
            <a:off x="5126721" y="2130705"/>
            <a:ext cx="1974322" cy="238000"/>
          </a:xfrm>
          <a:prstGeom prst="rect">
            <a:avLst/>
          </a:prstGeom>
          <a:solidFill>
            <a:srgbClr val="B6DDE8"/>
          </a:solidFill>
          <a:ln w="10667">
            <a:solidFill>
              <a:srgbClr val="00AFEF"/>
            </a:solidFill>
          </a:ln>
        </p:spPr>
        <p:txBody>
          <a:bodyPr vert="horz" wrap="square" lIns="0" tIns="40181" rIns="0" bIns="0" rtlCol="0">
            <a:spAutoFit/>
          </a:bodyPr>
          <a:lstStyle/>
          <a:p>
            <a:pPr marL="132489">
              <a:spcBef>
                <a:spcPts val="316"/>
              </a:spcBef>
            </a:pPr>
            <a:r>
              <a:rPr sz="1283" spc="-9" dirty="0">
                <a:latin typeface="ＭＳ Ｐゴシック"/>
                <a:cs typeface="ＭＳ Ｐゴシック"/>
              </a:rPr>
              <a:t>具体な検討スケジュール</a:t>
            </a:r>
            <a:endParaRPr sz="1283">
              <a:latin typeface="ＭＳ Ｐゴシック"/>
              <a:cs typeface="ＭＳ Ｐゴシック"/>
            </a:endParaRPr>
          </a:p>
        </p:txBody>
      </p:sp>
    </p:spTree>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76556" y="352850"/>
            <a:ext cx="7143071"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山口県周南市</a:t>
            </a:r>
            <a:r>
              <a:rPr spc="-9" dirty="0"/>
              <a:t>）</a:t>
            </a:r>
            <a:r>
              <a:rPr spc="-34" dirty="0"/>
              <a:t>監視対象橋梁の措置・監視方法に対する助言および新技術導入</a:t>
            </a:r>
          </a:p>
        </p:txBody>
      </p:sp>
      <p:sp>
        <p:nvSpPr>
          <p:cNvPr id="3" name="object 3"/>
          <p:cNvSpPr txBox="1"/>
          <p:nvPr/>
        </p:nvSpPr>
        <p:spPr>
          <a:xfrm>
            <a:off x="250210" y="1157226"/>
            <a:ext cx="8625985" cy="929763"/>
          </a:xfrm>
          <a:prstGeom prst="rect">
            <a:avLst/>
          </a:prstGeom>
          <a:ln w="13715">
            <a:solidFill>
              <a:srgbClr val="000000"/>
            </a:solidFill>
          </a:ln>
        </p:spPr>
        <p:txBody>
          <a:bodyPr vert="horz" wrap="square" lIns="0" tIns="67331" rIns="0" bIns="0" rtlCol="0">
            <a:spAutoFit/>
          </a:bodyPr>
          <a:lstStyle/>
          <a:p>
            <a:pPr marL="250861" marR="143892" indent="-165611">
              <a:lnSpc>
                <a:spcPct val="100699"/>
              </a:lnSpc>
              <a:spcBef>
                <a:spcPts val="530"/>
              </a:spcBef>
            </a:pPr>
            <a:r>
              <a:rPr sz="1283" spc="-13" dirty="0">
                <a:latin typeface="ＭＳ Ｐゴシック"/>
                <a:cs typeface="ＭＳ Ｐゴシック"/>
              </a:rPr>
              <a:t>〇現状、橋梁監視は現地目視が主体であり、遠隔監視や日常点検の延長上で実施できる簡易計測などの新技術を導入予定。対象とする橋梁や技術を検討し、より安価な技術の導入を目指す。</a:t>
            </a:r>
            <a:endParaRPr sz="1283">
              <a:latin typeface="ＭＳ Ｐゴシック"/>
              <a:cs typeface="ＭＳ Ｐゴシック"/>
            </a:endParaRPr>
          </a:p>
          <a:p>
            <a:pPr marL="250861" marR="79819" indent="-165611">
              <a:lnSpc>
                <a:spcPct val="101400"/>
              </a:lnSpc>
              <a:spcBef>
                <a:spcPts val="543"/>
              </a:spcBef>
            </a:pPr>
            <a:r>
              <a:rPr sz="1283" spc="-13" dirty="0">
                <a:latin typeface="ＭＳ Ｐゴシック"/>
                <a:cs typeface="ＭＳ Ｐゴシック"/>
              </a:rPr>
              <a:t>〇監視対象の考え方を整理した上で、対象橋梁への監視技術導入に向けて、来年度予算要求、技術選定・発注準備を進め</a:t>
            </a:r>
            <a:r>
              <a:rPr sz="1283" spc="-21" dirty="0">
                <a:latin typeface="ＭＳ Ｐゴシック"/>
                <a:cs typeface="ＭＳ Ｐゴシック"/>
              </a:rPr>
              <a:t>る。</a:t>
            </a:r>
            <a:endParaRPr sz="1283">
              <a:latin typeface="ＭＳ Ｐゴシック"/>
              <a:cs typeface="ＭＳ Ｐゴシック"/>
            </a:endParaRPr>
          </a:p>
        </p:txBody>
      </p:sp>
      <p:grpSp>
        <p:nvGrpSpPr>
          <p:cNvPr id="4" name="object 4"/>
          <p:cNvGrpSpPr/>
          <p:nvPr/>
        </p:nvGrpSpPr>
        <p:grpSpPr>
          <a:xfrm>
            <a:off x="151168" y="4565049"/>
            <a:ext cx="4670825" cy="1902647"/>
            <a:chOff x="176783" y="5109971"/>
            <a:chExt cx="5462270" cy="2225040"/>
          </a:xfrm>
        </p:grpSpPr>
        <p:sp>
          <p:nvSpPr>
            <p:cNvPr id="5" name="object 5"/>
            <p:cNvSpPr/>
            <p:nvPr/>
          </p:nvSpPr>
          <p:spPr>
            <a:xfrm>
              <a:off x="176783" y="5109971"/>
              <a:ext cx="5462270" cy="2225040"/>
            </a:xfrm>
            <a:custGeom>
              <a:avLst/>
              <a:gdLst/>
              <a:ahLst/>
              <a:cxnLst/>
              <a:rect l="l" t="t" r="r" b="b"/>
              <a:pathLst>
                <a:path w="5462270" h="2225040">
                  <a:moveTo>
                    <a:pt x="5462016" y="2225040"/>
                  </a:moveTo>
                  <a:lnTo>
                    <a:pt x="0" y="2225040"/>
                  </a:lnTo>
                  <a:lnTo>
                    <a:pt x="0" y="0"/>
                  </a:lnTo>
                  <a:lnTo>
                    <a:pt x="5462016" y="0"/>
                  </a:lnTo>
                  <a:lnTo>
                    <a:pt x="5462016" y="2225040"/>
                  </a:lnTo>
                  <a:close/>
                </a:path>
              </a:pathLst>
            </a:custGeom>
            <a:solidFill>
              <a:srgbClr val="DBE6F2"/>
            </a:solidFill>
          </p:spPr>
          <p:txBody>
            <a:bodyPr wrap="square" lIns="0" tIns="0" rIns="0" bIns="0" rtlCol="0"/>
            <a:lstStyle/>
            <a:p>
              <a:endParaRPr sz="1749"/>
            </a:p>
          </p:txBody>
        </p:sp>
        <p:pic>
          <p:nvPicPr>
            <p:cNvPr id="6" name="object 6"/>
            <p:cNvPicPr/>
            <p:nvPr/>
          </p:nvPicPr>
          <p:blipFill>
            <a:blip r:embed="rId2" cstate="print"/>
            <a:stretch>
              <a:fillRect/>
            </a:stretch>
          </p:blipFill>
          <p:spPr>
            <a:xfrm>
              <a:off x="2889503" y="5437632"/>
              <a:ext cx="2680716" cy="1583435"/>
            </a:xfrm>
            <a:prstGeom prst="rect">
              <a:avLst/>
            </a:prstGeom>
          </p:spPr>
        </p:pic>
      </p:grpSp>
      <p:sp>
        <p:nvSpPr>
          <p:cNvPr id="7" name="object 7"/>
          <p:cNvSpPr txBox="1"/>
          <p:nvPr/>
        </p:nvSpPr>
        <p:spPr>
          <a:xfrm>
            <a:off x="263242" y="3725799"/>
            <a:ext cx="1624092" cy="240741"/>
          </a:xfrm>
          <a:prstGeom prst="rect">
            <a:avLst/>
          </a:prstGeom>
          <a:solidFill>
            <a:srgbClr val="B6DDE8"/>
          </a:solidFill>
          <a:ln w="10667">
            <a:solidFill>
              <a:srgbClr val="00AFEF"/>
            </a:solidFill>
          </a:ln>
        </p:spPr>
        <p:txBody>
          <a:bodyPr vert="horz" wrap="square" lIns="0" tIns="42896" rIns="0" bIns="0" rtlCol="0">
            <a:spAutoFit/>
          </a:bodyPr>
          <a:lstStyle/>
          <a:p>
            <a:pPr marL="154752">
              <a:spcBef>
                <a:spcPts val="338"/>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8" name="object 8"/>
          <p:cNvSpPr txBox="1"/>
          <p:nvPr/>
        </p:nvSpPr>
        <p:spPr>
          <a:xfrm>
            <a:off x="286021" y="4056170"/>
            <a:ext cx="4603494" cy="694964"/>
          </a:xfrm>
          <a:prstGeom prst="rect">
            <a:avLst/>
          </a:prstGeom>
        </p:spPr>
        <p:txBody>
          <a:bodyPr vert="horz" wrap="square" lIns="0" tIns="10317" rIns="0" bIns="0" rtlCol="0">
            <a:spAutoFit/>
          </a:bodyPr>
          <a:lstStyle/>
          <a:p>
            <a:pPr marL="10860">
              <a:spcBef>
                <a:spcPts val="81"/>
              </a:spcBef>
            </a:pPr>
            <a:r>
              <a:rPr sz="1112" spc="-26" dirty="0">
                <a:latin typeface="ＭＳ Ｐゴシック"/>
                <a:cs typeface="ＭＳ Ｐゴシック"/>
              </a:rPr>
              <a:t>〇アドバイザー、事務局にて①画像によるひび割れ、②抜け落ち</a:t>
            </a:r>
            <a:r>
              <a:rPr sz="1112" spc="-9" dirty="0">
                <a:latin typeface="ＭＳ Ｐゴシック"/>
                <a:cs typeface="ＭＳ Ｐゴシック"/>
              </a:rPr>
              <a:t>（</a:t>
            </a:r>
            <a:r>
              <a:rPr sz="1112" spc="-21" dirty="0">
                <a:latin typeface="ＭＳ Ｐゴシック"/>
                <a:cs typeface="ＭＳ Ｐゴシック"/>
              </a:rPr>
              <a:t>光ファイ</a:t>
            </a:r>
            <a:endParaRPr sz="1112">
              <a:latin typeface="ＭＳ Ｐゴシック"/>
              <a:cs typeface="ＭＳ Ｐゴシック"/>
            </a:endParaRPr>
          </a:p>
          <a:p>
            <a:pPr marL="142806">
              <a:spcBef>
                <a:spcPts val="4"/>
              </a:spcBef>
            </a:pPr>
            <a:r>
              <a:rPr sz="1112" spc="-17" dirty="0">
                <a:latin typeface="ＭＳ Ｐゴシック"/>
                <a:cs typeface="ＭＳ Ｐゴシック"/>
              </a:rPr>
              <a:t>バ</a:t>
            </a:r>
            <a:r>
              <a:rPr sz="1112" spc="-9" dirty="0">
                <a:latin typeface="ＭＳ Ｐゴシック"/>
                <a:cs typeface="ＭＳ Ｐゴシック"/>
              </a:rPr>
              <a:t>）</a:t>
            </a:r>
            <a:r>
              <a:rPr sz="1112" spc="-21" dirty="0">
                <a:latin typeface="ＭＳ Ｐゴシック"/>
                <a:cs typeface="ＭＳ Ｐゴシック"/>
              </a:rPr>
              <a:t>、③たわみ</a:t>
            </a:r>
            <a:r>
              <a:rPr sz="1112" spc="-9" dirty="0">
                <a:latin typeface="ＭＳ Ｐゴシック"/>
                <a:cs typeface="ＭＳ Ｐゴシック"/>
              </a:rPr>
              <a:t>（</a:t>
            </a:r>
            <a:r>
              <a:rPr sz="1112" spc="-17" dirty="0">
                <a:latin typeface="ＭＳ Ｐゴシック"/>
                <a:cs typeface="ＭＳ Ｐゴシック"/>
              </a:rPr>
              <a:t>変位計</a:t>
            </a:r>
            <a:r>
              <a:rPr sz="1112" spc="-9" dirty="0">
                <a:latin typeface="ＭＳ Ｐゴシック"/>
                <a:cs typeface="ＭＳ Ｐゴシック"/>
              </a:rPr>
              <a:t>）</a:t>
            </a:r>
            <a:r>
              <a:rPr sz="1112" spc="-21" dirty="0">
                <a:latin typeface="ＭＳ Ｐゴシック"/>
                <a:cs typeface="ＭＳ Ｐゴシック"/>
              </a:rPr>
              <a:t>、④振動モード</a:t>
            </a:r>
            <a:r>
              <a:rPr sz="1112" spc="-9" dirty="0">
                <a:latin typeface="ＭＳ Ｐゴシック"/>
                <a:cs typeface="ＭＳ Ｐゴシック"/>
              </a:rPr>
              <a:t>（</a:t>
            </a:r>
            <a:r>
              <a:rPr sz="1112" spc="-21" dirty="0">
                <a:latin typeface="ＭＳ Ｐゴシック"/>
                <a:cs typeface="ＭＳ Ｐゴシック"/>
              </a:rPr>
              <a:t>加速度センサ</a:t>
            </a:r>
            <a:r>
              <a:rPr sz="1112" spc="-9" dirty="0">
                <a:latin typeface="ＭＳ Ｐゴシック"/>
                <a:cs typeface="ＭＳ Ｐゴシック"/>
              </a:rPr>
              <a:t>）</a:t>
            </a:r>
            <a:r>
              <a:rPr sz="1112" spc="-26" dirty="0">
                <a:latin typeface="ＭＳ Ｐゴシック"/>
                <a:cs typeface="ＭＳ Ｐゴシック"/>
              </a:rPr>
              <a:t>等の技術を探索中。</a:t>
            </a:r>
            <a:endParaRPr sz="1112">
              <a:latin typeface="ＭＳ Ｐゴシック"/>
              <a:cs typeface="ＭＳ Ｐゴシック"/>
            </a:endParaRPr>
          </a:p>
        </p:txBody>
      </p:sp>
      <p:sp>
        <p:nvSpPr>
          <p:cNvPr id="9" name="object 9"/>
          <p:cNvSpPr/>
          <p:nvPr/>
        </p:nvSpPr>
        <p:spPr>
          <a:xfrm>
            <a:off x="4950139" y="2317059"/>
            <a:ext cx="0" cy="4131090"/>
          </a:xfrm>
          <a:custGeom>
            <a:avLst/>
            <a:gdLst/>
            <a:ahLst/>
            <a:cxnLst/>
            <a:rect l="l" t="t" r="r" b="b"/>
            <a:pathLst>
              <a:path h="4831080">
                <a:moveTo>
                  <a:pt x="0" y="0"/>
                </a:moveTo>
                <a:lnTo>
                  <a:pt x="0" y="4831079"/>
                </a:lnTo>
              </a:path>
            </a:pathLst>
          </a:custGeom>
          <a:ln w="13716">
            <a:solidFill>
              <a:srgbClr val="000000"/>
            </a:solidFill>
            <a:prstDash val="sysDash"/>
          </a:ln>
        </p:spPr>
        <p:txBody>
          <a:bodyPr wrap="square" lIns="0" tIns="0" rIns="0" bIns="0" rtlCol="0"/>
          <a:lstStyle/>
          <a:p>
            <a:endParaRPr sz="1749"/>
          </a:p>
        </p:txBody>
      </p:sp>
      <p:sp>
        <p:nvSpPr>
          <p:cNvPr id="10" name="object 10"/>
          <p:cNvSpPr txBox="1"/>
          <p:nvPr/>
        </p:nvSpPr>
        <p:spPr>
          <a:xfrm>
            <a:off x="5214802" y="2650382"/>
            <a:ext cx="3436602" cy="930221"/>
          </a:xfrm>
          <a:prstGeom prst="rect">
            <a:avLst/>
          </a:prstGeom>
        </p:spPr>
        <p:txBody>
          <a:bodyPr vert="horz" wrap="square" lIns="0" tIns="10317" rIns="0" bIns="0" rtlCol="0">
            <a:spAutoFit/>
          </a:bodyPr>
          <a:lstStyle/>
          <a:p>
            <a:pPr marL="142263" marR="50498" indent="-131946" algn="just">
              <a:spcBef>
                <a:spcPts val="81"/>
              </a:spcBef>
            </a:pPr>
            <a:r>
              <a:rPr sz="1112" spc="-26" dirty="0">
                <a:latin typeface="ＭＳ Ｐゴシック"/>
                <a:cs typeface="ＭＳ Ｐゴシック"/>
              </a:rPr>
              <a:t>〇今年度、監視対象とする橋梁の選定等に関する考え方</a:t>
            </a:r>
            <a:r>
              <a:rPr sz="1112" spc="-30" dirty="0">
                <a:latin typeface="ＭＳ Ｐゴシック"/>
                <a:cs typeface="ＭＳ Ｐゴシック"/>
              </a:rPr>
              <a:t>を整理した上で、対象橋梁への監視技術導入方法を示</a:t>
            </a:r>
            <a:r>
              <a:rPr sz="1112" spc="-34" dirty="0">
                <a:latin typeface="ＭＳ Ｐゴシック"/>
                <a:cs typeface="ＭＳ Ｐゴシック"/>
              </a:rPr>
              <a:t>す。</a:t>
            </a:r>
            <a:endParaRPr sz="1112">
              <a:latin typeface="ＭＳ Ｐゴシック"/>
              <a:cs typeface="ＭＳ Ｐゴシック"/>
            </a:endParaRPr>
          </a:p>
          <a:p>
            <a:pPr marL="142263" marR="4344" indent="-131946">
              <a:spcBef>
                <a:spcPts val="543"/>
              </a:spcBef>
            </a:pPr>
            <a:r>
              <a:rPr sz="1112" spc="-30" dirty="0">
                <a:latin typeface="ＭＳ Ｐゴシック"/>
                <a:cs typeface="ＭＳ Ｐゴシック"/>
              </a:rPr>
              <a:t>〇来年度、上記に活用可能な安価な監視技術の導入を目指す。</a:t>
            </a:r>
            <a:endParaRPr sz="1112">
              <a:latin typeface="ＭＳ Ｐゴシック"/>
              <a:cs typeface="ＭＳ Ｐゴシック"/>
            </a:endParaRPr>
          </a:p>
        </p:txBody>
      </p:sp>
      <p:sp>
        <p:nvSpPr>
          <p:cNvPr id="11" name="object 11"/>
          <p:cNvSpPr txBox="1"/>
          <p:nvPr/>
        </p:nvSpPr>
        <p:spPr>
          <a:xfrm>
            <a:off x="295822" y="2254507"/>
            <a:ext cx="2158397" cy="239096"/>
          </a:xfrm>
          <a:prstGeom prst="rect">
            <a:avLst/>
          </a:prstGeom>
          <a:solidFill>
            <a:srgbClr val="B6DDE8"/>
          </a:solidFill>
          <a:ln w="10667">
            <a:solidFill>
              <a:srgbClr val="00AFEF"/>
            </a:solidFill>
          </a:ln>
        </p:spPr>
        <p:txBody>
          <a:bodyPr vert="horz" wrap="square" lIns="0" tIns="41267" rIns="0" bIns="0" rtlCol="0">
            <a:spAutoFit/>
          </a:bodyPr>
          <a:lstStyle/>
          <a:p>
            <a:pPr marL="110769">
              <a:spcBef>
                <a:spcPts val="325"/>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12" name="object 12"/>
          <p:cNvSpPr txBox="1"/>
          <p:nvPr/>
        </p:nvSpPr>
        <p:spPr>
          <a:xfrm>
            <a:off x="319008" y="2590456"/>
            <a:ext cx="4506298" cy="998317"/>
          </a:xfrm>
          <a:prstGeom prst="rect">
            <a:avLst/>
          </a:prstGeom>
        </p:spPr>
        <p:txBody>
          <a:bodyPr vert="horz" wrap="square" lIns="0" tIns="10317" rIns="0" bIns="0" rtlCol="0">
            <a:spAutoFit/>
          </a:bodyPr>
          <a:lstStyle/>
          <a:p>
            <a:pPr marL="141720" marR="130860" indent="-131403">
              <a:spcBef>
                <a:spcPts val="81"/>
              </a:spcBef>
            </a:pPr>
            <a:r>
              <a:rPr sz="1112" spc="-30" dirty="0">
                <a:latin typeface="ＭＳ Ｐゴシック"/>
                <a:cs typeface="ＭＳ Ｐゴシック"/>
              </a:rPr>
              <a:t>〇現地踏査後にニーズを再整理し、河川との一体監視によらず、まずは橋</a:t>
            </a:r>
            <a:r>
              <a:rPr sz="1112" spc="-26" dirty="0">
                <a:latin typeface="ＭＳ Ｐゴシック"/>
                <a:cs typeface="ＭＳ Ｐゴシック"/>
              </a:rPr>
              <a:t>梁監視に絞ることに変更。</a:t>
            </a:r>
            <a:endParaRPr sz="1112">
              <a:latin typeface="ＭＳ Ｐゴシック"/>
              <a:cs typeface="ＭＳ Ｐゴシック"/>
            </a:endParaRPr>
          </a:p>
          <a:p>
            <a:pPr marL="141720" marR="4344" indent="-131946">
              <a:lnSpc>
                <a:spcPts val="1325"/>
              </a:lnSpc>
              <a:spcBef>
                <a:spcPts val="603"/>
              </a:spcBef>
              <a:buSzPct val="92307"/>
              <a:buChar char="○"/>
              <a:tabLst>
                <a:tab pos="141720" algn="l"/>
                <a:tab pos="150951" algn="l"/>
              </a:tabLst>
            </a:pPr>
            <a:r>
              <a:rPr sz="1112" dirty="0">
                <a:latin typeface="ＭＳ Ｐゴシック"/>
                <a:cs typeface="ＭＳ Ｐゴシック"/>
              </a:rPr>
              <a:t>	</a:t>
            </a:r>
            <a:r>
              <a:rPr sz="1112" spc="-30" dirty="0">
                <a:latin typeface="ＭＳ Ｐゴシック"/>
                <a:cs typeface="ＭＳ Ｐゴシック"/>
              </a:rPr>
              <a:t>アドバイザーから小規模橋梁の監視技術の紹介、老朽化橋梁の措置の考え方についての意見を受領。</a:t>
            </a:r>
            <a:endParaRPr sz="1112">
              <a:latin typeface="ＭＳ Ｐゴシック"/>
              <a:cs typeface="ＭＳ Ｐゴシック"/>
            </a:endParaRPr>
          </a:p>
          <a:p>
            <a:pPr marL="151494" indent="-141177">
              <a:spcBef>
                <a:spcPts val="509"/>
              </a:spcBef>
              <a:buSzPct val="92307"/>
              <a:buChar char="○"/>
              <a:tabLst>
                <a:tab pos="151494" algn="l"/>
              </a:tabLst>
            </a:pPr>
            <a:r>
              <a:rPr sz="1112" spc="-26" dirty="0">
                <a:latin typeface="ＭＳ Ｐゴシック"/>
                <a:cs typeface="ＭＳ Ｐゴシック"/>
              </a:rPr>
              <a:t>監視対象橋梁及び導入新技術の具体化に向けて検討中。</a:t>
            </a:r>
            <a:endParaRPr sz="1112">
              <a:latin typeface="ＭＳ Ｐゴシック"/>
              <a:cs typeface="ＭＳ Ｐゴシック"/>
            </a:endParaRPr>
          </a:p>
        </p:txBody>
      </p:sp>
      <p:sp>
        <p:nvSpPr>
          <p:cNvPr id="13" name="object 13"/>
          <p:cNvSpPr txBox="1"/>
          <p:nvPr/>
        </p:nvSpPr>
        <p:spPr>
          <a:xfrm>
            <a:off x="2619563" y="6255012"/>
            <a:ext cx="2111699" cy="138130"/>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NETIS:KT-200116-A</a:t>
            </a:r>
            <a:r>
              <a:rPr sz="812" spc="9" dirty="0">
                <a:latin typeface="ＭＳ Ｐゴシック"/>
                <a:cs typeface="ＭＳ Ｐゴシック"/>
              </a:rPr>
              <a:t> 可搬型のたわみ計測技術</a:t>
            </a:r>
            <a:endParaRPr sz="812">
              <a:latin typeface="ＭＳ Ｐゴシック"/>
              <a:cs typeface="ＭＳ Ｐゴシック"/>
            </a:endParaRPr>
          </a:p>
        </p:txBody>
      </p:sp>
      <p:sp>
        <p:nvSpPr>
          <p:cNvPr id="14" name="object 14"/>
          <p:cNvSpPr txBox="1"/>
          <p:nvPr/>
        </p:nvSpPr>
        <p:spPr>
          <a:xfrm>
            <a:off x="2560877" y="4611448"/>
            <a:ext cx="1549701" cy="181555"/>
          </a:xfrm>
          <a:prstGeom prst="rect">
            <a:avLst/>
          </a:prstGeom>
        </p:spPr>
        <p:txBody>
          <a:bodyPr vert="horz" wrap="square" lIns="0" tIns="10317" rIns="0" bIns="0" rtlCol="0">
            <a:spAutoFit/>
          </a:bodyPr>
          <a:lstStyle/>
          <a:p>
            <a:pPr>
              <a:spcBef>
                <a:spcPts val="81"/>
              </a:spcBef>
            </a:pPr>
            <a:r>
              <a:rPr sz="1112" spc="-21" dirty="0">
                <a:latin typeface="ＭＳ Ｐゴシック"/>
                <a:cs typeface="ＭＳ Ｐゴシック"/>
              </a:rPr>
              <a:t>橋梁たわみ計測技術の例</a:t>
            </a:r>
            <a:endParaRPr sz="1112">
              <a:latin typeface="ＭＳ Ｐゴシック"/>
              <a:cs typeface="ＭＳ Ｐゴシック"/>
            </a:endParaRPr>
          </a:p>
        </p:txBody>
      </p:sp>
      <p:pic>
        <p:nvPicPr>
          <p:cNvPr id="15" name="object 15"/>
          <p:cNvPicPr/>
          <p:nvPr/>
        </p:nvPicPr>
        <p:blipFill>
          <a:blip r:embed="rId3" cstate="print"/>
          <a:stretch>
            <a:fillRect/>
          </a:stretch>
        </p:blipFill>
        <p:spPr>
          <a:xfrm>
            <a:off x="260636" y="4806139"/>
            <a:ext cx="1922195" cy="1421772"/>
          </a:xfrm>
          <a:prstGeom prst="rect">
            <a:avLst/>
          </a:prstGeom>
        </p:spPr>
      </p:pic>
      <p:sp>
        <p:nvSpPr>
          <p:cNvPr id="16" name="object 16"/>
          <p:cNvSpPr txBox="1"/>
          <p:nvPr/>
        </p:nvSpPr>
        <p:spPr>
          <a:xfrm>
            <a:off x="367390" y="6318512"/>
            <a:ext cx="1267345" cy="263099"/>
          </a:xfrm>
          <a:prstGeom prst="rect">
            <a:avLst/>
          </a:prstGeom>
        </p:spPr>
        <p:txBody>
          <a:bodyPr vert="horz" wrap="square" lIns="0" tIns="13032" rIns="0" bIns="0" rtlCol="0">
            <a:spAutoFit/>
          </a:bodyPr>
          <a:lstStyle/>
          <a:p>
            <a:pPr>
              <a:spcBef>
                <a:spcPts val="103"/>
              </a:spcBef>
            </a:pPr>
            <a:r>
              <a:rPr sz="812" dirty="0">
                <a:latin typeface="ＭＳ Ｐゴシック"/>
                <a:cs typeface="ＭＳ Ｐゴシック"/>
              </a:rPr>
              <a:t>出典）</a:t>
            </a:r>
            <a:r>
              <a:rPr sz="812" spc="-9" dirty="0">
                <a:latin typeface="ＭＳ Ｐゴシック"/>
                <a:cs typeface="ＭＳ Ｐゴシック"/>
              </a:rPr>
              <a:t>アドバイザー提供資料</a:t>
            </a:r>
            <a:endParaRPr sz="812">
              <a:latin typeface="ＭＳ Ｐゴシック"/>
              <a:cs typeface="ＭＳ Ｐゴシック"/>
            </a:endParaRPr>
          </a:p>
        </p:txBody>
      </p:sp>
      <p:sp>
        <p:nvSpPr>
          <p:cNvPr id="17" name="object 17"/>
          <p:cNvSpPr txBox="1"/>
          <p:nvPr/>
        </p:nvSpPr>
        <p:spPr>
          <a:xfrm>
            <a:off x="289184" y="4594405"/>
            <a:ext cx="2036223" cy="352691"/>
          </a:xfrm>
          <a:prstGeom prst="rect">
            <a:avLst/>
          </a:prstGeom>
        </p:spPr>
        <p:txBody>
          <a:bodyPr vert="horz" wrap="square" lIns="0" tIns="10317" rIns="0" bIns="0" rtlCol="0">
            <a:spAutoFit/>
          </a:bodyPr>
          <a:lstStyle/>
          <a:p>
            <a:pPr>
              <a:spcBef>
                <a:spcPts val="81"/>
              </a:spcBef>
            </a:pPr>
            <a:r>
              <a:rPr sz="1112" spc="-21" dirty="0">
                <a:latin typeface="ＭＳ Ｐゴシック"/>
                <a:cs typeface="ＭＳ Ｐゴシック"/>
              </a:rPr>
              <a:t>目的に合致した新技術の絞り込み</a:t>
            </a:r>
            <a:endParaRPr sz="1112">
              <a:latin typeface="ＭＳ Ｐゴシック"/>
              <a:cs typeface="ＭＳ Ｐゴシック"/>
            </a:endParaRPr>
          </a:p>
        </p:txBody>
      </p:sp>
      <p:sp>
        <p:nvSpPr>
          <p:cNvPr id="18" name="object 18"/>
          <p:cNvSpPr/>
          <p:nvPr/>
        </p:nvSpPr>
        <p:spPr>
          <a:xfrm>
            <a:off x="5380843" y="3973405"/>
            <a:ext cx="3507191" cy="2426635"/>
          </a:xfrm>
          <a:custGeom>
            <a:avLst/>
            <a:gdLst/>
            <a:ahLst/>
            <a:cxnLst/>
            <a:rect l="l" t="t" r="r" b="b"/>
            <a:pathLst>
              <a:path w="4101465" h="2837815">
                <a:moveTo>
                  <a:pt x="4101083" y="2837688"/>
                </a:moveTo>
                <a:lnTo>
                  <a:pt x="0" y="2837688"/>
                </a:lnTo>
                <a:lnTo>
                  <a:pt x="0" y="0"/>
                </a:lnTo>
                <a:lnTo>
                  <a:pt x="4101083" y="0"/>
                </a:lnTo>
                <a:lnTo>
                  <a:pt x="4101083" y="2837688"/>
                </a:lnTo>
                <a:close/>
              </a:path>
            </a:pathLst>
          </a:custGeom>
          <a:solidFill>
            <a:srgbClr val="DBE6F2"/>
          </a:solidFill>
        </p:spPr>
        <p:txBody>
          <a:bodyPr wrap="square" lIns="0" tIns="0" rIns="0" bIns="0" rtlCol="0"/>
          <a:lstStyle/>
          <a:p>
            <a:endParaRPr sz="1749"/>
          </a:p>
        </p:txBody>
      </p:sp>
      <p:sp>
        <p:nvSpPr>
          <p:cNvPr id="19" name="object 19"/>
          <p:cNvSpPr txBox="1"/>
          <p:nvPr/>
        </p:nvSpPr>
        <p:spPr>
          <a:xfrm>
            <a:off x="5929482" y="4665395"/>
            <a:ext cx="2897410" cy="386463"/>
          </a:xfrm>
          <a:prstGeom prst="rect">
            <a:avLst/>
          </a:prstGeom>
          <a:solidFill>
            <a:srgbClr val="FFFFFF"/>
          </a:solidFill>
          <a:ln w="13715">
            <a:solidFill>
              <a:srgbClr val="1C334D"/>
            </a:solidFill>
          </a:ln>
        </p:spPr>
        <p:txBody>
          <a:bodyPr vert="horz" wrap="square" lIns="0" tIns="7059" rIns="0" bIns="0" rtlCol="0">
            <a:spAutoFit/>
          </a:bodyPr>
          <a:lstStyle/>
          <a:p>
            <a:pPr>
              <a:spcBef>
                <a:spcPts val="56"/>
              </a:spcBef>
            </a:pPr>
            <a:endParaRPr sz="812">
              <a:latin typeface="Times New Roman"/>
              <a:cs typeface="Times New Roman"/>
            </a:endParaRPr>
          </a:p>
          <a:p>
            <a:pPr marL="85792" marR="673849">
              <a:lnSpc>
                <a:spcPct val="102200"/>
              </a:lnSpc>
            </a:pPr>
            <a:r>
              <a:rPr sz="812" spc="-9" dirty="0">
                <a:latin typeface="ＭＳ Ｐゴシック"/>
                <a:cs typeface="ＭＳ Ｐゴシック"/>
              </a:rPr>
              <a:t>III</a:t>
            </a:r>
            <a:r>
              <a:rPr sz="812" spc="-4" dirty="0">
                <a:latin typeface="ＭＳ Ｐゴシック"/>
                <a:cs typeface="ＭＳ Ｐゴシック"/>
              </a:rPr>
              <a:t>判定橋梁への「措置としての監視」方法の整理小規模橋梁監視技術の提案</a:t>
            </a:r>
            <a:endParaRPr sz="812">
              <a:latin typeface="ＭＳ Ｐゴシック"/>
              <a:cs typeface="ＭＳ Ｐゴシック"/>
            </a:endParaRPr>
          </a:p>
        </p:txBody>
      </p:sp>
      <p:grpSp>
        <p:nvGrpSpPr>
          <p:cNvPr id="20" name="object 20"/>
          <p:cNvGrpSpPr/>
          <p:nvPr/>
        </p:nvGrpSpPr>
        <p:grpSpPr>
          <a:xfrm>
            <a:off x="5423847" y="4073749"/>
            <a:ext cx="331226" cy="2283285"/>
            <a:chOff x="6342888" y="4535423"/>
            <a:chExt cx="387350" cy="2670175"/>
          </a:xfrm>
        </p:grpSpPr>
        <p:sp>
          <p:nvSpPr>
            <p:cNvPr id="21" name="object 21"/>
            <p:cNvSpPr/>
            <p:nvPr/>
          </p:nvSpPr>
          <p:spPr>
            <a:xfrm>
              <a:off x="6356604" y="5241035"/>
              <a:ext cx="332740" cy="1242060"/>
            </a:xfrm>
            <a:custGeom>
              <a:avLst/>
              <a:gdLst/>
              <a:ahLst/>
              <a:cxnLst/>
              <a:rect l="l" t="t" r="r" b="b"/>
              <a:pathLst>
                <a:path w="332740" h="1242060">
                  <a:moveTo>
                    <a:pt x="166116" y="1242060"/>
                  </a:moveTo>
                  <a:lnTo>
                    <a:pt x="0" y="1075944"/>
                  </a:lnTo>
                  <a:lnTo>
                    <a:pt x="0" y="0"/>
                  </a:lnTo>
                  <a:lnTo>
                    <a:pt x="166116" y="166116"/>
                  </a:lnTo>
                  <a:lnTo>
                    <a:pt x="332232" y="0"/>
                  </a:lnTo>
                  <a:lnTo>
                    <a:pt x="332232" y="1075944"/>
                  </a:lnTo>
                  <a:lnTo>
                    <a:pt x="166116" y="1242060"/>
                  </a:lnTo>
                  <a:close/>
                </a:path>
              </a:pathLst>
            </a:custGeom>
            <a:solidFill>
              <a:srgbClr val="4F80BC"/>
            </a:solidFill>
          </p:spPr>
          <p:txBody>
            <a:bodyPr wrap="square" lIns="0" tIns="0" rIns="0" bIns="0" rtlCol="0"/>
            <a:lstStyle/>
            <a:p>
              <a:endParaRPr sz="1749"/>
            </a:p>
          </p:txBody>
        </p:sp>
        <p:sp>
          <p:nvSpPr>
            <p:cNvPr id="22" name="object 22"/>
            <p:cNvSpPr/>
            <p:nvPr/>
          </p:nvSpPr>
          <p:spPr>
            <a:xfrm>
              <a:off x="6356604" y="5241035"/>
              <a:ext cx="332740" cy="1242060"/>
            </a:xfrm>
            <a:custGeom>
              <a:avLst/>
              <a:gdLst/>
              <a:ahLst/>
              <a:cxnLst/>
              <a:rect l="l" t="t" r="r" b="b"/>
              <a:pathLst>
                <a:path w="332740" h="1242060">
                  <a:moveTo>
                    <a:pt x="332232" y="0"/>
                  </a:moveTo>
                  <a:lnTo>
                    <a:pt x="332232" y="1075944"/>
                  </a:lnTo>
                  <a:lnTo>
                    <a:pt x="166116" y="1242060"/>
                  </a:lnTo>
                  <a:lnTo>
                    <a:pt x="0" y="1075944"/>
                  </a:lnTo>
                  <a:lnTo>
                    <a:pt x="0" y="0"/>
                  </a:lnTo>
                  <a:lnTo>
                    <a:pt x="166116" y="166116"/>
                  </a:lnTo>
                  <a:lnTo>
                    <a:pt x="332232" y="0"/>
                  </a:lnTo>
                  <a:close/>
                </a:path>
              </a:pathLst>
            </a:custGeom>
            <a:ln w="27432">
              <a:solidFill>
                <a:srgbClr val="1C334D"/>
              </a:solidFill>
            </a:ln>
          </p:spPr>
          <p:txBody>
            <a:bodyPr wrap="square" lIns="0" tIns="0" rIns="0" bIns="0" rtlCol="0"/>
            <a:lstStyle/>
            <a:p>
              <a:endParaRPr sz="1749"/>
            </a:p>
          </p:txBody>
        </p:sp>
        <p:sp>
          <p:nvSpPr>
            <p:cNvPr id="23" name="object 23"/>
            <p:cNvSpPr/>
            <p:nvPr/>
          </p:nvSpPr>
          <p:spPr>
            <a:xfrm>
              <a:off x="6361176" y="4549139"/>
              <a:ext cx="312420" cy="708660"/>
            </a:xfrm>
            <a:custGeom>
              <a:avLst/>
              <a:gdLst/>
              <a:ahLst/>
              <a:cxnLst/>
              <a:rect l="l" t="t" r="r" b="b"/>
              <a:pathLst>
                <a:path w="312420" h="708660">
                  <a:moveTo>
                    <a:pt x="155447" y="708659"/>
                  </a:moveTo>
                  <a:lnTo>
                    <a:pt x="0" y="551688"/>
                  </a:lnTo>
                  <a:lnTo>
                    <a:pt x="0" y="0"/>
                  </a:lnTo>
                  <a:lnTo>
                    <a:pt x="312419" y="0"/>
                  </a:lnTo>
                  <a:lnTo>
                    <a:pt x="312419" y="551688"/>
                  </a:lnTo>
                  <a:lnTo>
                    <a:pt x="155447" y="708659"/>
                  </a:lnTo>
                  <a:close/>
                </a:path>
              </a:pathLst>
            </a:custGeom>
            <a:solidFill>
              <a:srgbClr val="4F80BC"/>
            </a:solidFill>
          </p:spPr>
          <p:txBody>
            <a:bodyPr wrap="square" lIns="0" tIns="0" rIns="0" bIns="0" rtlCol="0"/>
            <a:lstStyle/>
            <a:p>
              <a:endParaRPr sz="1749"/>
            </a:p>
          </p:txBody>
        </p:sp>
        <p:sp>
          <p:nvSpPr>
            <p:cNvPr id="24" name="object 24"/>
            <p:cNvSpPr/>
            <p:nvPr/>
          </p:nvSpPr>
          <p:spPr>
            <a:xfrm>
              <a:off x="6361176" y="4549139"/>
              <a:ext cx="312420" cy="708660"/>
            </a:xfrm>
            <a:custGeom>
              <a:avLst/>
              <a:gdLst/>
              <a:ahLst/>
              <a:cxnLst/>
              <a:rect l="l" t="t" r="r" b="b"/>
              <a:pathLst>
                <a:path w="312420" h="708660">
                  <a:moveTo>
                    <a:pt x="312419" y="0"/>
                  </a:moveTo>
                  <a:lnTo>
                    <a:pt x="312419" y="551688"/>
                  </a:lnTo>
                  <a:lnTo>
                    <a:pt x="155447" y="708659"/>
                  </a:lnTo>
                  <a:lnTo>
                    <a:pt x="0" y="551688"/>
                  </a:lnTo>
                  <a:lnTo>
                    <a:pt x="0" y="0"/>
                  </a:lnTo>
                  <a:lnTo>
                    <a:pt x="312419" y="0"/>
                  </a:lnTo>
                  <a:close/>
                </a:path>
              </a:pathLst>
            </a:custGeom>
            <a:ln w="27432">
              <a:solidFill>
                <a:srgbClr val="1C334D"/>
              </a:solidFill>
            </a:ln>
          </p:spPr>
          <p:txBody>
            <a:bodyPr wrap="square" lIns="0" tIns="0" rIns="0" bIns="0" rtlCol="0"/>
            <a:lstStyle/>
            <a:p>
              <a:endParaRPr sz="1749"/>
            </a:p>
          </p:txBody>
        </p:sp>
        <p:sp>
          <p:nvSpPr>
            <p:cNvPr id="25" name="object 25"/>
            <p:cNvSpPr/>
            <p:nvPr/>
          </p:nvSpPr>
          <p:spPr>
            <a:xfrm>
              <a:off x="6384036" y="6483095"/>
              <a:ext cx="332740" cy="708660"/>
            </a:xfrm>
            <a:custGeom>
              <a:avLst/>
              <a:gdLst/>
              <a:ahLst/>
              <a:cxnLst/>
              <a:rect l="l" t="t" r="r" b="b"/>
              <a:pathLst>
                <a:path w="332740" h="708659">
                  <a:moveTo>
                    <a:pt x="166116" y="708659"/>
                  </a:moveTo>
                  <a:lnTo>
                    <a:pt x="0" y="542543"/>
                  </a:lnTo>
                  <a:lnTo>
                    <a:pt x="0" y="0"/>
                  </a:lnTo>
                  <a:lnTo>
                    <a:pt x="166116" y="166116"/>
                  </a:lnTo>
                  <a:lnTo>
                    <a:pt x="332232" y="0"/>
                  </a:lnTo>
                  <a:lnTo>
                    <a:pt x="332232" y="542543"/>
                  </a:lnTo>
                  <a:lnTo>
                    <a:pt x="166116" y="708659"/>
                  </a:lnTo>
                  <a:close/>
                </a:path>
              </a:pathLst>
            </a:custGeom>
            <a:solidFill>
              <a:srgbClr val="4F80BC"/>
            </a:solidFill>
          </p:spPr>
          <p:txBody>
            <a:bodyPr wrap="square" lIns="0" tIns="0" rIns="0" bIns="0" rtlCol="0"/>
            <a:lstStyle/>
            <a:p>
              <a:endParaRPr sz="1749"/>
            </a:p>
          </p:txBody>
        </p:sp>
        <p:sp>
          <p:nvSpPr>
            <p:cNvPr id="26" name="object 26"/>
            <p:cNvSpPr/>
            <p:nvPr/>
          </p:nvSpPr>
          <p:spPr>
            <a:xfrm>
              <a:off x="6384036" y="6483095"/>
              <a:ext cx="332740" cy="708660"/>
            </a:xfrm>
            <a:custGeom>
              <a:avLst/>
              <a:gdLst/>
              <a:ahLst/>
              <a:cxnLst/>
              <a:rect l="l" t="t" r="r" b="b"/>
              <a:pathLst>
                <a:path w="332740" h="708659">
                  <a:moveTo>
                    <a:pt x="332232" y="0"/>
                  </a:moveTo>
                  <a:lnTo>
                    <a:pt x="332232" y="542543"/>
                  </a:lnTo>
                  <a:lnTo>
                    <a:pt x="166116" y="708659"/>
                  </a:lnTo>
                  <a:lnTo>
                    <a:pt x="0" y="542543"/>
                  </a:lnTo>
                  <a:lnTo>
                    <a:pt x="0" y="0"/>
                  </a:lnTo>
                  <a:lnTo>
                    <a:pt x="166116" y="166116"/>
                  </a:lnTo>
                  <a:lnTo>
                    <a:pt x="332232" y="0"/>
                  </a:lnTo>
                  <a:close/>
                </a:path>
              </a:pathLst>
            </a:custGeom>
            <a:ln w="27432">
              <a:solidFill>
                <a:srgbClr val="1C334D"/>
              </a:solidFill>
            </a:ln>
          </p:spPr>
          <p:txBody>
            <a:bodyPr wrap="square" lIns="0" tIns="0" rIns="0" bIns="0" rtlCol="0"/>
            <a:lstStyle/>
            <a:p>
              <a:endParaRPr sz="1749"/>
            </a:p>
          </p:txBody>
        </p:sp>
      </p:grpSp>
      <p:sp>
        <p:nvSpPr>
          <p:cNvPr id="27" name="object 27"/>
          <p:cNvSpPr txBox="1"/>
          <p:nvPr/>
        </p:nvSpPr>
        <p:spPr>
          <a:xfrm>
            <a:off x="5929482" y="5208822"/>
            <a:ext cx="2895780" cy="363695"/>
          </a:xfrm>
          <a:prstGeom prst="rect">
            <a:avLst/>
          </a:prstGeom>
          <a:solidFill>
            <a:srgbClr val="FFFFFF"/>
          </a:solidFill>
          <a:ln w="13715">
            <a:solidFill>
              <a:srgbClr val="1C334D"/>
            </a:solidFill>
          </a:ln>
        </p:spPr>
        <p:txBody>
          <a:bodyPr vert="horz" wrap="square" lIns="0" tIns="27692" rIns="0" bIns="0" rtlCol="0">
            <a:spAutoFit/>
          </a:bodyPr>
          <a:lstStyle/>
          <a:p>
            <a:pPr>
              <a:spcBef>
                <a:spcPts val="217"/>
              </a:spcBef>
            </a:pPr>
            <a:endParaRPr sz="812">
              <a:latin typeface="Times New Roman"/>
              <a:cs typeface="Times New Roman"/>
            </a:endParaRPr>
          </a:p>
          <a:p>
            <a:pPr marL="84706" marR="835659">
              <a:lnSpc>
                <a:spcPts val="829"/>
              </a:lnSpc>
            </a:pPr>
            <a:r>
              <a:rPr sz="812" dirty="0">
                <a:latin typeface="ＭＳ Ｐゴシック"/>
                <a:cs typeface="ＭＳ Ｐゴシック"/>
              </a:rPr>
              <a:t>R7</a:t>
            </a:r>
            <a:r>
              <a:rPr sz="812" spc="-9" dirty="0">
                <a:latin typeface="ＭＳ Ｐゴシック"/>
                <a:cs typeface="ＭＳ Ｐゴシック"/>
              </a:rPr>
              <a:t>予算要求に向けた導入技術のすり合わせ</a:t>
            </a:r>
            <a:r>
              <a:rPr sz="812" spc="-43" dirty="0">
                <a:latin typeface="ＭＳ Ｐゴシック"/>
                <a:cs typeface="ＭＳ Ｐゴシック"/>
              </a:rPr>
              <a:t> </a:t>
            </a:r>
            <a:r>
              <a:rPr sz="812" dirty="0">
                <a:latin typeface="ＭＳ Ｐゴシック"/>
                <a:cs typeface="ＭＳ Ｐゴシック"/>
              </a:rPr>
              <a:t>R</a:t>
            </a:r>
            <a:r>
              <a:rPr sz="812" spc="-4" dirty="0">
                <a:latin typeface="ＭＳ Ｐゴシック"/>
                <a:cs typeface="ＭＳ Ｐゴシック"/>
              </a:rPr>
              <a:t>７導入に向けた発注支援・助言</a:t>
            </a:r>
            <a:endParaRPr sz="812">
              <a:latin typeface="ＭＳ Ｐゴシック"/>
              <a:cs typeface="ＭＳ Ｐゴシック"/>
            </a:endParaRPr>
          </a:p>
        </p:txBody>
      </p:sp>
      <p:sp>
        <p:nvSpPr>
          <p:cNvPr id="28" name="object 28"/>
          <p:cNvSpPr txBox="1"/>
          <p:nvPr/>
        </p:nvSpPr>
        <p:spPr>
          <a:xfrm>
            <a:off x="5929482" y="4047686"/>
            <a:ext cx="2895780" cy="384780"/>
          </a:xfrm>
          <a:prstGeom prst="rect">
            <a:avLst/>
          </a:prstGeom>
          <a:solidFill>
            <a:srgbClr val="FFFFFF"/>
          </a:solidFill>
          <a:ln w="13715">
            <a:solidFill>
              <a:srgbClr val="1C334D"/>
            </a:solidFill>
          </a:ln>
        </p:spPr>
        <p:txBody>
          <a:bodyPr vert="horz" wrap="square" lIns="0" tIns="9774" rIns="0" bIns="0" rtlCol="0">
            <a:spAutoFit/>
          </a:bodyPr>
          <a:lstStyle/>
          <a:p>
            <a:pPr>
              <a:spcBef>
                <a:spcPts val="77"/>
              </a:spcBef>
            </a:pPr>
            <a:endParaRPr sz="812">
              <a:latin typeface="Times New Roman"/>
              <a:cs typeface="Times New Roman"/>
            </a:endParaRPr>
          </a:p>
          <a:p>
            <a:pPr marL="84706"/>
            <a:r>
              <a:rPr sz="812" spc="-13" dirty="0">
                <a:latin typeface="ＭＳ Ｐゴシック"/>
                <a:cs typeface="ＭＳ Ｐゴシック"/>
              </a:rPr>
              <a:t>現地踏査</a:t>
            </a:r>
            <a:endParaRPr sz="812">
              <a:latin typeface="ＭＳ Ｐゴシック"/>
              <a:cs typeface="ＭＳ Ｐゴシック"/>
            </a:endParaRPr>
          </a:p>
          <a:p>
            <a:pPr marL="84706">
              <a:spcBef>
                <a:spcPts val="26"/>
              </a:spcBef>
            </a:pPr>
            <a:r>
              <a:rPr sz="812" spc="-9" dirty="0">
                <a:latin typeface="ＭＳ Ｐゴシック"/>
                <a:cs typeface="ＭＳ Ｐゴシック"/>
              </a:rPr>
              <a:t>課題認識の擦り合わせ</a:t>
            </a:r>
            <a:endParaRPr sz="812">
              <a:latin typeface="ＭＳ Ｐゴシック"/>
              <a:cs typeface="ＭＳ Ｐゴシック"/>
            </a:endParaRPr>
          </a:p>
        </p:txBody>
      </p:sp>
      <p:sp>
        <p:nvSpPr>
          <p:cNvPr id="29" name="object 29"/>
          <p:cNvSpPr txBox="1"/>
          <p:nvPr/>
        </p:nvSpPr>
        <p:spPr>
          <a:xfrm>
            <a:off x="8847199" y="6292310"/>
            <a:ext cx="209595" cy="237487"/>
          </a:xfrm>
          <a:prstGeom prst="rect">
            <a:avLst/>
          </a:prstGeom>
        </p:spPr>
        <p:txBody>
          <a:bodyPr vert="horz" wrap="square" lIns="0" tIns="13575" rIns="0" bIns="0" rtlCol="0">
            <a:spAutoFit/>
          </a:bodyPr>
          <a:lstStyle/>
          <a:p>
            <a:pPr marL="10860">
              <a:spcBef>
                <a:spcPts val="107"/>
              </a:spcBef>
            </a:pPr>
            <a:r>
              <a:rPr sz="1454" spc="-21" dirty="0">
                <a:latin typeface="ＭＳ Ｐゴシック"/>
                <a:cs typeface="ＭＳ Ｐゴシック"/>
              </a:rPr>
              <a:t>13</a:t>
            </a:r>
            <a:endParaRPr sz="1454">
              <a:latin typeface="ＭＳ Ｐゴシック"/>
              <a:cs typeface="ＭＳ Ｐゴシック"/>
            </a:endParaRPr>
          </a:p>
        </p:txBody>
      </p:sp>
      <p:sp>
        <p:nvSpPr>
          <p:cNvPr id="30" name="object 30"/>
          <p:cNvSpPr txBox="1"/>
          <p:nvPr/>
        </p:nvSpPr>
        <p:spPr>
          <a:xfrm>
            <a:off x="5380843" y="3973404"/>
            <a:ext cx="3507191" cy="2152239"/>
          </a:xfrm>
          <a:prstGeom prst="rect">
            <a:avLst/>
          </a:prstGeom>
        </p:spPr>
        <p:txBody>
          <a:bodyPr vert="horz" wrap="square" lIns="0" tIns="114029" rIns="0" bIns="0" rtlCol="0">
            <a:spAutoFit/>
          </a:bodyPr>
          <a:lstStyle/>
          <a:p>
            <a:pPr>
              <a:spcBef>
                <a:spcPts val="898"/>
              </a:spcBef>
            </a:pPr>
            <a:endParaRPr sz="898">
              <a:latin typeface="Times New Roman"/>
              <a:cs typeface="Times New Roman"/>
            </a:endParaRPr>
          </a:p>
          <a:p>
            <a:pPr marL="168869">
              <a:spcBef>
                <a:spcPts val="4"/>
              </a:spcBef>
            </a:pPr>
            <a:r>
              <a:rPr sz="898" spc="-43" dirty="0">
                <a:solidFill>
                  <a:srgbClr val="FFFFFF"/>
                </a:solidFill>
                <a:latin typeface="ＭＳ Ｐゴシック"/>
                <a:cs typeface="ＭＳ Ｐゴシック"/>
              </a:rPr>
              <a:t>R</a:t>
            </a:r>
            <a:endParaRPr sz="898">
              <a:latin typeface="ＭＳ Ｐゴシック"/>
              <a:cs typeface="ＭＳ Ｐゴシック"/>
            </a:endParaRPr>
          </a:p>
          <a:p>
            <a:pPr marL="165069">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a:p>
            <a:pPr>
              <a:lnSpc>
                <a:spcPct val="100000"/>
              </a:lnSpc>
            </a:pP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748"/>
              </a:spcBef>
            </a:pPr>
            <a:endParaRPr sz="898">
              <a:latin typeface="ＭＳ Ｐゴシック"/>
              <a:cs typeface="ＭＳ Ｐゴシック"/>
            </a:endParaRPr>
          </a:p>
          <a:p>
            <a:pPr marL="163983"/>
            <a:r>
              <a:rPr sz="898" spc="-43" dirty="0">
                <a:solidFill>
                  <a:srgbClr val="FFFFFF"/>
                </a:solidFill>
                <a:latin typeface="ＭＳ Ｐゴシック"/>
                <a:cs typeface="ＭＳ Ｐゴシック"/>
              </a:rPr>
              <a:t>R</a:t>
            </a:r>
            <a:endParaRPr sz="898">
              <a:latin typeface="ＭＳ Ｐゴシック"/>
              <a:cs typeface="ＭＳ Ｐゴシック"/>
            </a:endParaRPr>
          </a:p>
          <a:p>
            <a:pPr marL="160182">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a:p>
            <a:pPr>
              <a:lnSpc>
                <a:spcPct val="100000"/>
              </a:lnSpc>
            </a:pPr>
            <a:endParaRPr sz="898">
              <a:latin typeface="ＭＳ Ｐゴシック"/>
              <a:cs typeface="ＭＳ Ｐゴシック"/>
            </a:endParaRPr>
          </a:p>
          <a:p>
            <a:pPr>
              <a:lnSpc>
                <a:spcPct val="100000"/>
              </a:lnSpc>
            </a:pP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141"/>
              </a:spcBef>
            </a:pPr>
            <a:endParaRPr sz="898">
              <a:latin typeface="ＭＳ Ｐゴシック"/>
              <a:cs typeface="ＭＳ Ｐゴシック"/>
            </a:endParaRPr>
          </a:p>
          <a:p>
            <a:pPr marL="185159"/>
            <a:r>
              <a:rPr sz="898" spc="-43" dirty="0">
                <a:solidFill>
                  <a:srgbClr val="FFFFFF"/>
                </a:solidFill>
                <a:latin typeface="ＭＳ Ｐゴシック"/>
                <a:cs typeface="ＭＳ Ｐゴシック"/>
              </a:rPr>
              <a:t>R</a:t>
            </a:r>
            <a:endParaRPr sz="898">
              <a:latin typeface="ＭＳ Ｐゴシック"/>
              <a:cs typeface="ＭＳ Ｐゴシック"/>
            </a:endParaRPr>
          </a:p>
          <a:p>
            <a:pPr marL="180814">
              <a:spcBef>
                <a:spcPts val="34"/>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sp>
        <p:nvSpPr>
          <p:cNvPr id="31" name="object 31"/>
          <p:cNvSpPr txBox="1"/>
          <p:nvPr/>
        </p:nvSpPr>
        <p:spPr>
          <a:xfrm>
            <a:off x="250211" y="821005"/>
            <a:ext cx="1484542" cy="239096"/>
          </a:xfrm>
          <a:prstGeom prst="rect">
            <a:avLst/>
          </a:prstGeom>
          <a:ln w="13715">
            <a:solidFill>
              <a:srgbClr val="000000"/>
            </a:solidFill>
          </a:ln>
        </p:spPr>
        <p:txBody>
          <a:bodyPr vert="horz" wrap="square" lIns="0" tIns="41267" rIns="0" bIns="0" rtlCol="0">
            <a:spAutoFit/>
          </a:bodyPr>
          <a:lstStyle/>
          <a:p>
            <a:pPr marL="176471">
              <a:spcBef>
                <a:spcPts val="325"/>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32" name="object 32"/>
          <p:cNvSpPr txBox="1"/>
          <p:nvPr/>
        </p:nvSpPr>
        <p:spPr>
          <a:xfrm>
            <a:off x="1837044" y="838857"/>
            <a:ext cx="1806487" cy="209489"/>
          </a:xfrm>
          <a:prstGeom prst="rect">
            <a:avLst/>
          </a:prstGeom>
        </p:spPr>
        <p:txBody>
          <a:bodyPr vert="horz" wrap="square" lIns="0" tIns="11946" rIns="0" bIns="0" rtlCol="0">
            <a:spAutoFit/>
          </a:bodyPr>
          <a:lstStyle/>
          <a:p>
            <a:pPr marL="10860">
              <a:spcBef>
                <a:spcPts val="94"/>
              </a:spcBef>
            </a:pPr>
            <a:r>
              <a:rPr sz="1283" spc="-9" dirty="0">
                <a:latin typeface="ＭＳ Ｐゴシック"/>
                <a:cs typeface="ＭＳ Ｐゴシック"/>
              </a:rPr>
              <a:t>支援対象：橋梁</a:t>
            </a:r>
            <a:endParaRPr sz="1283" dirty="0">
              <a:latin typeface="ＭＳ Ｐゴシック"/>
              <a:cs typeface="ＭＳ Ｐゴシック"/>
            </a:endParaRPr>
          </a:p>
        </p:txBody>
      </p:sp>
      <p:sp>
        <p:nvSpPr>
          <p:cNvPr id="33" name="object 33"/>
          <p:cNvSpPr txBox="1"/>
          <p:nvPr/>
        </p:nvSpPr>
        <p:spPr>
          <a:xfrm>
            <a:off x="5191880" y="2254507"/>
            <a:ext cx="1974322" cy="239096"/>
          </a:xfrm>
          <a:prstGeom prst="rect">
            <a:avLst/>
          </a:prstGeom>
          <a:solidFill>
            <a:srgbClr val="B6DDE8"/>
          </a:solidFill>
          <a:ln w="10667">
            <a:solidFill>
              <a:srgbClr val="00AFEF"/>
            </a:solidFill>
          </a:ln>
        </p:spPr>
        <p:txBody>
          <a:bodyPr vert="horz" wrap="square" lIns="0" tIns="41267" rIns="0" bIns="0" rtlCol="0">
            <a:spAutoFit/>
          </a:bodyPr>
          <a:lstStyle/>
          <a:p>
            <a:pPr marL="133032">
              <a:spcBef>
                <a:spcPts val="325"/>
              </a:spcBef>
            </a:pPr>
            <a:r>
              <a:rPr sz="1283" spc="-13" dirty="0">
                <a:latin typeface="ＭＳ Ｐゴシック"/>
                <a:cs typeface="ＭＳ Ｐゴシック"/>
              </a:rPr>
              <a:t>具体な検討スケジュール</a:t>
            </a:r>
            <a:endParaRPr sz="1283">
              <a:latin typeface="ＭＳ Ｐゴシック"/>
              <a:cs typeface="ＭＳ Ｐゴシック"/>
            </a:endParaRPr>
          </a:p>
        </p:txBody>
      </p:sp>
      <p:sp>
        <p:nvSpPr>
          <p:cNvPr id="34" name="object 34"/>
          <p:cNvSpPr txBox="1"/>
          <p:nvPr/>
        </p:nvSpPr>
        <p:spPr>
          <a:xfrm>
            <a:off x="5929482" y="5754856"/>
            <a:ext cx="2895780" cy="324508"/>
          </a:xfrm>
          <a:prstGeom prst="rect">
            <a:avLst/>
          </a:prstGeom>
          <a:solidFill>
            <a:srgbClr val="FFFFFF"/>
          </a:solidFill>
          <a:ln w="13715">
            <a:solidFill>
              <a:srgbClr val="1C334D"/>
            </a:solidFill>
          </a:ln>
        </p:spPr>
        <p:txBody>
          <a:bodyPr vert="horz" wrap="square" lIns="0" tIns="73847" rIns="0" bIns="0" rtlCol="0">
            <a:spAutoFit/>
          </a:bodyPr>
          <a:lstStyle/>
          <a:p>
            <a:pPr>
              <a:spcBef>
                <a:spcPts val="581"/>
              </a:spcBef>
            </a:pPr>
            <a:endParaRPr sz="812">
              <a:latin typeface="Times New Roman"/>
              <a:cs typeface="Times New Roman"/>
            </a:endParaRPr>
          </a:p>
          <a:p>
            <a:pPr marL="84706"/>
            <a:r>
              <a:rPr sz="812" spc="-4" dirty="0">
                <a:latin typeface="ＭＳ Ｐゴシック"/>
                <a:cs typeface="ＭＳ Ｐゴシック"/>
              </a:rPr>
              <a:t>実証、導入に向けた調整</a:t>
            </a:r>
            <a:endParaRPr sz="812">
              <a:latin typeface="ＭＳ Ｐゴシック"/>
              <a:cs typeface="ＭＳ Ｐゴシック"/>
            </a:endParaRPr>
          </a:p>
        </p:txBody>
      </p:sp>
      <p:sp>
        <p:nvSpPr>
          <p:cNvPr id="35" name="object 35"/>
          <p:cNvSpPr txBox="1"/>
          <p:nvPr/>
        </p:nvSpPr>
        <p:spPr>
          <a:xfrm>
            <a:off x="6404527" y="3742245"/>
            <a:ext cx="1288522" cy="181555"/>
          </a:xfrm>
          <a:prstGeom prst="rect">
            <a:avLst/>
          </a:prstGeom>
        </p:spPr>
        <p:txBody>
          <a:bodyPr vert="horz" wrap="square" lIns="0" tIns="10317" rIns="0" bIns="0" rtlCol="0">
            <a:spAutoFit/>
          </a:bodyPr>
          <a:lstStyle/>
          <a:p>
            <a:pPr marL="10860">
              <a:spcBef>
                <a:spcPts val="81"/>
              </a:spcBef>
            </a:pPr>
            <a:r>
              <a:rPr sz="1112" spc="-21" dirty="0">
                <a:latin typeface="ＭＳ Ｐゴシック"/>
                <a:cs typeface="ＭＳ Ｐゴシック"/>
              </a:rPr>
              <a:t>橋梁監視技術の導入</a:t>
            </a:r>
            <a:endParaRPr sz="1112">
              <a:latin typeface="ＭＳ Ｐゴシック"/>
              <a:cs typeface="ＭＳ Ｐゴシック"/>
            </a:endParaRPr>
          </a:p>
        </p:txBody>
      </p:sp>
    </p:spTree>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74906" y="352850"/>
            <a:ext cx="8319194" cy="459323"/>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徳島県美波町</a:t>
            </a:r>
            <a:r>
              <a:rPr spc="-9" dirty="0"/>
              <a:t>）</a:t>
            </a:r>
            <a:r>
              <a:rPr sz="1454" spc="-9" dirty="0"/>
              <a:t>損傷度判定に関する職員、地元企業のノウハウ向上・継承、修繕に対する方針の明確化</a:t>
            </a:r>
            <a:endParaRPr sz="1454"/>
          </a:p>
        </p:txBody>
      </p:sp>
      <p:sp>
        <p:nvSpPr>
          <p:cNvPr id="3" name="object 3"/>
          <p:cNvSpPr txBox="1"/>
          <p:nvPr/>
        </p:nvSpPr>
        <p:spPr>
          <a:xfrm>
            <a:off x="250210" y="1159833"/>
            <a:ext cx="8625985" cy="928666"/>
          </a:xfrm>
          <a:prstGeom prst="rect">
            <a:avLst/>
          </a:prstGeom>
          <a:ln w="13715">
            <a:solidFill>
              <a:srgbClr val="000000"/>
            </a:solidFill>
          </a:ln>
        </p:spPr>
        <p:txBody>
          <a:bodyPr vert="horz" wrap="square" lIns="0" tIns="66245" rIns="0" bIns="0" rtlCol="0">
            <a:spAutoFit/>
          </a:bodyPr>
          <a:lstStyle/>
          <a:p>
            <a:pPr marL="249775" marR="213937" indent="-165611">
              <a:lnSpc>
                <a:spcPct val="100699"/>
              </a:lnSpc>
              <a:spcBef>
                <a:spcPts val="522"/>
              </a:spcBef>
            </a:pPr>
            <a:r>
              <a:rPr sz="1283" spc="-13" dirty="0">
                <a:latin typeface="ＭＳ Ｐゴシック"/>
                <a:cs typeface="ＭＳ Ｐゴシック"/>
              </a:rPr>
              <a:t>〇橋梁損傷度の判定・措置に関する職員の専門性向上、財政状況を踏まえた施策の優先順位の考え方の整理、ノウハウ継承及び専門家の支援を踏まえた市の体制・仕組みの構築に向けた検討を行う</a:t>
            </a:r>
            <a:endParaRPr sz="1283">
              <a:latin typeface="ＭＳ Ｐゴシック"/>
              <a:cs typeface="ＭＳ Ｐゴシック"/>
            </a:endParaRPr>
          </a:p>
          <a:p>
            <a:pPr marL="249775" marR="338825" indent="-165611">
              <a:lnSpc>
                <a:spcPct val="101400"/>
              </a:lnSpc>
              <a:spcBef>
                <a:spcPts val="539"/>
              </a:spcBef>
            </a:pPr>
            <a:r>
              <a:rPr sz="1283" spc="-17" dirty="0">
                <a:latin typeface="ＭＳ Ｐゴシック"/>
                <a:cs typeface="ＭＳ Ｐゴシック"/>
              </a:rPr>
              <a:t>〇診断チェックの過程を通じた新技術の導入可能性、技術職員不在でも業務継続可能なサポート体制、コンサル成果の</a:t>
            </a:r>
            <a:r>
              <a:rPr sz="1283" spc="-13" dirty="0">
                <a:latin typeface="ＭＳ Ｐゴシック"/>
                <a:cs typeface="ＭＳ Ｐゴシック"/>
              </a:rPr>
              <a:t>チェック等のノウハウの形式化を検討。</a:t>
            </a:r>
            <a:endParaRPr sz="1283">
              <a:latin typeface="ＭＳ Ｐゴシック"/>
              <a:cs typeface="ＭＳ Ｐゴシック"/>
            </a:endParaRPr>
          </a:p>
        </p:txBody>
      </p:sp>
      <p:grpSp>
        <p:nvGrpSpPr>
          <p:cNvPr id="4" name="object 4"/>
          <p:cNvGrpSpPr/>
          <p:nvPr/>
        </p:nvGrpSpPr>
        <p:grpSpPr>
          <a:xfrm>
            <a:off x="41701" y="2479196"/>
            <a:ext cx="4914629" cy="4119687"/>
            <a:chOff x="48767" y="2670682"/>
            <a:chExt cx="5747385" cy="4817745"/>
          </a:xfrm>
        </p:grpSpPr>
        <p:sp>
          <p:nvSpPr>
            <p:cNvPr id="5" name="object 5"/>
            <p:cNvSpPr/>
            <p:nvPr/>
          </p:nvSpPr>
          <p:spPr>
            <a:xfrm>
              <a:off x="48767" y="5625083"/>
              <a:ext cx="5722620" cy="1748155"/>
            </a:xfrm>
            <a:custGeom>
              <a:avLst/>
              <a:gdLst/>
              <a:ahLst/>
              <a:cxnLst/>
              <a:rect l="l" t="t" r="r" b="b"/>
              <a:pathLst>
                <a:path w="5722620" h="1748154">
                  <a:moveTo>
                    <a:pt x="5722619" y="1748028"/>
                  </a:moveTo>
                  <a:lnTo>
                    <a:pt x="0" y="1748028"/>
                  </a:lnTo>
                  <a:lnTo>
                    <a:pt x="0" y="0"/>
                  </a:lnTo>
                  <a:lnTo>
                    <a:pt x="5722619" y="0"/>
                  </a:lnTo>
                  <a:lnTo>
                    <a:pt x="5722619" y="1748028"/>
                  </a:lnTo>
                  <a:close/>
                </a:path>
              </a:pathLst>
            </a:custGeom>
            <a:solidFill>
              <a:srgbClr val="DBE6F2"/>
            </a:solidFill>
          </p:spPr>
          <p:txBody>
            <a:bodyPr wrap="square" lIns="0" tIns="0" rIns="0" bIns="0" rtlCol="0"/>
            <a:lstStyle/>
            <a:p>
              <a:endParaRPr sz="1749"/>
            </a:p>
          </p:txBody>
        </p:sp>
        <p:sp>
          <p:nvSpPr>
            <p:cNvPr id="6" name="object 6"/>
            <p:cNvSpPr/>
            <p:nvPr/>
          </p:nvSpPr>
          <p:spPr>
            <a:xfrm>
              <a:off x="5788913" y="2677667"/>
              <a:ext cx="0" cy="4803775"/>
            </a:xfrm>
            <a:custGeom>
              <a:avLst/>
              <a:gdLst/>
              <a:ahLst/>
              <a:cxnLst/>
              <a:rect l="l" t="t" r="r" b="b"/>
              <a:pathLst>
                <a:path h="4803775">
                  <a:moveTo>
                    <a:pt x="0" y="0"/>
                  </a:moveTo>
                  <a:lnTo>
                    <a:pt x="0" y="4803647"/>
                  </a:lnTo>
                </a:path>
              </a:pathLst>
            </a:custGeom>
            <a:ln w="13716">
              <a:solidFill>
                <a:srgbClr val="000000"/>
              </a:solidFill>
              <a:prstDash val="sysDash"/>
            </a:ln>
          </p:spPr>
          <p:txBody>
            <a:bodyPr wrap="square" lIns="0" tIns="0" rIns="0" bIns="0" rtlCol="0"/>
            <a:lstStyle/>
            <a:p>
              <a:endParaRPr sz="1749"/>
            </a:p>
          </p:txBody>
        </p:sp>
      </p:grpSp>
      <p:sp>
        <p:nvSpPr>
          <p:cNvPr id="7" name="object 7"/>
          <p:cNvSpPr txBox="1"/>
          <p:nvPr/>
        </p:nvSpPr>
        <p:spPr>
          <a:xfrm>
            <a:off x="289306" y="3588966"/>
            <a:ext cx="1625178" cy="238548"/>
          </a:xfrm>
          <a:prstGeom prst="rect">
            <a:avLst/>
          </a:prstGeom>
          <a:solidFill>
            <a:srgbClr val="B6DDE8"/>
          </a:solidFill>
          <a:ln w="10667">
            <a:solidFill>
              <a:srgbClr val="00AFEF"/>
            </a:solidFill>
          </a:ln>
        </p:spPr>
        <p:txBody>
          <a:bodyPr vert="horz" wrap="square" lIns="0" tIns="40724" rIns="0" bIns="0" rtlCol="0">
            <a:spAutoFit/>
          </a:bodyPr>
          <a:lstStyle/>
          <a:p>
            <a:pPr marL="154752">
              <a:spcBef>
                <a:spcPts val="321"/>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8" name="object 8"/>
          <p:cNvSpPr txBox="1"/>
          <p:nvPr/>
        </p:nvSpPr>
        <p:spPr>
          <a:xfrm>
            <a:off x="317359" y="3861659"/>
            <a:ext cx="4462315" cy="1078444"/>
          </a:xfrm>
          <a:prstGeom prst="rect">
            <a:avLst/>
          </a:prstGeom>
        </p:spPr>
        <p:txBody>
          <a:bodyPr vert="horz" wrap="square" lIns="0" tIns="80906" rIns="0" bIns="0" rtlCol="0">
            <a:spAutoFit/>
          </a:bodyPr>
          <a:lstStyle/>
          <a:p>
            <a:pPr marL="10860">
              <a:spcBef>
                <a:spcPts val="637"/>
              </a:spcBef>
            </a:pPr>
            <a:r>
              <a:rPr sz="1112" spc="-17" dirty="0">
                <a:latin typeface="ＭＳ Ｐゴシック"/>
                <a:cs typeface="ＭＳ Ｐゴシック"/>
              </a:rPr>
              <a:t>〇診断力向上に向けた</a:t>
            </a:r>
            <a:r>
              <a:rPr sz="1112" spc="-9" dirty="0">
                <a:latin typeface="ＭＳ Ｐゴシック"/>
                <a:cs typeface="ＭＳ Ｐゴシック"/>
              </a:rPr>
              <a:t>AI</a:t>
            </a:r>
            <a:r>
              <a:rPr sz="1112" spc="-26" dirty="0">
                <a:latin typeface="ＭＳ Ｐゴシック"/>
                <a:cs typeface="ＭＳ Ｐゴシック"/>
              </a:rPr>
              <a:t>診断、遠隔相談等の技術活用について議論。</a:t>
            </a:r>
            <a:endParaRPr sz="1112">
              <a:latin typeface="ＭＳ Ｐゴシック"/>
              <a:cs typeface="ＭＳ Ｐゴシック"/>
            </a:endParaRPr>
          </a:p>
          <a:p>
            <a:pPr marL="142806" marR="4344" indent="-131946">
              <a:spcBef>
                <a:spcPts val="556"/>
              </a:spcBef>
            </a:pPr>
            <a:r>
              <a:rPr sz="1112" spc="-26" dirty="0">
                <a:latin typeface="ＭＳ Ｐゴシック"/>
                <a:cs typeface="ＭＳ Ｐゴシック"/>
              </a:rPr>
              <a:t>〇職員の技術力向上に向けたノウハウ集、チェックポイント等の明文化等の検討も選択肢。</a:t>
            </a:r>
            <a:endParaRPr sz="1112">
              <a:latin typeface="ＭＳ Ｐゴシック"/>
              <a:cs typeface="ＭＳ Ｐゴシック"/>
            </a:endParaRPr>
          </a:p>
          <a:p>
            <a:pPr marL="142806" marR="17919" indent="-131946">
              <a:spcBef>
                <a:spcPts val="543"/>
              </a:spcBef>
            </a:pPr>
            <a:r>
              <a:rPr sz="1112" spc="-21" dirty="0">
                <a:latin typeface="ＭＳ Ｐゴシック"/>
                <a:cs typeface="ＭＳ Ｐゴシック"/>
              </a:rPr>
              <a:t>〇継続的な助言体制</a:t>
            </a:r>
            <a:r>
              <a:rPr sz="1112" spc="-9" dirty="0">
                <a:latin typeface="ＭＳ Ｐゴシック"/>
                <a:cs typeface="ＭＳ Ｐゴシック"/>
              </a:rPr>
              <a:t>（</a:t>
            </a:r>
            <a:r>
              <a:rPr sz="1112" spc="-21" dirty="0">
                <a:latin typeface="ＭＳ Ｐゴシック"/>
                <a:cs typeface="ＭＳ Ｐゴシック"/>
              </a:rPr>
              <a:t>アドバイザー、整備局・地整、地元高専、学会等</a:t>
            </a:r>
            <a:r>
              <a:rPr sz="1112" spc="-9" dirty="0">
                <a:latin typeface="ＭＳ Ｐゴシック"/>
                <a:cs typeface="ＭＳ Ｐゴシック"/>
              </a:rPr>
              <a:t>）</a:t>
            </a:r>
            <a:r>
              <a:rPr sz="1112" spc="-34" dirty="0">
                <a:latin typeface="ＭＳ Ｐゴシック"/>
                <a:cs typeface="ＭＳ Ｐゴシック"/>
              </a:rPr>
              <a:t>、遠</a:t>
            </a:r>
            <a:r>
              <a:rPr sz="1112" spc="-26" dirty="0">
                <a:latin typeface="ＭＳ Ｐゴシック"/>
                <a:cs typeface="ＭＳ Ｐゴシック"/>
              </a:rPr>
              <a:t>隔診断ツールの導入等を検討。</a:t>
            </a:r>
            <a:endParaRPr sz="1112">
              <a:latin typeface="ＭＳ Ｐゴシック"/>
              <a:cs typeface="ＭＳ Ｐゴシック"/>
            </a:endParaRPr>
          </a:p>
        </p:txBody>
      </p:sp>
      <p:sp>
        <p:nvSpPr>
          <p:cNvPr id="9" name="object 9"/>
          <p:cNvSpPr txBox="1"/>
          <p:nvPr/>
        </p:nvSpPr>
        <p:spPr>
          <a:xfrm>
            <a:off x="492188" y="5024604"/>
            <a:ext cx="1686536" cy="138130"/>
          </a:xfrm>
          <a:prstGeom prst="rect">
            <a:avLst/>
          </a:prstGeom>
        </p:spPr>
        <p:txBody>
          <a:bodyPr vert="horz" wrap="square" lIns="0" tIns="13032" rIns="0" bIns="0" rtlCol="0">
            <a:spAutoFit/>
          </a:bodyPr>
          <a:lstStyle/>
          <a:p>
            <a:pPr marL="10860">
              <a:spcBef>
                <a:spcPts val="103"/>
              </a:spcBef>
            </a:pPr>
            <a:r>
              <a:rPr sz="812" spc="-4" dirty="0">
                <a:latin typeface="ＭＳ Ｐゴシック"/>
                <a:cs typeface="ＭＳ Ｐゴシック"/>
              </a:rPr>
              <a:t>重要度の視点と精査対象橋梁の選定</a:t>
            </a:r>
            <a:endParaRPr sz="812">
              <a:latin typeface="ＭＳ Ｐゴシック"/>
              <a:cs typeface="ＭＳ Ｐゴシック"/>
            </a:endParaRPr>
          </a:p>
        </p:txBody>
      </p:sp>
      <p:sp>
        <p:nvSpPr>
          <p:cNvPr id="10" name="object 10"/>
          <p:cNvSpPr txBox="1"/>
          <p:nvPr/>
        </p:nvSpPr>
        <p:spPr>
          <a:xfrm>
            <a:off x="1854131" y="6321398"/>
            <a:ext cx="1412324" cy="263099"/>
          </a:xfrm>
          <a:prstGeom prst="rect">
            <a:avLst/>
          </a:prstGeom>
        </p:spPr>
        <p:txBody>
          <a:bodyPr vert="horz" wrap="square" lIns="0" tIns="13032" rIns="0" bIns="0" rtlCol="0">
            <a:spAutoFit/>
          </a:bodyPr>
          <a:lstStyle/>
          <a:p>
            <a:pPr marL="10860">
              <a:spcBef>
                <a:spcPts val="103"/>
              </a:spcBef>
            </a:pPr>
            <a:r>
              <a:rPr sz="812" dirty="0">
                <a:latin typeface="ＭＳ Ｐゴシック"/>
                <a:cs typeface="ＭＳ Ｐゴシック"/>
              </a:rPr>
              <a:t>出典）</a:t>
            </a:r>
            <a:r>
              <a:rPr sz="812" spc="-4" dirty="0">
                <a:latin typeface="ＭＳ Ｐゴシック"/>
                <a:cs typeface="ＭＳ Ｐゴシック"/>
              </a:rPr>
              <a:t>美波町、四国地方整備局</a:t>
            </a:r>
            <a:endParaRPr sz="812">
              <a:latin typeface="ＭＳ Ｐゴシック"/>
              <a:cs typeface="ＭＳ Ｐゴシック"/>
            </a:endParaRPr>
          </a:p>
        </p:txBody>
      </p:sp>
      <p:sp>
        <p:nvSpPr>
          <p:cNvPr id="11" name="object 11"/>
          <p:cNvSpPr txBox="1"/>
          <p:nvPr/>
        </p:nvSpPr>
        <p:spPr>
          <a:xfrm>
            <a:off x="5102646" y="2671273"/>
            <a:ext cx="3684207" cy="1272495"/>
          </a:xfrm>
          <a:prstGeom prst="rect">
            <a:avLst/>
          </a:prstGeom>
        </p:spPr>
        <p:txBody>
          <a:bodyPr vert="horz" wrap="square" lIns="0" tIns="10317" rIns="0" bIns="0" rtlCol="0">
            <a:spAutoFit/>
          </a:bodyPr>
          <a:lstStyle/>
          <a:p>
            <a:pPr marL="142806" marR="13575" indent="-131946">
              <a:spcBef>
                <a:spcPts val="81"/>
              </a:spcBef>
            </a:pPr>
            <a:r>
              <a:rPr sz="1112" spc="-26" dirty="0">
                <a:latin typeface="ＭＳ Ｐゴシック"/>
                <a:cs typeface="ＭＳ Ｐゴシック"/>
              </a:rPr>
              <a:t>〇今年度、今後修繕を予定する橋梁の診断結果、修繕方法についてアドバイザーの助言を受け、維持管理費の適正化を</a:t>
            </a:r>
            <a:r>
              <a:rPr sz="1112" spc="-30" dirty="0">
                <a:latin typeface="ＭＳ Ｐゴシック"/>
                <a:cs typeface="ＭＳ Ｐゴシック"/>
              </a:rPr>
              <a:t>支援</a:t>
            </a:r>
            <a:endParaRPr sz="1112">
              <a:latin typeface="ＭＳ Ｐゴシック"/>
              <a:cs typeface="ＭＳ Ｐゴシック"/>
            </a:endParaRPr>
          </a:p>
          <a:p>
            <a:pPr marL="142806" marR="4344" indent="-131946">
              <a:lnSpc>
                <a:spcPct val="99700"/>
              </a:lnSpc>
              <a:spcBef>
                <a:spcPts val="547"/>
              </a:spcBef>
            </a:pPr>
            <a:r>
              <a:rPr sz="1112" spc="-21" dirty="0">
                <a:latin typeface="ＭＳ Ｐゴシック"/>
                <a:cs typeface="ＭＳ Ｐゴシック"/>
              </a:rPr>
              <a:t>〇診断結果のチェックの過程を通じ、</a:t>
            </a:r>
            <a:r>
              <a:rPr sz="1112" spc="-9" dirty="0">
                <a:latin typeface="ＭＳ Ｐゴシック"/>
                <a:cs typeface="ＭＳ Ｐゴシック"/>
              </a:rPr>
              <a:t>AI</a:t>
            </a:r>
            <a:r>
              <a:rPr sz="1112" spc="-13" dirty="0">
                <a:latin typeface="ＭＳ Ｐゴシック"/>
                <a:cs typeface="ＭＳ Ｐゴシック"/>
              </a:rPr>
              <a:t>活用、遠隔診断等の新</a:t>
            </a:r>
            <a:r>
              <a:rPr sz="1112" spc="-17" dirty="0">
                <a:latin typeface="ＭＳ Ｐゴシック"/>
                <a:cs typeface="ＭＳ Ｐゴシック"/>
              </a:rPr>
              <a:t>技術の導入可能性、技術職員不在でも業務継続可能なサポ</a:t>
            </a:r>
            <a:r>
              <a:rPr sz="1112" spc="-21" dirty="0">
                <a:latin typeface="ＭＳ Ｐゴシック"/>
                <a:cs typeface="ＭＳ Ｐゴシック"/>
              </a:rPr>
              <a:t>ート体制、コンサル成果のチェック等のノウハウの形式化を</a:t>
            </a:r>
            <a:r>
              <a:rPr sz="1112" spc="-13" dirty="0">
                <a:latin typeface="ＭＳ Ｐゴシック"/>
                <a:cs typeface="ＭＳ Ｐゴシック"/>
              </a:rPr>
              <a:t>検討</a:t>
            </a:r>
            <a:endParaRPr sz="1112">
              <a:latin typeface="ＭＳ Ｐゴシック"/>
              <a:cs typeface="ＭＳ Ｐゴシック"/>
            </a:endParaRPr>
          </a:p>
        </p:txBody>
      </p:sp>
      <p:sp>
        <p:nvSpPr>
          <p:cNvPr id="12" name="object 12"/>
          <p:cNvSpPr txBox="1"/>
          <p:nvPr/>
        </p:nvSpPr>
        <p:spPr>
          <a:xfrm>
            <a:off x="295822" y="2225837"/>
            <a:ext cx="2158397" cy="239096"/>
          </a:xfrm>
          <a:prstGeom prst="rect">
            <a:avLst/>
          </a:prstGeom>
          <a:solidFill>
            <a:srgbClr val="B6DDE8"/>
          </a:solidFill>
          <a:ln w="10667">
            <a:solidFill>
              <a:srgbClr val="00AFEF"/>
            </a:solidFill>
          </a:ln>
        </p:spPr>
        <p:txBody>
          <a:bodyPr vert="horz" wrap="square" lIns="0" tIns="41267" rIns="0" bIns="0" rtlCol="0">
            <a:spAutoFit/>
          </a:bodyPr>
          <a:lstStyle/>
          <a:p>
            <a:pPr marL="110769">
              <a:spcBef>
                <a:spcPts val="325"/>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13" name="object 13"/>
          <p:cNvSpPr txBox="1"/>
          <p:nvPr/>
        </p:nvSpPr>
        <p:spPr>
          <a:xfrm>
            <a:off x="310761" y="2583859"/>
            <a:ext cx="4334169" cy="930221"/>
          </a:xfrm>
          <a:prstGeom prst="rect">
            <a:avLst/>
          </a:prstGeom>
        </p:spPr>
        <p:txBody>
          <a:bodyPr vert="horz" wrap="square" lIns="0" tIns="10317" rIns="0" bIns="0" rtlCol="0">
            <a:spAutoFit/>
          </a:bodyPr>
          <a:lstStyle/>
          <a:p>
            <a:pPr marL="142806" marR="65159" indent="-131946" algn="just">
              <a:spcBef>
                <a:spcPts val="81"/>
              </a:spcBef>
            </a:pPr>
            <a:r>
              <a:rPr sz="1112" spc="-30" dirty="0">
                <a:latin typeface="ＭＳ Ｐゴシック"/>
                <a:cs typeface="ＭＳ Ｐゴシック"/>
              </a:rPr>
              <a:t>〇現地踏査で現状の損傷度判定の見直しの必要性を認識。当面の修繕対象橋梁について、橋梁の重要度等を考慮して、判定を精査する橋梁を抽出し、アドバイザーの助言を受領。</a:t>
            </a:r>
            <a:endParaRPr sz="1112">
              <a:latin typeface="ＭＳ Ｐゴシック"/>
              <a:cs typeface="ＭＳ Ｐゴシック"/>
            </a:endParaRPr>
          </a:p>
          <a:p>
            <a:pPr marL="142806" marR="4344" indent="-132489">
              <a:spcBef>
                <a:spcPts val="543"/>
              </a:spcBef>
              <a:buSzPct val="92307"/>
              <a:buChar char="○"/>
              <a:tabLst>
                <a:tab pos="142806" algn="l"/>
                <a:tab pos="151494" algn="l"/>
              </a:tabLst>
            </a:pPr>
            <a:r>
              <a:rPr sz="1112" dirty="0">
                <a:latin typeface="ＭＳ Ｐゴシック"/>
                <a:cs typeface="ＭＳ Ｐゴシック"/>
              </a:rPr>
              <a:t>	</a:t>
            </a:r>
            <a:r>
              <a:rPr sz="1112" spc="-26" dirty="0">
                <a:latin typeface="ＭＳ Ｐゴシック"/>
                <a:cs typeface="ＭＳ Ｐゴシック"/>
              </a:rPr>
              <a:t>今後のサポート体制の構築、技術活用による診断力の向上について検</a:t>
            </a:r>
            <a:r>
              <a:rPr sz="1112" spc="-30" dirty="0">
                <a:latin typeface="ＭＳ Ｐゴシック"/>
                <a:cs typeface="ＭＳ Ｐゴシック"/>
              </a:rPr>
              <a:t>討中。</a:t>
            </a:r>
            <a:endParaRPr sz="1112">
              <a:latin typeface="ＭＳ Ｐゴシック"/>
              <a:cs typeface="ＭＳ Ｐゴシック"/>
            </a:endParaRPr>
          </a:p>
        </p:txBody>
      </p:sp>
      <p:sp>
        <p:nvSpPr>
          <p:cNvPr id="14" name="object 14"/>
          <p:cNvSpPr txBox="1"/>
          <p:nvPr/>
        </p:nvSpPr>
        <p:spPr>
          <a:xfrm>
            <a:off x="5410523" y="4213957"/>
            <a:ext cx="3225378" cy="352691"/>
          </a:xfrm>
          <a:prstGeom prst="rect">
            <a:avLst/>
          </a:prstGeom>
        </p:spPr>
        <p:txBody>
          <a:bodyPr vert="horz" wrap="square" lIns="0" tIns="10317" rIns="0" bIns="0" rtlCol="0">
            <a:spAutoFit/>
          </a:bodyPr>
          <a:lstStyle/>
          <a:p>
            <a:pPr marL="10860">
              <a:spcBef>
                <a:spcPts val="81"/>
              </a:spcBef>
            </a:pPr>
            <a:r>
              <a:rPr sz="1112" spc="-26" dirty="0">
                <a:latin typeface="ＭＳ Ｐゴシック"/>
                <a:cs typeface="ＭＳ Ｐゴシック"/>
              </a:rPr>
              <a:t>診断措置の技術力向上、ノウハウ継承・支援体制構築</a:t>
            </a:r>
            <a:endParaRPr sz="1112">
              <a:latin typeface="ＭＳ Ｐゴシック"/>
              <a:cs typeface="ＭＳ Ｐゴシック"/>
            </a:endParaRPr>
          </a:p>
        </p:txBody>
      </p:sp>
      <p:graphicFrame>
        <p:nvGraphicFramePr>
          <p:cNvPr id="15" name="object 15"/>
          <p:cNvGraphicFramePr>
            <a:graphicFrameLocks noGrp="1"/>
          </p:cNvGraphicFramePr>
          <p:nvPr/>
        </p:nvGraphicFramePr>
        <p:xfrm>
          <a:off x="85276" y="5221080"/>
          <a:ext cx="3347004" cy="1039829"/>
        </p:xfrm>
        <a:graphic>
          <a:graphicData uri="http://schemas.openxmlformats.org/drawingml/2006/table">
            <a:tbl>
              <a:tblPr firstRow="1" bandRow="1">
                <a:tableStyleId>{2D5ABB26-0587-4C30-8999-92F81FD0307C}</a:tableStyleId>
              </a:tblPr>
              <a:tblGrid>
                <a:gridCol w="191133">
                  <a:extLst>
                    <a:ext uri="{9D8B030D-6E8A-4147-A177-3AD203B41FA5}">
                      <a16:colId xmlns:a16="http://schemas.microsoft.com/office/drawing/2014/main" val="20000"/>
                    </a:ext>
                  </a:extLst>
                </a:gridCol>
                <a:gridCol w="1100104">
                  <a:extLst>
                    <a:ext uri="{9D8B030D-6E8A-4147-A177-3AD203B41FA5}">
                      <a16:colId xmlns:a16="http://schemas.microsoft.com/office/drawing/2014/main" val="20001"/>
                    </a:ext>
                  </a:extLst>
                </a:gridCol>
                <a:gridCol w="191133">
                  <a:extLst>
                    <a:ext uri="{9D8B030D-6E8A-4147-A177-3AD203B41FA5}">
                      <a16:colId xmlns:a16="http://schemas.microsoft.com/office/drawing/2014/main" val="20002"/>
                    </a:ext>
                  </a:extLst>
                </a:gridCol>
                <a:gridCol w="243803">
                  <a:extLst>
                    <a:ext uri="{9D8B030D-6E8A-4147-A177-3AD203B41FA5}">
                      <a16:colId xmlns:a16="http://schemas.microsoft.com/office/drawing/2014/main" val="20003"/>
                    </a:ext>
                  </a:extLst>
                </a:gridCol>
                <a:gridCol w="203078">
                  <a:extLst>
                    <a:ext uri="{9D8B030D-6E8A-4147-A177-3AD203B41FA5}">
                      <a16:colId xmlns:a16="http://schemas.microsoft.com/office/drawing/2014/main" val="20004"/>
                    </a:ext>
                  </a:extLst>
                </a:gridCol>
                <a:gridCol w="332855">
                  <a:extLst>
                    <a:ext uri="{9D8B030D-6E8A-4147-A177-3AD203B41FA5}">
                      <a16:colId xmlns:a16="http://schemas.microsoft.com/office/drawing/2014/main" val="20005"/>
                    </a:ext>
                  </a:extLst>
                </a:gridCol>
                <a:gridCol w="352945">
                  <a:extLst>
                    <a:ext uri="{9D8B030D-6E8A-4147-A177-3AD203B41FA5}">
                      <a16:colId xmlns:a16="http://schemas.microsoft.com/office/drawing/2014/main" val="20006"/>
                    </a:ext>
                  </a:extLst>
                </a:gridCol>
                <a:gridCol w="365977">
                  <a:extLst>
                    <a:ext uri="{9D8B030D-6E8A-4147-A177-3AD203B41FA5}">
                      <a16:colId xmlns:a16="http://schemas.microsoft.com/office/drawing/2014/main" val="20007"/>
                    </a:ext>
                  </a:extLst>
                </a:gridCol>
                <a:gridCol w="365976">
                  <a:extLst>
                    <a:ext uri="{9D8B030D-6E8A-4147-A177-3AD203B41FA5}">
                      <a16:colId xmlns:a16="http://schemas.microsoft.com/office/drawing/2014/main" val="20008"/>
                    </a:ext>
                  </a:extLst>
                </a:gridCol>
              </a:tblGrid>
              <a:tr h="81992">
                <a:tc rowSpan="2">
                  <a:txBody>
                    <a:bodyPr/>
                    <a:lstStyle/>
                    <a:p>
                      <a:pPr>
                        <a:lnSpc>
                          <a:spcPct val="100000"/>
                        </a:lnSpc>
                      </a:pPr>
                      <a:endParaRPr sz="900">
                        <a:latin typeface="Times New Roman"/>
                        <a:cs typeface="Times New Roman"/>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rowSpan="2">
                  <a:txBody>
                    <a:bodyPr/>
                    <a:lstStyle/>
                    <a:p>
                      <a:pPr>
                        <a:lnSpc>
                          <a:spcPct val="100000"/>
                        </a:lnSpc>
                        <a:spcBef>
                          <a:spcPts val="240"/>
                        </a:spcBef>
                      </a:pPr>
                      <a:endParaRPr sz="300">
                        <a:latin typeface="Times New Roman"/>
                        <a:cs typeface="Times New Roman"/>
                      </a:endParaRPr>
                    </a:p>
                    <a:p>
                      <a:pPr marL="2540" algn="ctr">
                        <a:lnSpc>
                          <a:spcPct val="100000"/>
                        </a:lnSpc>
                      </a:pPr>
                      <a:r>
                        <a:rPr sz="300" spc="-15" dirty="0">
                          <a:latin typeface="ＭＳ Ｐゴシック"/>
                          <a:cs typeface="ＭＳ Ｐゴシック"/>
                        </a:rPr>
                        <a:t>選定項目</a:t>
                      </a:r>
                      <a:endParaRPr sz="300">
                        <a:latin typeface="ＭＳ Ｐゴシック"/>
                        <a:cs typeface="ＭＳ Ｐゴシック"/>
                      </a:endParaRPr>
                    </a:p>
                  </a:txBody>
                  <a:tcPr marL="0" marR="0" marT="2606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rowSpan="2">
                  <a:txBody>
                    <a:bodyPr/>
                    <a:lstStyle/>
                    <a:p>
                      <a:pPr>
                        <a:lnSpc>
                          <a:spcPct val="100000"/>
                        </a:lnSpc>
                        <a:spcBef>
                          <a:spcPts val="240"/>
                        </a:spcBef>
                      </a:pPr>
                      <a:endParaRPr sz="300">
                        <a:latin typeface="Times New Roman"/>
                        <a:cs typeface="Times New Roman"/>
                      </a:endParaRPr>
                    </a:p>
                    <a:p>
                      <a:pPr marL="43180">
                        <a:lnSpc>
                          <a:spcPct val="100000"/>
                        </a:lnSpc>
                      </a:pPr>
                      <a:r>
                        <a:rPr sz="300" spc="-20" dirty="0">
                          <a:latin typeface="ＭＳ Ｐゴシック"/>
                          <a:cs typeface="ＭＳ Ｐゴシック"/>
                        </a:rPr>
                        <a:t>橋梁数</a:t>
                      </a:r>
                      <a:endParaRPr sz="300">
                        <a:latin typeface="ＭＳ Ｐゴシック"/>
                        <a:cs typeface="ＭＳ Ｐゴシック"/>
                      </a:endParaRPr>
                    </a:p>
                  </a:txBody>
                  <a:tcPr marL="0" marR="0" marT="2606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nSpc>
                          <a:spcPct val="100000"/>
                        </a:lnSpc>
                      </a:pPr>
                      <a:endParaRPr sz="300">
                        <a:latin typeface="Times New Roman"/>
                        <a:cs typeface="Times New Roman"/>
                      </a:endParaRPr>
                    </a:p>
                  </a:txBody>
                  <a:tcPr marL="0" marR="0" marT="0" marB="0">
                    <a:lnL w="6350" cap="flat" cmpd="sng" algn="ctr">
                      <a:solidFill>
                        <a:srgbClr val="000000"/>
                      </a:solidFill>
                      <a:prstDash val="solid"/>
                      <a:round/>
                      <a:headEnd type="none" w="med" len="med"/>
                      <a:tailEnd type="none" w="med" len="med"/>
                    </a:lnL>
                    <a:lnT w="6350">
                      <a:solidFill>
                        <a:srgbClr val="000000"/>
                      </a:solidFill>
                      <a:prstDash val="solid"/>
                    </a:lnT>
                    <a:lnB w="6350">
                      <a:solidFill>
                        <a:srgbClr val="000000"/>
                      </a:solidFill>
                      <a:prstDash val="solid"/>
                    </a:lnB>
                    <a:solidFill>
                      <a:srgbClr val="FFFFFF"/>
                    </a:solidFill>
                  </a:tcPr>
                </a:tc>
                <a:tc>
                  <a:txBody>
                    <a:bodyPr/>
                    <a:lstStyle/>
                    <a:p>
                      <a:pPr>
                        <a:lnSpc>
                          <a:spcPct val="100000"/>
                        </a:lnSpc>
                      </a:pPr>
                      <a:endParaRPr sz="300">
                        <a:latin typeface="Times New Roman"/>
                        <a:cs typeface="Times New Roman"/>
                      </a:endParaRPr>
                    </a:p>
                  </a:txBody>
                  <a:tcPr marL="0" marR="0" marT="0" marB="0">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22225">
                        <a:lnSpc>
                          <a:spcPct val="100000"/>
                        </a:lnSpc>
                        <a:spcBef>
                          <a:spcPts val="175"/>
                        </a:spcBef>
                      </a:pPr>
                      <a:r>
                        <a:rPr sz="300" spc="-15" dirty="0">
                          <a:latin typeface="ＭＳ Ｐゴシック"/>
                          <a:cs typeface="ＭＳ Ｐゴシック"/>
                        </a:rPr>
                        <a:t>【参考】</a:t>
                      </a:r>
                      <a:endParaRPr sz="300">
                        <a:latin typeface="ＭＳ Ｐゴシック"/>
                        <a:cs typeface="ＭＳ Ｐゴシック"/>
                      </a:endParaRPr>
                    </a:p>
                  </a:txBody>
                  <a:tcPr marL="0" marR="0" marT="19005" marB="0">
                    <a:lnL w="6350">
                      <a:solidFill>
                        <a:srgbClr val="000000"/>
                      </a:solidFill>
                      <a:prstDash val="solid"/>
                    </a:lnL>
                    <a:lnB w="6350">
                      <a:solidFill>
                        <a:srgbClr val="000000"/>
                      </a:solidFill>
                      <a:prstDash val="solid"/>
                    </a:lnB>
                    <a:solidFill>
                      <a:srgbClr val="FFFFFF"/>
                    </a:solidFill>
                  </a:tcPr>
                </a:tc>
                <a:tc>
                  <a:txBody>
                    <a:bodyPr/>
                    <a:lstStyle/>
                    <a:p>
                      <a:pPr>
                        <a:lnSpc>
                          <a:spcPct val="100000"/>
                        </a:lnSpc>
                      </a:pPr>
                      <a:endParaRPr sz="300">
                        <a:latin typeface="Times New Roman"/>
                        <a:cs typeface="Times New Roman"/>
                      </a:endParaRPr>
                    </a:p>
                  </a:txBody>
                  <a:tcPr marL="0" marR="0" marT="0" marB="0">
                    <a:lnB w="6350">
                      <a:solidFill>
                        <a:srgbClr val="000000"/>
                      </a:solidFill>
                      <a:prstDash val="solid"/>
                    </a:lnB>
                    <a:solidFill>
                      <a:srgbClr val="FFFFFF"/>
                    </a:solidFill>
                  </a:tcPr>
                </a:tc>
                <a:tc>
                  <a:txBody>
                    <a:bodyPr/>
                    <a:lstStyle/>
                    <a:p>
                      <a:pPr>
                        <a:lnSpc>
                          <a:spcPct val="100000"/>
                        </a:lnSpc>
                      </a:pPr>
                      <a:endParaRPr sz="300">
                        <a:latin typeface="Times New Roman"/>
                        <a:cs typeface="Times New Roman"/>
                      </a:endParaRPr>
                    </a:p>
                  </a:txBody>
                  <a:tcPr marL="0" marR="0" marT="0" marB="0">
                    <a:lnB w="6350">
                      <a:solidFill>
                        <a:srgbClr val="000000"/>
                      </a:solidFill>
                      <a:prstDash val="solid"/>
                    </a:lnB>
                    <a:solidFill>
                      <a:srgbClr val="FFFFFF"/>
                    </a:solidFill>
                  </a:tcPr>
                </a:tc>
                <a:tc>
                  <a:txBody>
                    <a:bodyPr/>
                    <a:lstStyle/>
                    <a:p>
                      <a:pPr>
                        <a:lnSpc>
                          <a:spcPct val="100000"/>
                        </a:lnSpc>
                      </a:pPr>
                      <a:endParaRPr sz="300">
                        <a:latin typeface="Times New Roman"/>
                        <a:cs typeface="Times New Roman"/>
                      </a:endParaRPr>
                    </a:p>
                  </a:txBody>
                  <a:tcPr marL="0" marR="0" marT="0" marB="0">
                    <a:lnB w="6350">
                      <a:solidFill>
                        <a:srgbClr val="000000"/>
                      </a:solidFill>
                      <a:prstDash val="solid"/>
                    </a:lnB>
                    <a:solidFill>
                      <a:srgbClr val="FFFFFF"/>
                    </a:solidFill>
                  </a:tcPr>
                </a:tc>
                <a:extLst>
                  <a:ext uri="{0D108BD9-81ED-4DB2-BD59-A6C34878D82A}">
                    <a16:rowId xmlns:a16="http://schemas.microsoft.com/office/drawing/2014/main" val="10000"/>
                  </a:ext>
                </a:extLst>
              </a:tr>
              <a:tr h="103712">
                <a:tc vMerge="1">
                  <a:txBody>
                    <a:bodyPr/>
                    <a:lstStyle/>
                    <a:p>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vMerge="1">
                  <a:txBody>
                    <a:bodyPr/>
                    <a:lstStyle/>
                    <a:p>
                      <a:endParaRPr/>
                    </a:p>
                  </a:txBody>
                  <a:tcPr marL="0" marR="0" marT="3048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vMerge="1">
                  <a:txBody>
                    <a:bodyPr/>
                    <a:lstStyle/>
                    <a:p>
                      <a:endParaRPr/>
                    </a:p>
                  </a:txBody>
                  <a:tcPr marL="0" marR="0" marT="3048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95250" marR="35560" indent="-53975">
                        <a:lnSpc>
                          <a:spcPct val="105800"/>
                        </a:lnSpc>
                      </a:pPr>
                      <a:r>
                        <a:rPr sz="300" dirty="0">
                          <a:latin typeface="ＭＳ Ｐゴシック"/>
                          <a:cs typeface="ＭＳ Ｐゴシック"/>
                        </a:rPr>
                        <a:t>内5m</a:t>
                      </a:r>
                      <a:r>
                        <a:rPr sz="300" spc="-25" dirty="0">
                          <a:latin typeface="ＭＳ Ｐゴシック"/>
                          <a:cs typeface="ＭＳ Ｐゴシック"/>
                        </a:rPr>
                        <a:t>以上橋梁</a:t>
                      </a:r>
                      <a:endParaRPr sz="300">
                        <a:latin typeface="ＭＳ Ｐゴシック"/>
                        <a:cs typeface="ＭＳ Ｐゴシック"/>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43180" marR="24765" indent="-26034">
                        <a:lnSpc>
                          <a:spcPct val="105800"/>
                        </a:lnSpc>
                      </a:pPr>
                      <a:r>
                        <a:rPr sz="300" spc="-15" dirty="0">
                          <a:latin typeface="ＭＳ Ｐゴシック"/>
                          <a:cs typeface="ＭＳ Ｐゴシック"/>
                        </a:rPr>
                        <a:t>内補修予</a:t>
                      </a:r>
                      <a:r>
                        <a:rPr sz="300" spc="-20" dirty="0">
                          <a:latin typeface="ＭＳ Ｐゴシック"/>
                          <a:cs typeface="ＭＳ Ｐゴシック"/>
                        </a:rPr>
                        <a:t>定橋梁</a:t>
                      </a:r>
                      <a:endParaRPr sz="300">
                        <a:latin typeface="ＭＳ Ｐゴシック"/>
                        <a:cs typeface="ＭＳ Ｐゴシック"/>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43815" marR="16510" indent="-6350">
                        <a:lnSpc>
                          <a:spcPct val="105800"/>
                        </a:lnSpc>
                      </a:pPr>
                      <a:r>
                        <a:rPr sz="300" spc="-10" dirty="0">
                          <a:latin typeface="ＭＳ Ｐゴシック"/>
                          <a:cs typeface="ＭＳ Ｐゴシック"/>
                        </a:rPr>
                        <a:t>①の補修予定外</a:t>
                      </a:r>
                      <a:r>
                        <a:rPr sz="300" spc="-20" dirty="0">
                          <a:latin typeface="ＭＳ Ｐゴシック"/>
                          <a:cs typeface="ＭＳ Ｐゴシック"/>
                        </a:rPr>
                        <a:t>橋梁を含む場合</a:t>
                      </a:r>
                      <a:endParaRPr sz="300">
                        <a:latin typeface="ＭＳ Ｐゴシック"/>
                        <a:cs typeface="ＭＳ Ｐゴシック"/>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49530" marR="6985" indent="-33655">
                        <a:lnSpc>
                          <a:spcPct val="105800"/>
                        </a:lnSpc>
                      </a:pPr>
                      <a:r>
                        <a:rPr sz="300" spc="-10" dirty="0">
                          <a:latin typeface="ＭＳ Ｐゴシック"/>
                          <a:cs typeface="ＭＳ Ｐゴシック"/>
                        </a:rPr>
                        <a:t>①,②の補修予定外</a:t>
                      </a:r>
                      <a:r>
                        <a:rPr sz="300" spc="-15" dirty="0">
                          <a:latin typeface="ＭＳ Ｐゴシック"/>
                          <a:cs typeface="ＭＳ Ｐゴシック"/>
                        </a:rPr>
                        <a:t>橋梁を含む場合</a:t>
                      </a:r>
                      <a:endParaRPr sz="300">
                        <a:latin typeface="ＭＳ Ｐゴシック"/>
                        <a:cs typeface="ＭＳ Ｐゴシック"/>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34290" marR="20320" indent="-6350">
                        <a:lnSpc>
                          <a:spcPct val="105800"/>
                        </a:lnSpc>
                      </a:pPr>
                      <a:r>
                        <a:rPr sz="300" dirty="0">
                          <a:latin typeface="ＭＳ Ｐゴシック"/>
                          <a:cs typeface="ＭＳ Ｐゴシック"/>
                        </a:rPr>
                        <a:t>①～</a:t>
                      </a:r>
                      <a:r>
                        <a:rPr sz="300" spc="-10" dirty="0">
                          <a:latin typeface="ＭＳ Ｐゴシック"/>
                          <a:cs typeface="ＭＳ Ｐゴシック"/>
                        </a:rPr>
                        <a:t>③の補修予定</a:t>
                      </a:r>
                      <a:r>
                        <a:rPr sz="300" spc="-15" dirty="0">
                          <a:latin typeface="ＭＳ Ｐゴシック"/>
                          <a:cs typeface="ＭＳ Ｐゴシック"/>
                        </a:rPr>
                        <a:t>外橋梁を含む場合</a:t>
                      </a:r>
                      <a:endParaRPr sz="300">
                        <a:latin typeface="ＭＳ Ｐゴシック"/>
                        <a:cs typeface="ＭＳ Ｐゴシック"/>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34290" marR="20320" indent="-8255">
                        <a:lnSpc>
                          <a:spcPct val="105800"/>
                        </a:lnSpc>
                      </a:pPr>
                      <a:r>
                        <a:rPr sz="300" dirty="0">
                          <a:latin typeface="ＭＳ Ｐゴシック"/>
                          <a:cs typeface="ＭＳ Ｐゴシック"/>
                        </a:rPr>
                        <a:t>①～</a:t>
                      </a:r>
                      <a:r>
                        <a:rPr sz="300" spc="-10" dirty="0">
                          <a:latin typeface="ＭＳ Ｐゴシック"/>
                          <a:cs typeface="ＭＳ Ｐゴシック"/>
                        </a:rPr>
                        <a:t>④の補修予定</a:t>
                      </a:r>
                      <a:r>
                        <a:rPr sz="300" spc="-15" dirty="0">
                          <a:latin typeface="ＭＳ Ｐゴシック"/>
                          <a:cs typeface="ＭＳ Ｐゴシック"/>
                        </a:rPr>
                        <a:t>外橋梁を含む場合</a:t>
                      </a:r>
                      <a:endParaRPr sz="300">
                        <a:latin typeface="ＭＳ Ｐゴシック"/>
                        <a:cs typeface="ＭＳ Ｐゴシック"/>
                      </a:endParaRPr>
                    </a:p>
                  </a:txBody>
                  <a:tcPr marL="0" marR="0" marT="0"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extLst>
                  <a:ext uri="{0D108BD9-81ED-4DB2-BD59-A6C34878D82A}">
                    <a16:rowId xmlns:a16="http://schemas.microsoft.com/office/drawing/2014/main" val="10001"/>
                  </a:ext>
                </a:extLst>
              </a:tr>
              <a:tr h="121630">
                <a:tc>
                  <a:txBody>
                    <a:bodyPr/>
                    <a:lstStyle/>
                    <a:p>
                      <a:pPr marL="1270" algn="ctr">
                        <a:lnSpc>
                          <a:spcPct val="100000"/>
                        </a:lnSpc>
                        <a:spcBef>
                          <a:spcPts val="370"/>
                        </a:spcBef>
                      </a:pPr>
                      <a:r>
                        <a:rPr sz="300" spc="-50" dirty="0">
                          <a:latin typeface="ＭＳ Ｐゴシック"/>
                          <a:cs typeface="ＭＳ Ｐゴシック"/>
                        </a:rPr>
                        <a:t>①</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8890">
                        <a:lnSpc>
                          <a:spcPct val="100000"/>
                        </a:lnSpc>
                        <a:spcBef>
                          <a:spcPts val="125"/>
                        </a:spcBef>
                      </a:pPr>
                      <a:r>
                        <a:rPr sz="300" spc="-40" dirty="0">
                          <a:latin typeface="ＭＳ Ｐゴシック"/>
                          <a:cs typeface="ＭＳ Ｐゴシック"/>
                        </a:rPr>
                        <a:t>ライフラインの維持に必要な橋梁</a:t>
                      </a:r>
                      <a:endParaRPr sz="300">
                        <a:latin typeface="ＭＳ Ｐゴシック"/>
                        <a:cs typeface="ＭＳ Ｐゴシック"/>
                      </a:endParaRPr>
                    </a:p>
                    <a:p>
                      <a:pPr marL="36195">
                        <a:lnSpc>
                          <a:spcPct val="100000"/>
                        </a:lnSpc>
                        <a:spcBef>
                          <a:spcPts val="30"/>
                        </a:spcBef>
                      </a:pPr>
                      <a:r>
                        <a:rPr sz="300" spc="-5" dirty="0">
                          <a:latin typeface="ＭＳ Ｐゴシック"/>
                          <a:cs typeface="ＭＳ Ｐゴシック"/>
                        </a:rPr>
                        <a:t>日常的に交通量が多く、水道管が添架されてる等で決定</a:t>
                      </a:r>
                      <a:endParaRPr sz="300">
                        <a:latin typeface="ＭＳ Ｐゴシック"/>
                        <a:cs typeface="ＭＳ Ｐゴシック"/>
                      </a:endParaRPr>
                    </a:p>
                  </a:txBody>
                  <a:tcPr marL="0" marR="0" marT="13575"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0"/>
                        </a:spcBef>
                      </a:pPr>
                      <a:r>
                        <a:rPr sz="300" spc="-25" dirty="0">
                          <a:latin typeface="ＭＳ Ｐゴシック"/>
                          <a:cs typeface="ＭＳ Ｐゴシック"/>
                        </a:rPr>
                        <a:t>30</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0"/>
                        </a:spcBef>
                      </a:pPr>
                      <a:r>
                        <a:rPr sz="300" spc="-25" dirty="0">
                          <a:latin typeface="ＭＳ Ｐゴシック"/>
                          <a:cs typeface="ＭＳ Ｐゴシック"/>
                        </a:rPr>
                        <a:t>30</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R="14604" algn="r">
                        <a:lnSpc>
                          <a:spcPct val="100000"/>
                        </a:lnSpc>
                        <a:spcBef>
                          <a:spcPts val="370"/>
                        </a:spcBef>
                      </a:pPr>
                      <a:r>
                        <a:rPr sz="300" spc="-25" dirty="0">
                          <a:latin typeface="ＭＳ Ｐゴシック"/>
                          <a:cs typeface="ＭＳ Ｐゴシック"/>
                        </a:rPr>
                        <a:t>10</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R="5715" algn="r">
                        <a:lnSpc>
                          <a:spcPct val="100000"/>
                        </a:lnSpc>
                        <a:spcBef>
                          <a:spcPts val="370"/>
                        </a:spcBef>
                      </a:pPr>
                      <a:r>
                        <a:rPr sz="300" b="1" spc="-25" dirty="0">
                          <a:solidFill>
                            <a:srgbClr val="FF0000"/>
                          </a:solidFill>
                          <a:latin typeface="Microsoft JhengHei"/>
                          <a:cs typeface="Microsoft JhengHei"/>
                        </a:rPr>
                        <a:t>20</a:t>
                      </a:r>
                      <a:endParaRPr sz="300">
                        <a:latin typeface="Microsoft JhengHei"/>
                        <a:cs typeface="Microsoft JhengHei"/>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0"/>
                        </a:spcBef>
                      </a:pPr>
                      <a:r>
                        <a:rPr sz="300" spc="-25" dirty="0">
                          <a:latin typeface="ＭＳ Ｐゴシック"/>
                          <a:cs typeface="ＭＳ Ｐゴシック"/>
                        </a:rPr>
                        <a:t>20</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0"/>
                        </a:spcBef>
                      </a:pPr>
                      <a:r>
                        <a:rPr sz="300" spc="-25" dirty="0">
                          <a:latin typeface="ＭＳ Ｐゴシック"/>
                          <a:cs typeface="ＭＳ Ｐゴシック"/>
                        </a:rPr>
                        <a:t>20</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0"/>
                        </a:spcBef>
                      </a:pPr>
                      <a:r>
                        <a:rPr sz="300" spc="-25" dirty="0">
                          <a:latin typeface="ＭＳ Ｐゴシック"/>
                          <a:cs typeface="ＭＳ Ｐゴシック"/>
                        </a:rPr>
                        <a:t>20</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extLst>
                  <a:ext uri="{0D108BD9-81ED-4DB2-BD59-A6C34878D82A}">
                    <a16:rowId xmlns:a16="http://schemas.microsoft.com/office/drawing/2014/main" val="10002"/>
                  </a:ext>
                </a:extLst>
              </a:tr>
              <a:tr h="122173">
                <a:tc>
                  <a:txBody>
                    <a:bodyPr/>
                    <a:lstStyle/>
                    <a:p>
                      <a:pPr marL="1270" algn="ctr">
                        <a:lnSpc>
                          <a:spcPct val="100000"/>
                        </a:lnSpc>
                        <a:spcBef>
                          <a:spcPts val="375"/>
                        </a:spcBef>
                      </a:pPr>
                      <a:r>
                        <a:rPr sz="300" spc="-50" dirty="0">
                          <a:latin typeface="ＭＳ Ｐゴシック"/>
                          <a:cs typeface="ＭＳ Ｐゴシック"/>
                        </a:rPr>
                        <a:t>②</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8890">
                        <a:lnSpc>
                          <a:spcPct val="100000"/>
                        </a:lnSpc>
                        <a:spcBef>
                          <a:spcPts val="135"/>
                        </a:spcBef>
                      </a:pPr>
                      <a:r>
                        <a:rPr sz="300" spc="-35" dirty="0">
                          <a:latin typeface="ＭＳ Ｐゴシック"/>
                          <a:cs typeface="ＭＳ Ｐゴシック"/>
                        </a:rPr>
                        <a:t>津波発生時の避難路</a:t>
                      </a:r>
                      <a:endParaRPr sz="300">
                        <a:latin typeface="ＭＳ Ｐゴシック"/>
                        <a:cs typeface="ＭＳ Ｐゴシック"/>
                      </a:endParaRPr>
                    </a:p>
                    <a:p>
                      <a:pPr marL="36195">
                        <a:lnSpc>
                          <a:spcPct val="100000"/>
                        </a:lnSpc>
                        <a:spcBef>
                          <a:spcPts val="15"/>
                        </a:spcBef>
                      </a:pPr>
                      <a:r>
                        <a:rPr sz="300" spc="-5" dirty="0">
                          <a:latin typeface="ＭＳ Ｐゴシック"/>
                          <a:cs typeface="ＭＳ Ｐゴシック"/>
                        </a:rPr>
                        <a:t>津波時の緊急避難場所への避難経路として想定される橋梁</a:t>
                      </a:r>
                      <a:endParaRPr sz="300">
                        <a:latin typeface="ＭＳ Ｐゴシック"/>
                        <a:cs typeface="ＭＳ Ｐゴシック"/>
                      </a:endParaRPr>
                    </a:p>
                  </a:txBody>
                  <a:tcPr marL="0" marR="0" marT="1466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46</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16</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R="14604" algn="r">
                        <a:lnSpc>
                          <a:spcPct val="100000"/>
                        </a:lnSpc>
                        <a:spcBef>
                          <a:spcPts val="375"/>
                        </a:spcBef>
                      </a:pPr>
                      <a:r>
                        <a:rPr sz="300" spc="-50" dirty="0">
                          <a:latin typeface="ＭＳ Ｐゴシック"/>
                          <a:cs typeface="ＭＳ Ｐゴシック"/>
                        </a:rPr>
                        <a:t>2</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4604" algn="ctr">
                        <a:lnSpc>
                          <a:spcPct val="100000"/>
                        </a:lnSpc>
                        <a:spcBef>
                          <a:spcPts val="375"/>
                        </a:spcBef>
                      </a:pPr>
                      <a:r>
                        <a:rPr sz="300" spc="-50" dirty="0">
                          <a:latin typeface="ＭＳ Ｐゴシック"/>
                          <a:cs typeface="ＭＳ Ｐゴシック"/>
                        </a:rPr>
                        <a:t>-</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R="5715" algn="r">
                        <a:lnSpc>
                          <a:spcPct val="100000"/>
                        </a:lnSpc>
                        <a:spcBef>
                          <a:spcPts val="375"/>
                        </a:spcBef>
                      </a:pPr>
                      <a:r>
                        <a:rPr sz="300" b="1" spc="-35" dirty="0">
                          <a:solidFill>
                            <a:srgbClr val="FF0000"/>
                          </a:solidFill>
                          <a:latin typeface="Microsoft JhengHei"/>
                          <a:cs typeface="Microsoft JhengHei"/>
                        </a:rPr>
                        <a:t>1</a:t>
                      </a:r>
                      <a:r>
                        <a:rPr sz="300" b="1" spc="-40" dirty="0">
                          <a:solidFill>
                            <a:srgbClr val="FF0000"/>
                          </a:solidFill>
                          <a:latin typeface="Microsoft JhengHei"/>
                          <a:cs typeface="Microsoft JhengHei"/>
                        </a:rPr>
                        <a:t> </a:t>
                      </a:r>
                      <a:r>
                        <a:rPr sz="300" b="1" spc="-60" dirty="0">
                          <a:solidFill>
                            <a:srgbClr val="FF0000"/>
                          </a:solidFill>
                          <a:latin typeface="Microsoft JhengHei"/>
                          <a:cs typeface="Microsoft JhengHei"/>
                        </a:rPr>
                        <a:t>4</a:t>
                      </a:r>
                      <a:endParaRPr sz="300">
                        <a:latin typeface="Microsoft JhengHei"/>
                        <a:cs typeface="Microsoft JhengHei"/>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14</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14</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extLst>
                  <a:ext uri="{0D108BD9-81ED-4DB2-BD59-A6C34878D82A}">
                    <a16:rowId xmlns:a16="http://schemas.microsoft.com/office/drawing/2014/main" val="10003"/>
                  </a:ext>
                </a:extLst>
              </a:tr>
              <a:tr h="122173">
                <a:tc>
                  <a:txBody>
                    <a:bodyPr/>
                    <a:lstStyle/>
                    <a:p>
                      <a:pPr marL="1270" algn="ctr">
                        <a:lnSpc>
                          <a:spcPct val="100000"/>
                        </a:lnSpc>
                        <a:spcBef>
                          <a:spcPts val="375"/>
                        </a:spcBef>
                      </a:pPr>
                      <a:r>
                        <a:rPr sz="300" spc="-50" dirty="0">
                          <a:latin typeface="ＭＳ Ｐゴシック"/>
                          <a:cs typeface="ＭＳ Ｐゴシック"/>
                        </a:rPr>
                        <a:t>③</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8890">
                        <a:lnSpc>
                          <a:spcPct val="100000"/>
                        </a:lnSpc>
                        <a:spcBef>
                          <a:spcPts val="135"/>
                        </a:spcBef>
                      </a:pPr>
                      <a:r>
                        <a:rPr sz="300" spc="-40" dirty="0">
                          <a:latin typeface="ＭＳ Ｐゴシック"/>
                          <a:cs typeface="ＭＳ Ｐゴシック"/>
                        </a:rPr>
                        <a:t>災害時に橋梁が損傷した場合孤立発生の有無</a:t>
                      </a:r>
                      <a:endParaRPr sz="300">
                        <a:latin typeface="ＭＳ Ｐゴシック"/>
                        <a:cs typeface="ＭＳ Ｐゴシック"/>
                      </a:endParaRPr>
                    </a:p>
                    <a:p>
                      <a:pPr marL="36195">
                        <a:lnSpc>
                          <a:spcPct val="100000"/>
                        </a:lnSpc>
                        <a:spcBef>
                          <a:spcPts val="15"/>
                        </a:spcBef>
                      </a:pPr>
                      <a:r>
                        <a:rPr sz="300" spc="-10" dirty="0">
                          <a:latin typeface="ＭＳ Ｐゴシック"/>
                          <a:cs typeface="ＭＳ Ｐゴシック"/>
                        </a:rPr>
                        <a:t>災害での橋梁損傷により民家の孤立が想定される橋梁</a:t>
                      </a:r>
                      <a:endParaRPr sz="300">
                        <a:latin typeface="ＭＳ Ｐゴシック"/>
                        <a:cs typeface="ＭＳ Ｐゴシック"/>
                      </a:endParaRPr>
                    </a:p>
                  </a:txBody>
                  <a:tcPr marL="0" marR="0" marT="1466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31</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15</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R="14604" algn="r">
                        <a:lnSpc>
                          <a:spcPct val="100000"/>
                        </a:lnSpc>
                        <a:spcBef>
                          <a:spcPts val="375"/>
                        </a:spcBef>
                      </a:pPr>
                      <a:r>
                        <a:rPr sz="300" spc="-50" dirty="0">
                          <a:latin typeface="ＭＳ Ｐゴシック"/>
                          <a:cs typeface="ＭＳ Ｐゴシック"/>
                        </a:rPr>
                        <a:t>3</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4604" algn="ctr">
                        <a:lnSpc>
                          <a:spcPct val="100000"/>
                        </a:lnSpc>
                        <a:spcBef>
                          <a:spcPts val="375"/>
                        </a:spcBef>
                      </a:pPr>
                      <a:r>
                        <a:rPr sz="300" spc="-50" dirty="0">
                          <a:latin typeface="ＭＳ Ｐゴシック"/>
                          <a:cs typeface="ＭＳ Ｐゴシック"/>
                        </a:rPr>
                        <a:t>-</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95580">
                        <a:lnSpc>
                          <a:spcPct val="100000"/>
                        </a:lnSpc>
                        <a:spcBef>
                          <a:spcPts val="375"/>
                        </a:spcBef>
                      </a:pPr>
                      <a:r>
                        <a:rPr sz="300" spc="-50" dirty="0">
                          <a:latin typeface="ＭＳ Ｐゴシック"/>
                          <a:cs typeface="ＭＳ Ｐゴシック"/>
                        </a:rPr>
                        <a:t>-</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R="5715" algn="r">
                        <a:lnSpc>
                          <a:spcPct val="100000"/>
                        </a:lnSpc>
                        <a:spcBef>
                          <a:spcPts val="375"/>
                        </a:spcBef>
                      </a:pPr>
                      <a:r>
                        <a:rPr sz="300" b="1" spc="-35" dirty="0">
                          <a:solidFill>
                            <a:srgbClr val="FF0000"/>
                          </a:solidFill>
                          <a:latin typeface="Microsoft JhengHei"/>
                          <a:cs typeface="Microsoft JhengHei"/>
                        </a:rPr>
                        <a:t>1 </a:t>
                      </a:r>
                      <a:r>
                        <a:rPr sz="300" b="1" spc="-50" dirty="0">
                          <a:solidFill>
                            <a:srgbClr val="FF0000"/>
                          </a:solidFill>
                          <a:latin typeface="Microsoft JhengHei"/>
                          <a:cs typeface="Microsoft JhengHei"/>
                        </a:rPr>
                        <a:t>2</a:t>
                      </a:r>
                      <a:endParaRPr sz="300">
                        <a:latin typeface="Microsoft JhengHei"/>
                        <a:cs typeface="Microsoft JhengHei"/>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12</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extLst>
                  <a:ext uri="{0D108BD9-81ED-4DB2-BD59-A6C34878D82A}">
                    <a16:rowId xmlns:a16="http://schemas.microsoft.com/office/drawing/2014/main" val="10004"/>
                  </a:ext>
                </a:extLst>
              </a:tr>
              <a:tr h="122173">
                <a:tc>
                  <a:txBody>
                    <a:bodyPr/>
                    <a:lstStyle/>
                    <a:p>
                      <a:pPr marL="1270" algn="ctr">
                        <a:lnSpc>
                          <a:spcPct val="100000"/>
                        </a:lnSpc>
                        <a:spcBef>
                          <a:spcPts val="380"/>
                        </a:spcBef>
                      </a:pPr>
                      <a:r>
                        <a:rPr sz="300" spc="-50" dirty="0">
                          <a:latin typeface="ＭＳ Ｐゴシック"/>
                          <a:cs typeface="ＭＳ Ｐゴシック"/>
                        </a:rPr>
                        <a:t>④</a:t>
                      </a:r>
                      <a:endParaRPr sz="300">
                        <a:latin typeface="ＭＳ Ｐゴシック"/>
                        <a:cs typeface="ＭＳ Ｐゴシック"/>
                      </a:endParaRPr>
                    </a:p>
                  </a:txBody>
                  <a:tcPr marL="0" marR="0" marT="4126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8890">
                        <a:lnSpc>
                          <a:spcPct val="100000"/>
                        </a:lnSpc>
                        <a:spcBef>
                          <a:spcPts val="125"/>
                        </a:spcBef>
                      </a:pPr>
                      <a:r>
                        <a:rPr sz="300" spc="-40" dirty="0">
                          <a:latin typeface="ＭＳ Ｐゴシック"/>
                          <a:cs typeface="ＭＳ Ｐゴシック"/>
                        </a:rPr>
                        <a:t>緊急輸送道路に接続する橋梁</a:t>
                      </a:r>
                      <a:endParaRPr sz="300">
                        <a:latin typeface="ＭＳ Ｐゴシック"/>
                        <a:cs typeface="ＭＳ Ｐゴシック"/>
                      </a:endParaRPr>
                    </a:p>
                    <a:p>
                      <a:pPr marL="36195">
                        <a:lnSpc>
                          <a:spcPct val="100000"/>
                        </a:lnSpc>
                        <a:spcBef>
                          <a:spcPts val="30"/>
                        </a:spcBef>
                      </a:pPr>
                      <a:r>
                        <a:rPr sz="300" spc="-15" dirty="0">
                          <a:latin typeface="ＭＳ Ｐゴシック"/>
                          <a:cs typeface="ＭＳ Ｐゴシック"/>
                        </a:rPr>
                        <a:t>緊急輸送道路に接続する町道に架かる橋梁</a:t>
                      </a:r>
                      <a:endParaRPr sz="300">
                        <a:latin typeface="ＭＳ Ｐゴシック"/>
                        <a:cs typeface="ＭＳ Ｐゴシック"/>
                      </a:endParaRPr>
                    </a:p>
                  </a:txBody>
                  <a:tcPr marL="0" marR="0" marT="13575"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80"/>
                        </a:spcBef>
                      </a:pPr>
                      <a:r>
                        <a:rPr sz="300" spc="-25" dirty="0">
                          <a:latin typeface="ＭＳ Ｐゴシック"/>
                          <a:cs typeface="ＭＳ Ｐゴシック"/>
                        </a:rPr>
                        <a:t>14</a:t>
                      </a:r>
                      <a:endParaRPr sz="300">
                        <a:latin typeface="ＭＳ Ｐゴシック"/>
                        <a:cs typeface="ＭＳ Ｐゴシック"/>
                      </a:endParaRPr>
                    </a:p>
                  </a:txBody>
                  <a:tcPr marL="0" marR="0" marT="4126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80"/>
                        </a:spcBef>
                      </a:pPr>
                      <a:r>
                        <a:rPr sz="300" spc="-25" dirty="0">
                          <a:latin typeface="ＭＳ Ｐゴシック"/>
                          <a:cs typeface="ＭＳ Ｐゴシック"/>
                        </a:rPr>
                        <a:t>10</a:t>
                      </a:r>
                      <a:endParaRPr sz="300">
                        <a:latin typeface="ＭＳ Ｐゴシック"/>
                        <a:cs typeface="ＭＳ Ｐゴシック"/>
                      </a:endParaRPr>
                    </a:p>
                  </a:txBody>
                  <a:tcPr marL="0" marR="0" marT="4126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R="14604" algn="r">
                        <a:lnSpc>
                          <a:spcPct val="100000"/>
                        </a:lnSpc>
                        <a:spcBef>
                          <a:spcPts val="380"/>
                        </a:spcBef>
                      </a:pPr>
                      <a:r>
                        <a:rPr sz="300" spc="-50" dirty="0">
                          <a:latin typeface="ＭＳ Ｐゴシック"/>
                          <a:cs typeface="ＭＳ Ｐゴシック"/>
                        </a:rPr>
                        <a:t>3</a:t>
                      </a:r>
                      <a:endParaRPr sz="300">
                        <a:latin typeface="ＭＳ Ｐゴシック"/>
                        <a:cs typeface="ＭＳ Ｐゴシック"/>
                      </a:endParaRPr>
                    </a:p>
                  </a:txBody>
                  <a:tcPr marL="0" marR="0" marT="4126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4604" algn="ctr">
                        <a:lnSpc>
                          <a:spcPct val="100000"/>
                        </a:lnSpc>
                        <a:spcBef>
                          <a:spcPts val="380"/>
                        </a:spcBef>
                      </a:pPr>
                      <a:r>
                        <a:rPr sz="300" spc="-50" dirty="0">
                          <a:latin typeface="ＭＳ Ｐゴシック"/>
                          <a:cs typeface="ＭＳ Ｐゴシック"/>
                        </a:rPr>
                        <a:t>-</a:t>
                      </a:r>
                      <a:endParaRPr sz="300">
                        <a:latin typeface="ＭＳ Ｐゴシック"/>
                        <a:cs typeface="ＭＳ Ｐゴシック"/>
                      </a:endParaRPr>
                    </a:p>
                  </a:txBody>
                  <a:tcPr marL="0" marR="0" marT="4126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95580">
                        <a:lnSpc>
                          <a:spcPct val="100000"/>
                        </a:lnSpc>
                        <a:spcBef>
                          <a:spcPts val="380"/>
                        </a:spcBef>
                      </a:pPr>
                      <a:r>
                        <a:rPr sz="300" spc="-50" dirty="0">
                          <a:latin typeface="ＭＳ Ｐゴシック"/>
                          <a:cs typeface="ＭＳ Ｐゴシック"/>
                        </a:rPr>
                        <a:t>-</a:t>
                      </a:r>
                      <a:endParaRPr sz="300">
                        <a:latin typeface="ＭＳ Ｐゴシック"/>
                        <a:cs typeface="ＭＳ Ｐゴシック"/>
                      </a:endParaRPr>
                    </a:p>
                  </a:txBody>
                  <a:tcPr marL="0" marR="0" marT="4126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205104">
                        <a:lnSpc>
                          <a:spcPct val="100000"/>
                        </a:lnSpc>
                        <a:spcBef>
                          <a:spcPts val="380"/>
                        </a:spcBef>
                      </a:pPr>
                      <a:r>
                        <a:rPr sz="300" spc="-50" dirty="0">
                          <a:latin typeface="ＭＳ Ｐゴシック"/>
                          <a:cs typeface="ＭＳ Ｐゴシック"/>
                        </a:rPr>
                        <a:t>-</a:t>
                      </a:r>
                      <a:endParaRPr sz="300">
                        <a:latin typeface="ＭＳ Ｐゴシック"/>
                        <a:cs typeface="ＭＳ Ｐゴシック"/>
                      </a:endParaRPr>
                    </a:p>
                  </a:txBody>
                  <a:tcPr marL="0" marR="0" marT="4126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R="5715" algn="r">
                        <a:lnSpc>
                          <a:spcPct val="100000"/>
                        </a:lnSpc>
                        <a:spcBef>
                          <a:spcPts val="380"/>
                        </a:spcBef>
                      </a:pPr>
                      <a:r>
                        <a:rPr sz="300" b="1" spc="-50" dirty="0">
                          <a:solidFill>
                            <a:srgbClr val="FF0000"/>
                          </a:solidFill>
                          <a:latin typeface="Microsoft JhengHei"/>
                          <a:cs typeface="Microsoft JhengHei"/>
                        </a:rPr>
                        <a:t>7</a:t>
                      </a:r>
                      <a:endParaRPr sz="300">
                        <a:latin typeface="Microsoft JhengHei"/>
                        <a:cs typeface="Microsoft JhengHei"/>
                      </a:endParaRPr>
                    </a:p>
                  </a:txBody>
                  <a:tcPr marL="0" marR="0" marT="4126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extLst>
                  <a:ext uri="{0D108BD9-81ED-4DB2-BD59-A6C34878D82A}">
                    <a16:rowId xmlns:a16="http://schemas.microsoft.com/office/drawing/2014/main" val="10005"/>
                  </a:ext>
                </a:extLst>
              </a:tr>
              <a:tr h="121630">
                <a:tc>
                  <a:txBody>
                    <a:bodyPr/>
                    <a:lstStyle/>
                    <a:p>
                      <a:pPr marL="1270" algn="ctr">
                        <a:lnSpc>
                          <a:spcPct val="100000"/>
                        </a:lnSpc>
                        <a:spcBef>
                          <a:spcPts val="370"/>
                        </a:spcBef>
                      </a:pPr>
                      <a:r>
                        <a:rPr sz="300" spc="-50" dirty="0">
                          <a:latin typeface="ＭＳ Ｐゴシック"/>
                          <a:cs typeface="ＭＳ Ｐゴシック"/>
                        </a:rPr>
                        <a:t>⑤</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nSpc>
                          <a:spcPct val="100000"/>
                        </a:lnSpc>
                        <a:spcBef>
                          <a:spcPts val="60"/>
                        </a:spcBef>
                      </a:pPr>
                      <a:endParaRPr sz="300">
                        <a:latin typeface="Times New Roman"/>
                        <a:cs typeface="Times New Roman"/>
                      </a:endParaRPr>
                    </a:p>
                    <a:p>
                      <a:pPr marL="8890">
                        <a:lnSpc>
                          <a:spcPct val="100000"/>
                        </a:lnSpc>
                      </a:pPr>
                      <a:r>
                        <a:rPr sz="300" spc="-15" dirty="0">
                          <a:latin typeface="ＭＳ Ｐゴシック"/>
                          <a:cs typeface="ＭＳ Ｐゴシック"/>
                        </a:rPr>
                        <a:t>上記条件に該当しない橋梁</a:t>
                      </a:r>
                      <a:endParaRPr sz="300">
                        <a:latin typeface="ＭＳ Ｐゴシック"/>
                        <a:cs typeface="ＭＳ Ｐゴシック"/>
                      </a:endParaRPr>
                    </a:p>
                  </a:txBody>
                  <a:tcPr marL="0" marR="0" marT="6516"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0"/>
                        </a:spcBef>
                      </a:pPr>
                      <a:r>
                        <a:rPr sz="300" spc="-25" dirty="0">
                          <a:latin typeface="ＭＳ Ｐゴシック"/>
                          <a:cs typeface="ＭＳ Ｐゴシック"/>
                        </a:rPr>
                        <a:t>44</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33350">
                        <a:lnSpc>
                          <a:spcPct val="100000"/>
                        </a:lnSpc>
                        <a:spcBef>
                          <a:spcPts val="370"/>
                        </a:spcBef>
                      </a:pPr>
                      <a:r>
                        <a:rPr sz="300" spc="-50" dirty="0">
                          <a:latin typeface="ＭＳ Ｐゴシック"/>
                          <a:cs typeface="ＭＳ Ｐゴシック"/>
                        </a:rPr>
                        <a:t>-</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00965">
                        <a:lnSpc>
                          <a:spcPct val="100000"/>
                        </a:lnSpc>
                        <a:spcBef>
                          <a:spcPts val="370"/>
                        </a:spcBef>
                      </a:pPr>
                      <a:r>
                        <a:rPr sz="300" spc="-50" dirty="0">
                          <a:latin typeface="ＭＳ Ｐゴシック"/>
                          <a:cs typeface="ＭＳ Ｐゴシック"/>
                        </a:rPr>
                        <a:t>-</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4604" algn="ctr">
                        <a:lnSpc>
                          <a:spcPct val="100000"/>
                        </a:lnSpc>
                        <a:spcBef>
                          <a:spcPts val="370"/>
                        </a:spcBef>
                      </a:pPr>
                      <a:r>
                        <a:rPr sz="300" spc="-50" dirty="0">
                          <a:latin typeface="ＭＳ Ｐゴシック"/>
                          <a:cs typeface="ＭＳ Ｐゴシック"/>
                        </a:rPr>
                        <a:t>-</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95580">
                        <a:lnSpc>
                          <a:spcPct val="100000"/>
                        </a:lnSpc>
                        <a:spcBef>
                          <a:spcPts val="370"/>
                        </a:spcBef>
                      </a:pPr>
                      <a:r>
                        <a:rPr sz="300" spc="-50" dirty="0">
                          <a:latin typeface="ＭＳ Ｐゴシック"/>
                          <a:cs typeface="ＭＳ Ｐゴシック"/>
                        </a:rPr>
                        <a:t>-</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205104">
                        <a:lnSpc>
                          <a:spcPct val="100000"/>
                        </a:lnSpc>
                        <a:spcBef>
                          <a:spcPts val="370"/>
                        </a:spcBef>
                      </a:pPr>
                      <a:r>
                        <a:rPr sz="300" spc="-50" dirty="0">
                          <a:latin typeface="ＭＳ Ｐゴシック"/>
                          <a:cs typeface="ＭＳ Ｐゴシック"/>
                        </a:rPr>
                        <a:t>-</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203200">
                        <a:lnSpc>
                          <a:spcPct val="100000"/>
                        </a:lnSpc>
                        <a:spcBef>
                          <a:spcPts val="370"/>
                        </a:spcBef>
                      </a:pPr>
                      <a:r>
                        <a:rPr sz="300" spc="-50" dirty="0">
                          <a:latin typeface="ＭＳ Ｐゴシック"/>
                          <a:cs typeface="ＭＳ Ｐゴシック"/>
                        </a:rPr>
                        <a:t>-</a:t>
                      </a:r>
                      <a:endParaRPr sz="300">
                        <a:latin typeface="ＭＳ Ｐゴシック"/>
                        <a:cs typeface="ＭＳ Ｐゴシック"/>
                      </a:endParaRPr>
                    </a:p>
                  </a:txBody>
                  <a:tcPr marL="0" marR="0" marT="40181"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extLst>
                  <a:ext uri="{0D108BD9-81ED-4DB2-BD59-A6C34878D82A}">
                    <a16:rowId xmlns:a16="http://schemas.microsoft.com/office/drawing/2014/main" val="10006"/>
                  </a:ext>
                </a:extLst>
              </a:tr>
              <a:tr h="122173">
                <a:tc>
                  <a:txBody>
                    <a:bodyPr/>
                    <a:lstStyle/>
                    <a:p>
                      <a:pPr marL="1270" algn="ctr">
                        <a:lnSpc>
                          <a:spcPct val="100000"/>
                        </a:lnSpc>
                        <a:spcBef>
                          <a:spcPts val="375"/>
                        </a:spcBef>
                      </a:pPr>
                      <a:r>
                        <a:rPr sz="300" spc="-50" dirty="0">
                          <a:latin typeface="ＭＳ Ｐゴシック"/>
                          <a:cs typeface="ＭＳ Ｐゴシック"/>
                        </a:rPr>
                        <a:t>⑥</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nSpc>
                          <a:spcPct val="100000"/>
                        </a:lnSpc>
                        <a:spcBef>
                          <a:spcPts val="65"/>
                        </a:spcBef>
                      </a:pPr>
                      <a:endParaRPr sz="300">
                        <a:latin typeface="Times New Roman"/>
                        <a:cs typeface="Times New Roman"/>
                      </a:endParaRPr>
                    </a:p>
                    <a:p>
                      <a:pPr marL="8890">
                        <a:lnSpc>
                          <a:spcPct val="100000"/>
                        </a:lnSpc>
                        <a:spcBef>
                          <a:spcPts val="5"/>
                        </a:spcBef>
                      </a:pPr>
                      <a:r>
                        <a:rPr sz="300" dirty="0">
                          <a:latin typeface="ＭＳ Ｐゴシック"/>
                          <a:cs typeface="ＭＳ Ｐゴシック"/>
                        </a:rPr>
                        <a:t>集約撤去予定橋梁（</a:t>
                      </a:r>
                      <a:r>
                        <a:rPr sz="300" spc="-5" dirty="0">
                          <a:latin typeface="ＭＳ Ｐゴシック"/>
                          <a:cs typeface="ＭＳ Ｐゴシック"/>
                        </a:rPr>
                        <a:t>対象から除外</a:t>
                      </a:r>
                      <a:r>
                        <a:rPr sz="300" spc="-50" dirty="0">
                          <a:latin typeface="ＭＳ Ｐゴシック"/>
                          <a:cs typeface="ＭＳ Ｐゴシック"/>
                        </a:rPr>
                        <a:t>）</a:t>
                      </a:r>
                      <a:endParaRPr sz="300">
                        <a:latin typeface="ＭＳ Ｐゴシック"/>
                        <a:cs typeface="ＭＳ Ｐゴシック"/>
                      </a:endParaRPr>
                    </a:p>
                  </a:txBody>
                  <a:tcPr marL="0" marR="0" marT="7059"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D8D8D8"/>
                    </a:solidFill>
                  </a:tcPr>
                </a:tc>
                <a:tc>
                  <a:txBody>
                    <a:bodyPr/>
                    <a:lstStyle/>
                    <a:p>
                      <a:pPr algn="r">
                        <a:lnSpc>
                          <a:spcPct val="100000"/>
                        </a:lnSpc>
                        <a:spcBef>
                          <a:spcPts val="375"/>
                        </a:spcBef>
                      </a:pPr>
                      <a:r>
                        <a:rPr sz="300" spc="-50" dirty="0">
                          <a:latin typeface="ＭＳ Ｐゴシック"/>
                          <a:cs typeface="ＭＳ Ｐゴシック"/>
                        </a:rPr>
                        <a:t>4</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D8D8D8"/>
                    </a:solidFill>
                  </a:tcPr>
                </a:tc>
                <a:tc>
                  <a:txBody>
                    <a:bodyPr/>
                    <a:lstStyle/>
                    <a:p>
                      <a:pPr marL="133985">
                        <a:lnSpc>
                          <a:spcPct val="100000"/>
                        </a:lnSpc>
                        <a:spcBef>
                          <a:spcPts val="375"/>
                        </a:spcBef>
                      </a:pPr>
                      <a:r>
                        <a:rPr sz="300" spc="-50" dirty="0">
                          <a:latin typeface="ＭＳ Ｐゴシック"/>
                          <a:cs typeface="ＭＳ Ｐゴシック"/>
                        </a:rPr>
                        <a:t>-</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00965">
                        <a:lnSpc>
                          <a:spcPct val="100000"/>
                        </a:lnSpc>
                        <a:spcBef>
                          <a:spcPts val="375"/>
                        </a:spcBef>
                      </a:pPr>
                      <a:r>
                        <a:rPr sz="300" spc="-50" dirty="0">
                          <a:latin typeface="ＭＳ Ｐゴシック"/>
                          <a:cs typeface="ＭＳ Ｐゴシック"/>
                        </a:rPr>
                        <a:t>-</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4604" algn="ctr">
                        <a:lnSpc>
                          <a:spcPct val="100000"/>
                        </a:lnSpc>
                        <a:spcBef>
                          <a:spcPts val="375"/>
                        </a:spcBef>
                      </a:pPr>
                      <a:r>
                        <a:rPr sz="300" spc="-50" dirty="0">
                          <a:latin typeface="ＭＳ Ｐゴシック"/>
                          <a:cs typeface="ＭＳ Ｐゴシック"/>
                        </a:rPr>
                        <a:t>-</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195580">
                        <a:lnSpc>
                          <a:spcPct val="100000"/>
                        </a:lnSpc>
                        <a:spcBef>
                          <a:spcPts val="375"/>
                        </a:spcBef>
                      </a:pPr>
                      <a:r>
                        <a:rPr sz="300" spc="-50" dirty="0">
                          <a:latin typeface="ＭＳ Ｐゴシック"/>
                          <a:cs typeface="ＭＳ Ｐゴシック"/>
                        </a:rPr>
                        <a:t>-</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205104">
                        <a:lnSpc>
                          <a:spcPct val="100000"/>
                        </a:lnSpc>
                        <a:spcBef>
                          <a:spcPts val="375"/>
                        </a:spcBef>
                      </a:pPr>
                      <a:r>
                        <a:rPr sz="300" spc="-50" dirty="0">
                          <a:latin typeface="ＭＳ Ｐゴシック"/>
                          <a:cs typeface="ＭＳ Ｐゴシック"/>
                        </a:rPr>
                        <a:t>-</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L="203200">
                        <a:lnSpc>
                          <a:spcPct val="100000"/>
                        </a:lnSpc>
                        <a:spcBef>
                          <a:spcPts val="375"/>
                        </a:spcBef>
                      </a:pPr>
                      <a:r>
                        <a:rPr sz="300" spc="-50" dirty="0">
                          <a:latin typeface="ＭＳ Ｐゴシック"/>
                          <a:cs typeface="ＭＳ Ｐゴシック"/>
                        </a:rPr>
                        <a:t>-</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extLst>
                  <a:ext uri="{0D108BD9-81ED-4DB2-BD59-A6C34878D82A}">
                    <a16:rowId xmlns:a16="http://schemas.microsoft.com/office/drawing/2014/main" val="10007"/>
                  </a:ext>
                </a:extLst>
              </a:tr>
              <a:tr h="122173">
                <a:tc gridSpan="2">
                  <a:txBody>
                    <a:bodyPr/>
                    <a:lstStyle/>
                    <a:p>
                      <a:pPr>
                        <a:lnSpc>
                          <a:spcPct val="100000"/>
                        </a:lnSpc>
                        <a:spcBef>
                          <a:spcPts val="45"/>
                        </a:spcBef>
                      </a:pPr>
                      <a:endParaRPr sz="300">
                        <a:latin typeface="Times New Roman"/>
                        <a:cs typeface="Times New Roman"/>
                      </a:endParaRPr>
                    </a:p>
                    <a:p>
                      <a:pPr algn="ctr">
                        <a:lnSpc>
                          <a:spcPct val="100000"/>
                        </a:lnSpc>
                      </a:pPr>
                      <a:r>
                        <a:rPr sz="300" spc="-50" dirty="0">
                          <a:latin typeface="ＭＳ Ｐゴシック"/>
                          <a:cs typeface="ＭＳ Ｐゴシック"/>
                        </a:rPr>
                        <a:t>計</a:t>
                      </a:r>
                      <a:endParaRPr sz="300">
                        <a:latin typeface="ＭＳ Ｐゴシック"/>
                        <a:cs typeface="ＭＳ Ｐゴシック"/>
                      </a:endParaRPr>
                    </a:p>
                  </a:txBody>
                  <a:tcPr marL="0" marR="0" marT="4887"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hMerge="1">
                  <a:txBody>
                    <a:bodyPr/>
                    <a:lstStyle/>
                    <a:p>
                      <a:endParaRPr/>
                    </a:p>
                  </a:txBody>
                  <a:tcPr marL="0" marR="0" marT="0" marB="0"/>
                </a:tc>
                <a:tc>
                  <a:txBody>
                    <a:bodyPr/>
                    <a:lstStyle/>
                    <a:p>
                      <a:pPr algn="r">
                        <a:lnSpc>
                          <a:spcPct val="100000"/>
                        </a:lnSpc>
                        <a:spcBef>
                          <a:spcPts val="375"/>
                        </a:spcBef>
                      </a:pPr>
                      <a:r>
                        <a:rPr sz="300" spc="-25" dirty="0">
                          <a:latin typeface="ＭＳ Ｐゴシック"/>
                          <a:cs typeface="ＭＳ Ｐゴシック"/>
                        </a:rPr>
                        <a:t>169</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71</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marR="14604" algn="r">
                        <a:lnSpc>
                          <a:spcPct val="100000"/>
                        </a:lnSpc>
                        <a:spcBef>
                          <a:spcPts val="375"/>
                        </a:spcBef>
                      </a:pPr>
                      <a:r>
                        <a:rPr sz="300" spc="-25" dirty="0">
                          <a:latin typeface="ＭＳ Ｐゴシック"/>
                          <a:cs typeface="ＭＳ Ｐゴシック"/>
                        </a:rPr>
                        <a:t>18</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38</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52</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64</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tc>
                  <a:txBody>
                    <a:bodyPr/>
                    <a:lstStyle/>
                    <a:p>
                      <a:pPr algn="r">
                        <a:lnSpc>
                          <a:spcPct val="100000"/>
                        </a:lnSpc>
                        <a:spcBef>
                          <a:spcPts val="375"/>
                        </a:spcBef>
                      </a:pPr>
                      <a:r>
                        <a:rPr sz="300" spc="-25" dirty="0">
                          <a:latin typeface="ＭＳ Ｐゴシック"/>
                          <a:cs typeface="ＭＳ Ｐゴシック"/>
                        </a:rPr>
                        <a:t>71</a:t>
                      </a:r>
                      <a:endParaRPr sz="300">
                        <a:latin typeface="ＭＳ Ｐゴシック"/>
                        <a:cs typeface="ＭＳ Ｐゴシック"/>
                      </a:endParaRPr>
                    </a:p>
                  </a:txBody>
                  <a:tcPr marL="0" marR="0" marT="40724" marB="0">
                    <a:lnL w="6350">
                      <a:solidFill>
                        <a:srgbClr val="000000"/>
                      </a:solidFill>
                      <a:prstDash val="solid"/>
                    </a:lnL>
                    <a:lnR w="6350">
                      <a:solidFill>
                        <a:srgbClr val="000000"/>
                      </a:solidFill>
                      <a:prstDash val="solid"/>
                    </a:lnR>
                    <a:lnT w="6350">
                      <a:solidFill>
                        <a:srgbClr val="000000"/>
                      </a:solidFill>
                      <a:prstDash val="solid"/>
                    </a:lnT>
                    <a:lnB w="6350">
                      <a:solidFill>
                        <a:srgbClr val="000000"/>
                      </a:solidFill>
                      <a:prstDash val="solid"/>
                    </a:lnB>
                    <a:solidFill>
                      <a:srgbClr val="FFFFFF"/>
                    </a:solidFill>
                  </a:tcPr>
                </a:tc>
                <a:extLst>
                  <a:ext uri="{0D108BD9-81ED-4DB2-BD59-A6C34878D82A}">
                    <a16:rowId xmlns:a16="http://schemas.microsoft.com/office/drawing/2014/main" val="10008"/>
                  </a:ext>
                </a:extLst>
              </a:tr>
            </a:tbl>
          </a:graphicData>
        </a:graphic>
      </p:graphicFrame>
      <p:pic>
        <p:nvPicPr>
          <p:cNvPr id="16" name="object 16"/>
          <p:cNvPicPr/>
          <p:nvPr/>
        </p:nvPicPr>
        <p:blipFill>
          <a:blip r:embed="rId2" cstate="print"/>
          <a:stretch>
            <a:fillRect/>
          </a:stretch>
        </p:blipFill>
        <p:spPr>
          <a:xfrm>
            <a:off x="3583753" y="5426454"/>
            <a:ext cx="1305789" cy="745420"/>
          </a:xfrm>
          <a:prstGeom prst="rect">
            <a:avLst/>
          </a:prstGeom>
        </p:spPr>
      </p:pic>
      <p:sp>
        <p:nvSpPr>
          <p:cNvPr id="17" name="object 17"/>
          <p:cNvSpPr txBox="1"/>
          <p:nvPr/>
        </p:nvSpPr>
        <p:spPr>
          <a:xfrm>
            <a:off x="3619986" y="5021906"/>
            <a:ext cx="1194584" cy="296670"/>
          </a:xfrm>
          <a:prstGeom prst="rect">
            <a:avLst/>
          </a:prstGeom>
        </p:spPr>
        <p:txBody>
          <a:bodyPr vert="horz" wrap="square" lIns="0" tIns="13575" rIns="0" bIns="0" rtlCol="0">
            <a:spAutoFit/>
          </a:bodyPr>
          <a:lstStyle/>
          <a:p>
            <a:pPr algn="ctr">
              <a:spcBef>
                <a:spcPts val="107"/>
              </a:spcBef>
            </a:pPr>
            <a:r>
              <a:rPr sz="941" spc="-9" dirty="0">
                <a:latin typeface="ＭＳ Ｐゴシック"/>
                <a:cs typeface="ＭＳ Ｐゴシック"/>
              </a:rPr>
              <a:t>美波町管理橋梁</a:t>
            </a:r>
            <a:endParaRPr sz="941">
              <a:latin typeface="ＭＳ Ｐゴシック"/>
              <a:cs typeface="ＭＳ Ｐゴシック"/>
            </a:endParaRPr>
          </a:p>
          <a:p>
            <a:pPr algn="ctr">
              <a:spcBef>
                <a:spcPts val="34"/>
              </a:spcBef>
            </a:pPr>
            <a:r>
              <a:rPr sz="898" spc="-4" dirty="0">
                <a:latin typeface="ＭＳ Ｐゴシック"/>
                <a:cs typeface="ＭＳ Ｐゴシック"/>
              </a:rPr>
              <a:t>判定区分Ⅱ橋梁位置図</a:t>
            </a:r>
            <a:endParaRPr sz="898">
              <a:latin typeface="ＭＳ Ｐゴシック"/>
              <a:cs typeface="ＭＳ Ｐゴシック"/>
            </a:endParaRPr>
          </a:p>
        </p:txBody>
      </p:sp>
      <p:sp>
        <p:nvSpPr>
          <p:cNvPr id="18" name="object 18"/>
          <p:cNvSpPr txBox="1"/>
          <p:nvPr/>
        </p:nvSpPr>
        <p:spPr>
          <a:xfrm>
            <a:off x="3635283" y="6248327"/>
            <a:ext cx="1187525" cy="237624"/>
          </a:xfrm>
          <a:prstGeom prst="rect">
            <a:avLst/>
          </a:prstGeom>
        </p:spPr>
        <p:txBody>
          <a:bodyPr vert="horz" wrap="square" lIns="0" tIns="9774" rIns="0" bIns="0" rtlCol="0">
            <a:spAutoFit/>
          </a:bodyPr>
          <a:lstStyle/>
          <a:p>
            <a:pPr marL="10860" marR="4344">
              <a:lnSpc>
                <a:spcPct val="102200"/>
              </a:lnSpc>
              <a:spcBef>
                <a:spcPts val="77"/>
              </a:spcBef>
            </a:pPr>
            <a:r>
              <a:rPr sz="727" dirty="0">
                <a:latin typeface="ＭＳ Ｐゴシック"/>
                <a:cs typeface="ＭＳ Ｐゴシック"/>
              </a:rPr>
              <a:t>出典）</a:t>
            </a:r>
            <a:r>
              <a:rPr sz="727" spc="-4" dirty="0">
                <a:latin typeface="ＭＳ Ｐゴシック"/>
                <a:cs typeface="ＭＳ Ｐゴシック"/>
              </a:rPr>
              <a:t>全国道路施設点検デー</a:t>
            </a:r>
            <a:r>
              <a:rPr sz="727" dirty="0">
                <a:latin typeface="ＭＳ Ｐゴシック"/>
                <a:cs typeface="ＭＳ Ｐゴシック"/>
              </a:rPr>
              <a:t>タベース～損傷マップ</a:t>
            </a:r>
            <a:r>
              <a:rPr sz="727" spc="-43" dirty="0">
                <a:latin typeface="ＭＳ Ｐゴシック"/>
                <a:cs typeface="ＭＳ Ｐゴシック"/>
              </a:rPr>
              <a:t>～</a:t>
            </a:r>
            <a:endParaRPr sz="727">
              <a:latin typeface="ＭＳ Ｐゴシック"/>
              <a:cs typeface="ＭＳ Ｐゴシック"/>
            </a:endParaRPr>
          </a:p>
        </p:txBody>
      </p:sp>
      <p:sp>
        <p:nvSpPr>
          <p:cNvPr id="19" name="object 19"/>
          <p:cNvSpPr/>
          <p:nvPr/>
        </p:nvSpPr>
        <p:spPr>
          <a:xfrm>
            <a:off x="5357386" y="4507709"/>
            <a:ext cx="3318229" cy="1854864"/>
          </a:xfrm>
          <a:custGeom>
            <a:avLst/>
            <a:gdLst/>
            <a:ahLst/>
            <a:cxnLst/>
            <a:rect l="l" t="t" r="r" b="b"/>
            <a:pathLst>
              <a:path w="3880484" h="2169159">
                <a:moveTo>
                  <a:pt x="3880103" y="2168651"/>
                </a:moveTo>
                <a:lnTo>
                  <a:pt x="0" y="2168651"/>
                </a:lnTo>
                <a:lnTo>
                  <a:pt x="0" y="0"/>
                </a:lnTo>
                <a:lnTo>
                  <a:pt x="3880103" y="0"/>
                </a:lnTo>
                <a:lnTo>
                  <a:pt x="3880103" y="2168651"/>
                </a:lnTo>
                <a:close/>
              </a:path>
            </a:pathLst>
          </a:custGeom>
          <a:solidFill>
            <a:srgbClr val="DBE6F2"/>
          </a:solidFill>
        </p:spPr>
        <p:txBody>
          <a:bodyPr wrap="square" lIns="0" tIns="0" rIns="0" bIns="0" rtlCol="0"/>
          <a:lstStyle/>
          <a:p>
            <a:endParaRPr sz="1749"/>
          </a:p>
        </p:txBody>
      </p:sp>
      <p:sp>
        <p:nvSpPr>
          <p:cNvPr id="20" name="object 20"/>
          <p:cNvSpPr txBox="1"/>
          <p:nvPr/>
        </p:nvSpPr>
        <p:spPr>
          <a:xfrm>
            <a:off x="5818711" y="4592417"/>
            <a:ext cx="2793155" cy="325704"/>
          </a:xfrm>
          <a:prstGeom prst="rect">
            <a:avLst/>
          </a:prstGeom>
          <a:solidFill>
            <a:srgbClr val="FFFFFF"/>
          </a:solidFill>
          <a:ln w="13715">
            <a:solidFill>
              <a:srgbClr val="1C334D"/>
            </a:solidFill>
          </a:ln>
        </p:spPr>
        <p:txBody>
          <a:bodyPr vert="horz" wrap="square" lIns="0" tIns="48869" rIns="0" bIns="0" rtlCol="0">
            <a:spAutoFit/>
          </a:bodyPr>
          <a:lstStyle/>
          <a:p>
            <a:pPr>
              <a:spcBef>
                <a:spcPts val="385"/>
              </a:spcBef>
            </a:pPr>
            <a:endParaRPr sz="898">
              <a:latin typeface="Times New Roman"/>
              <a:cs typeface="Times New Roman"/>
            </a:endParaRPr>
          </a:p>
          <a:p>
            <a:pPr marL="83077">
              <a:spcBef>
                <a:spcPts val="4"/>
              </a:spcBef>
            </a:pPr>
            <a:r>
              <a:rPr sz="898" spc="-4" dirty="0">
                <a:latin typeface="ＭＳ Ｐゴシック"/>
                <a:cs typeface="ＭＳ Ｐゴシック"/>
              </a:rPr>
              <a:t>現状の課題、橋梁診断の状況確認</a:t>
            </a:r>
            <a:endParaRPr sz="898">
              <a:latin typeface="ＭＳ Ｐゴシック"/>
              <a:cs typeface="ＭＳ Ｐゴシック"/>
            </a:endParaRPr>
          </a:p>
        </p:txBody>
      </p:sp>
      <p:grpSp>
        <p:nvGrpSpPr>
          <p:cNvPr id="21" name="object 21"/>
          <p:cNvGrpSpPr/>
          <p:nvPr/>
        </p:nvGrpSpPr>
        <p:grpSpPr>
          <a:xfrm>
            <a:off x="5444698" y="4565049"/>
            <a:ext cx="295931" cy="1763641"/>
            <a:chOff x="6367271" y="5109971"/>
            <a:chExt cx="346075" cy="2062480"/>
          </a:xfrm>
        </p:grpSpPr>
        <p:sp>
          <p:nvSpPr>
            <p:cNvPr id="22" name="object 22"/>
            <p:cNvSpPr/>
            <p:nvPr/>
          </p:nvSpPr>
          <p:spPr>
            <a:xfrm>
              <a:off x="6388607" y="5812535"/>
              <a:ext cx="311150" cy="702945"/>
            </a:xfrm>
            <a:custGeom>
              <a:avLst/>
              <a:gdLst/>
              <a:ahLst/>
              <a:cxnLst/>
              <a:rect l="l" t="t" r="r" b="b"/>
              <a:pathLst>
                <a:path w="311150" h="702945">
                  <a:moveTo>
                    <a:pt x="155448" y="702564"/>
                  </a:moveTo>
                  <a:lnTo>
                    <a:pt x="0" y="547116"/>
                  </a:lnTo>
                  <a:lnTo>
                    <a:pt x="0" y="0"/>
                  </a:lnTo>
                  <a:lnTo>
                    <a:pt x="155448" y="155448"/>
                  </a:lnTo>
                  <a:lnTo>
                    <a:pt x="310896" y="0"/>
                  </a:lnTo>
                  <a:lnTo>
                    <a:pt x="310896" y="547116"/>
                  </a:lnTo>
                  <a:lnTo>
                    <a:pt x="155448" y="702564"/>
                  </a:lnTo>
                  <a:close/>
                </a:path>
              </a:pathLst>
            </a:custGeom>
            <a:solidFill>
              <a:srgbClr val="4F80BC"/>
            </a:solidFill>
          </p:spPr>
          <p:txBody>
            <a:bodyPr wrap="square" lIns="0" tIns="0" rIns="0" bIns="0" rtlCol="0"/>
            <a:lstStyle/>
            <a:p>
              <a:endParaRPr sz="1749"/>
            </a:p>
          </p:txBody>
        </p:sp>
        <p:sp>
          <p:nvSpPr>
            <p:cNvPr id="23" name="object 23"/>
            <p:cNvSpPr/>
            <p:nvPr/>
          </p:nvSpPr>
          <p:spPr>
            <a:xfrm>
              <a:off x="6388607" y="5812535"/>
              <a:ext cx="311150" cy="702945"/>
            </a:xfrm>
            <a:custGeom>
              <a:avLst/>
              <a:gdLst/>
              <a:ahLst/>
              <a:cxnLst/>
              <a:rect l="l" t="t" r="r" b="b"/>
              <a:pathLst>
                <a:path w="311150" h="702945">
                  <a:moveTo>
                    <a:pt x="310896" y="0"/>
                  </a:moveTo>
                  <a:lnTo>
                    <a:pt x="310896" y="547116"/>
                  </a:lnTo>
                  <a:lnTo>
                    <a:pt x="155448" y="702564"/>
                  </a:lnTo>
                  <a:lnTo>
                    <a:pt x="0" y="547116"/>
                  </a:lnTo>
                  <a:lnTo>
                    <a:pt x="0" y="0"/>
                  </a:lnTo>
                  <a:lnTo>
                    <a:pt x="155448" y="155448"/>
                  </a:lnTo>
                  <a:lnTo>
                    <a:pt x="310896" y="0"/>
                  </a:lnTo>
                  <a:close/>
                </a:path>
              </a:pathLst>
            </a:custGeom>
            <a:ln w="27432">
              <a:solidFill>
                <a:srgbClr val="1C334D"/>
              </a:solidFill>
            </a:ln>
          </p:spPr>
          <p:txBody>
            <a:bodyPr wrap="square" lIns="0" tIns="0" rIns="0" bIns="0" rtlCol="0"/>
            <a:lstStyle/>
            <a:p>
              <a:endParaRPr sz="1749"/>
            </a:p>
          </p:txBody>
        </p:sp>
        <p:sp>
          <p:nvSpPr>
            <p:cNvPr id="24" name="object 24"/>
            <p:cNvSpPr/>
            <p:nvPr/>
          </p:nvSpPr>
          <p:spPr>
            <a:xfrm>
              <a:off x="6385560" y="5123687"/>
              <a:ext cx="314325" cy="708660"/>
            </a:xfrm>
            <a:custGeom>
              <a:avLst/>
              <a:gdLst/>
              <a:ahLst/>
              <a:cxnLst/>
              <a:rect l="l" t="t" r="r" b="b"/>
              <a:pathLst>
                <a:path w="314325" h="708660">
                  <a:moveTo>
                    <a:pt x="156971" y="708660"/>
                  </a:moveTo>
                  <a:lnTo>
                    <a:pt x="0" y="553212"/>
                  </a:lnTo>
                  <a:lnTo>
                    <a:pt x="0" y="0"/>
                  </a:lnTo>
                  <a:lnTo>
                    <a:pt x="313943" y="0"/>
                  </a:lnTo>
                  <a:lnTo>
                    <a:pt x="313943" y="553212"/>
                  </a:lnTo>
                  <a:lnTo>
                    <a:pt x="156971" y="708660"/>
                  </a:lnTo>
                  <a:close/>
                </a:path>
              </a:pathLst>
            </a:custGeom>
            <a:solidFill>
              <a:srgbClr val="4F80BC"/>
            </a:solidFill>
          </p:spPr>
          <p:txBody>
            <a:bodyPr wrap="square" lIns="0" tIns="0" rIns="0" bIns="0" rtlCol="0"/>
            <a:lstStyle/>
            <a:p>
              <a:endParaRPr sz="1749"/>
            </a:p>
          </p:txBody>
        </p:sp>
        <p:sp>
          <p:nvSpPr>
            <p:cNvPr id="25" name="object 25"/>
            <p:cNvSpPr/>
            <p:nvPr/>
          </p:nvSpPr>
          <p:spPr>
            <a:xfrm>
              <a:off x="6385560" y="5123687"/>
              <a:ext cx="314325" cy="708660"/>
            </a:xfrm>
            <a:custGeom>
              <a:avLst/>
              <a:gdLst/>
              <a:ahLst/>
              <a:cxnLst/>
              <a:rect l="l" t="t" r="r" b="b"/>
              <a:pathLst>
                <a:path w="314325" h="708660">
                  <a:moveTo>
                    <a:pt x="313943" y="0"/>
                  </a:moveTo>
                  <a:lnTo>
                    <a:pt x="313943" y="553212"/>
                  </a:lnTo>
                  <a:lnTo>
                    <a:pt x="156971" y="708660"/>
                  </a:lnTo>
                  <a:lnTo>
                    <a:pt x="0" y="553212"/>
                  </a:lnTo>
                  <a:lnTo>
                    <a:pt x="0" y="0"/>
                  </a:lnTo>
                  <a:lnTo>
                    <a:pt x="313943" y="0"/>
                  </a:lnTo>
                  <a:close/>
                </a:path>
              </a:pathLst>
            </a:custGeom>
            <a:ln w="27432">
              <a:solidFill>
                <a:srgbClr val="1C334D"/>
              </a:solidFill>
            </a:ln>
          </p:spPr>
          <p:txBody>
            <a:bodyPr wrap="square" lIns="0" tIns="0" rIns="0" bIns="0" rtlCol="0"/>
            <a:lstStyle/>
            <a:p>
              <a:endParaRPr sz="1749"/>
            </a:p>
          </p:txBody>
        </p:sp>
        <p:sp>
          <p:nvSpPr>
            <p:cNvPr id="26" name="object 26"/>
            <p:cNvSpPr/>
            <p:nvPr/>
          </p:nvSpPr>
          <p:spPr>
            <a:xfrm>
              <a:off x="6380987" y="6455664"/>
              <a:ext cx="309880" cy="702945"/>
            </a:xfrm>
            <a:custGeom>
              <a:avLst/>
              <a:gdLst/>
              <a:ahLst/>
              <a:cxnLst/>
              <a:rect l="l" t="t" r="r" b="b"/>
              <a:pathLst>
                <a:path w="309879" h="702945">
                  <a:moveTo>
                    <a:pt x="155448" y="702564"/>
                  </a:moveTo>
                  <a:lnTo>
                    <a:pt x="0" y="547116"/>
                  </a:lnTo>
                  <a:lnTo>
                    <a:pt x="0" y="0"/>
                  </a:lnTo>
                  <a:lnTo>
                    <a:pt x="155448" y="155448"/>
                  </a:lnTo>
                  <a:lnTo>
                    <a:pt x="309372" y="0"/>
                  </a:lnTo>
                  <a:lnTo>
                    <a:pt x="309372" y="547116"/>
                  </a:lnTo>
                  <a:lnTo>
                    <a:pt x="155448" y="702564"/>
                  </a:lnTo>
                  <a:close/>
                </a:path>
              </a:pathLst>
            </a:custGeom>
            <a:solidFill>
              <a:srgbClr val="4F80BC"/>
            </a:solidFill>
          </p:spPr>
          <p:txBody>
            <a:bodyPr wrap="square" lIns="0" tIns="0" rIns="0" bIns="0" rtlCol="0"/>
            <a:lstStyle/>
            <a:p>
              <a:endParaRPr sz="1749"/>
            </a:p>
          </p:txBody>
        </p:sp>
        <p:sp>
          <p:nvSpPr>
            <p:cNvPr id="27" name="object 27"/>
            <p:cNvSpPr/>
            <p:nvPr/>
          </p:nvSpPr>
          <p:spPr>
            <a:xfrm>
              <a:off x="6380987" y="6455664"/>
              <a:ext cx="309880" cy="702945"/>
            </a:xfrm>
            <a:custGeom>
              <a:avLst/>
              <a:gdLst/>
              <a:ahLst/>
              <a:cxnLst/>
              <a:rect l="l" t="t" r="r" b="b"/>
              <a:pathLst>
                <a:path w="309879" h="702945">
                  <a:moveTo>
                    <a:pt x="309372" y="0"/>
                  </a:moveTo>
                  <a:lnTo>
                    <a:pt x="309372" y="547116"/>
                  </a:lnTo>
                  <a:lnTo>
                    <a:pt x="155448" y="702564"/>
                  </a:lnTo>
                  <a:lnTo>
                    <a:pt x="0" y="547116"/>
                  </a:lnTo>
                  <a:lnTo>
                    <a:pt x="0" y="0"/>
                  </a:lnTo>
                  <a:lnTo>
                    <a:pt x="155448" y="155448"/>
                  </a:lnTo>
                  <a:lnTo>
                    <a:pt x="309372" y="0"/>
                  </a:lnTo>
                  <a:close/>
                </a:path>
              </a:pathLst>
            </a:custGeom>
            <a:ln w="27432">
              <a:solidFill>
                <a:srgbClr val="1C334D"/>
              </a:solidFill>
            </a:ln>
          </p:spPr>
          <p:txBody>
            <a:bodyPr wrap="square" lIns="0" tIns="0" rIns="0" bIns="0" rtlCol="0"/>
            <a:lstStyle/>
            <a:p>
              <a:endParaRPr sz="1749"/>
            </a:p>
          </p:txBody>
        </p:sp>
      </p:grpSp>
      <p:sp>
        <p:nvSpPr>
          <p:cNvPr id="28" name="object 28"/>
          <p:cNvSpPr txBox="1"/>
          <p:nvPr/>
        </p:nvSpPr>
        <p:spPr>
          <a:xfrm>
            <a:off x="5818711" y="5151481"/>
            <a:ext cx="2793155" cy="387662"/>
          </a:xfrm>
          <a:prstGeom prst="rect">
            <a:avLst/>
          </a:prstGeom>
          <a:solidFill>
            <a:srgbClr val="FFFFFF"/>
          </a:solidFill>
          <a:ln w="13715">
            <a:solidFill>
              <a:srgbClr val="1C334D"/>
            </a:solidFill>
          </a:ln>
        </p:spPr>
        <p:txBody>
          <a:bodyPr vert="horz" wrap="square" lIns="0" tIns="110228" rIns="0" bIns="0" rtlCol="0">
            <a:spAutoFit/>
          </a:bodyPr>
          <a:lstStyle/>
          <a:p>
            <a:pPr marL="83077">
              <a:spcBef>
                <a:spcPts val="868"/>
              </a:spcBef>
            </a:pPr>
            <a:r>
              <a:rPr sz="898" spc="-4" dirty="0">
                <a:latin typeface="ＭＳ Ｐゴシック"/>
                <a:cs typeface="ＭＳ Ｐゴシック"/>
              </a:rPr>
              <a:t>当面の修繕対象橋梁の措置の精査</a:t>
            </a:r>
            <a:endParaRPr sz="898">
              <a:latin typeface="ＭＳ Ｐゴシック"/>
              <a:cs typeface="ＭＳ Ｐゴシック"/>
            </a:endParaRPr>
          </a:p>
          <a:p>
            <a:pPr marL="83077">
              <a:spcBef>
                <a:spcPts val="30"/>
              </a:spcBef>
            </a:pPr>
            <a:r>
              <a:rPr sz="898" spc="-4" dirty="0">
                <a:latin typeface="ＭＳ Ｐゴシック"/>
                <a:cs typeface="ＭＳ Ｐゴシック"/>
              </a:rPr>
              <a:t>導入技術・支援体制・ノウハウ継承方策の検討</a:t>
            </a:r>
            <a:endParaRPr sz="898">
              <a:latin typeface="ＭＳ Ｐゴシック"/>
              <a:cs typeface="ＭＳ Ｐゴシック"/>
            </a:endParaRPr>
          </a:p>
        </p:txBody>
      </p:sp>
      <p:sp>
        <p:nvSpPr>
          <p:cNvPr id="29" name="object 29"/>
          <p:cNvSpPr txBox="1"/>
          <p:nvPr/>
        </p:nvSpPr>
        <p:spPr>
          <a:xfrm>
            <a:off x="5818711" y="5705334"/>
            <a:ext cx="2793155" cy="325704"/>
          </a:xfrm>
          <a:prstGeom prst="rect">
            <a:avLst/>
          </a:prstGeom>
          <a:solidFill>
            <a:srgbClr val="FFFFFF"/>
          </a:solidFill>
          <a:ln w="13715">
            <a:solidFill>
              <a:srgbClr val="1C334D"/>
            </a:solidFill>
          </a:ln>
        </p:spPr>
        <p:txBody>
          <a:bodyPr vert="horz" wrap="square" lIns="0" tIns="48869" rIns="0" bIns="0" rtlCol="0">
            <a:spAutoFit/>
          </a:bodyPr>
          <a:lstStyle/>
          <a:p>
            <a:pPr>
              <a:spcBef>
                <a:spcPts val="385"/>
              </a:spcBef>
            </a:pPr>
            <a:endParaRPr sz="898">
              <a:latin typeface="Times New Roman"/>
              <a:cs typeface="Times New Roman"/>
            </a:endParaRPr>
          </a:p>
          <a:p>
            <a:pPr marL="83077">
              <a:spcBef>
                <a:spcPts val="4"/>
              </a:spcBef>
            </a:pPr>
            <a:r>
              <a:rPr sz="898" spc="-4" dirty="0">
                <a:latin typeface="ＭＳ Ｐゴシック"/>
                <a:cs typeface="ＭＳ Ｐゴシック"/>
              </a:rPr>
              <a:t>導入技術、ノウハウ活用の検証</a:t>
            </a:r>
            <a:endParaRPr sz="898">
              <a:latin typeface="ＭＳ Ｐゴシック"/>
              <a:cs typeface="ＭＳ Ｐゴシック"/>
            </a:endParaRPr>
          </a:p>
        </p:txBody>
      </p:sp>
      <p:sp>
        <p:nvSpPr>
          <p:cNvPr id="30" name="object 30"/>
          <p:cNvSpPr txBox="1"/>
          <p:nvPr/>
        </p:nvSpPr>
        <p:spPr>
          <a:xfrm>
            <a:off x="5357386" y="4507709"/>
            <a:ext cx="3318229" cy="1632055"/>
          </a:xfrm>
          <a:prstGeom prst="rect">
            <a:avLst/>
          </a:prstGeom>
        </p:spPr>
        <p:txBody>
          <a:bodyPr vert="horz" wrap="square" lIns="0" tIns="70046" rIns="0" bIns="0" rtlCol="0">
            <a:spAutoFit/>
          </a:bodyPr>
          <a:lstStyle/>
          <a:p>
            <a:pPr>
              <a:spcBef>
                <a:spcPts val="552"/>
              </a:spcBef>
            </a:pPr>
            <a:endParaRPr sz="898">
              <a:latin typeface="Times New Roman"/>
              <a:cs typeface="Times New Roman"/>
            </a:endParaRPr>
          </a:p>
          <a:p>
            <a:pPr marL="212309"/>
            <a:r>
              <a:rPr sz="898" spc="-43" dirty="0">
                <a:solidFill>
                  <a:srgbClr val="FFFFFF"/>
                </a:solidFill>
                <a:latin typeface="ＭＳ Ｐゴシック"/>
                <a:cs typeface="ＭＳ Ｐゴシック"/>
              </a:rPr>
              <a:t>R</a:t>
            </a:r>
            <a:endParaRPr sz="898">
              <a:latin typeface="ＭＳ Ｐゴシック"/>
              <a:cs typeface="ＭＳ Ｐゴシック"/>
            </a:endParaRPr>
          </a:p>
          <a:p>
            <a:pPr marL="208508">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428"/>
              </a:spcBef>
            </a:pPr>
            <a:endParaRPr sz="898">
              <a:latin typeface="ＭＳ Ｐゴシック"/>
              <a:cs typeface="ＭＳ Ｐゴシック"/>
            </a:endParaRPr>
          </a:p>
          <a:p>
            <a:pPr marL="185702"/>
            <a:r>
              <a:rPr sz="898" spc="-43" dirty="0">
                <a:solidFill>
                  <a:srgbClr val="FFFFFF"/>
                </a:solidFill>
                <a:latin typeface="ＭＳ Ｐゴシック"/>
                <a:cs typeface="ＭＳ Ｐゴシック"/>
              </a:rPr>
              <a:t>R</a:t>
            </a:r>
            <a:endParaRPr sz="898">
              <a:latin typeface="ＭＳ Ｐゴシック"/>
              <a:cs typeface="ＭＳ Ｐゴシック"/>
            </a:endParaRPr>
          </a:p>
          <a:p>
            <a:pPr marL="182444">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a:p>
            <a:pPr>
              <a:spcBef>
                <a:spcPts val="966"/>
              </a:spcBef>
            </a:pPr>
            <a:endParaRPr sz="898">
              <a:latin typeface="ＭＳ Ｐゴシック"/>
              <a:cs typeface="ＭＳ Ｐゴシック"/>
            </a:endParaRPr>
          </a:p>
          <a:p>
            <a:pPr marL="191674"/>
            <a:r>
              <a:rPr sz="898" spc="-43" dirty="0">
                <a:solidFill>
                  <a:srgbClr val="FFFFFF"/>
                </a:solidFill>
                <a:latin typeface="ＭＳ Ｐゴシック"/>
                <a:cs typeface="ＭＳ Ｐゴシック"/>
              </a:rPr>
              <a:t>R</a:t>
            </a:r>
            <a:endParaRPr sz="898">
              <a:latin typeface="ＭＳ Ｐゴシック"/>
              <a:cs typeface="ＭＳ Ｐゴシック"/>
            </a:endParaRPr>
          </a:p>
          <a:p>
            <a:pPr marL="187331">
              <a:spcBef>
                <a:spcPts val="30"/>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sp>
        <p:nvSpPr>
          <p:cNvPr id="31" name="object 31"/>
          <p:cNvSpPr txBox="1"/>
          <p:nvPr/>
        </p:nvSpPr>
        <p:spPr>
          <a:xfrm>
            <a:off x="8845734" y="6291578"/>
            <a:ext cx="209595" cy="237487"/>
          </a:xfrm>
          <a:prstGeom prst="rect">
            <a:avLst/>
          </a:prstGeom>
        </p:spPr>
        <p:txBody>
          <a:bodyPr vert="horz" wrap="square" lIns="0" tIns="13575" rIns="0" bIns="0" rtlCol="0">
            <a:spAutoFit/>
          </a:bodyPr>
          <a:lstStyle/>
          <a:p>
            <a:pPr marL="10860">
              <a:spcBef>
                <a:spcPts val="107"/>
              </a:spcBef>
            </a:pPr>
            <a:r>
              <a:rPr sz="1454" spc="-21" dirty="0">
                <a:latin typeface="ＭＳ Ｐゴシック"/>
                <a:cs typeface="ＭＳ Ｐゴシック"/>
              </a:rPr>
              <a:t>14</a:t>
            </a:r>
            <a:endParaRPr sz="1454">
              <a:latin typeface="ＭＳ Ｐゴシック"/>
              <a:cs typeface="ＭＳ Ｐゴシック"/>
            </a:endParaRPr>
          </a:p>
        </p:txBody>
      </p:sp>
      <p:sp>
        <p:nvSpPr>
          <p:cNvPr id="32" name="object 32"/>
          <p:cNvSpPr txBox="1"/>
          <p:nvPr/>
        </p:nvSpPr>
        <p:spPr>
          <a:xfrm>
            <a:off x="250211" y="821006"/>
            <a:ext cx="1484542" cy="238000"/>
          </a:xfrm>
          <a:prstGeom prst="rect">
            <a:avLst/>
          </a:prstGeom>
          <a:ln w="13715">
            <a:solidFill>
              <a:srgbClr val="000000"/>
            </a:solidFill>
          </a:ln>
        </p:spPr>
        <p:txBody>
          <a:bodyPr vert="horz" wrap="square" lIns="0" tIns="40181" rIns="0" bIns="0" rtlCol="0">
            <a:spAutoFit/>
          </a:bodyPr>
          <a:lstStyle/>
          <a:p>
            <a:pPr marL="175384">
              <a:spcBef>
                <a:spcPts val="316"/>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33" name="object 33"/>
          <p:cNvSpPr txBox="1"/>
          <p:nvPr/>
        </p:nvSpPr>
        <p:spPr>
          <a:xfrm>
            <a:off x="1835761" y="837574"/>
            <a:ext cx="1747991" cy="209489"/>
          </a:xfrm>
          <a:prstGeom prst="rect">
            <a:avLst/>
          </a:prstGeom>
        </p:spPr>
        <p:txBody>
          <a:bodyPr vert="horz" wrap="square" lIns="0" tIns="11946" rIns="0" bIns="0" rtlCol="0">
            <a:spAutoFit/>
          </a:bodyPr>
          <a:lstStyle/>
          <a:p>
            <a:pPr marL="10860">
              <a:spcBef>
                <a:spcPts val="94"/>
              </a:spcBef>
            </a:pPr>
            <a:r>
              <a:rPr sz="1283" spc="-9" dirty="0">
                <a:latin typeface="ＭＳ Ｐゴシック"/>
                <a:cs typeface="ＭＳ Ｐゴシック"/>
              </a:rPr>
              <a:t>支援対象：橋梁</a:t>
            </a:r>
            <a:endParaRPr sz="1283" dirty="0">
              <a:latin typeface="ＭＳ Ｐゴシック"/>
              <a:cs typeface="ＭＳ Ｐゴシック"/>
            </a:endParaRPr>
          </a:p>
        </p:txBody>
      </p:sp>
      <p:sp>
        <p:nvSpPr>
          <p:cNvPr id="34" name="object 34"/>
          <p:cNvSpPr txBox="1"/>
          <p:nvPr/>
        </p:nvSpPr>
        <p:spPr>
          <a:xfrm>
            <a:off x="5144966" y="2228443"/>
            <a:ext cx="1974322" cy="239645"/>
          </a:xfrm>
          <a:prstGeom prst="rect">
            <a:avLst/>
          </a:prstGeom>
          <a:solidFill>
            <a:srgbClr val="B6DDE8"/>
          </a:solidFill>
          <a:ln w="10667">
            <a:solidFill>
              <a:srgbClr val="00AFEF"/>
            </a:solidFill>
          </a:ln>
        </p:spPr>
        <p:txBody>
          <a:bodyPr vert="horz" wrap="square" lIns="0" tIns="41810" rIns="0" bIns="0" rtlCol="0">
            <a:spAutoFit/>
          </a:bodyPr>
          <a:lstStyle/>
          <a:p>
            <a:pPr marL="131403">
              <a:spcBef>
                <a:spcPts val="329"/>
              </a:spcBef>
            </a:pPr>
            <a:r>
              <a:rPr sz="1283" spc="-13" dirty="0">
                <a:latin typeface="ＭＳ Ｐゴシック"/>
                <a:cs typeface="ＭＳ Ｐゴシック"/>
              </a:rPr>
              <a:t>具体な検討スケジュール</a:t>
            </a:r>
            <a:endParaRPr sz="1283">
              <a:latin typeface="ＭＳ Ｐゴシック"/>
              <a:cs typeface="ＭＳ Ｐゴシック"/>
            </a:endParaRPr>
          </a:p>
        </p:txBody>
      </p:sp>
    </p:spTree>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107135" y="500979"/>
            <a:ext cx="8185618"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大分県津久見市</a:t>
            </a:r>
            <a:r>
              <a:rPr spc="-9" dirty="0"/>
              <a:t>）</a:t>
            </a:r>
            <a:r>
              <a:rPr spc="-30" dirty="0"/>
              <a:t>中小規模橋梁の点検・補修への新技術導入、直営点検導入に向けた支援</a:t>
            </a:r>
          </a:p>
        </p:txBody>
      </p:sp>
      <p:sp>
        <p:nvSpPr>
          <p:cNvPr id="3" name="object 3"/>
          <p:cNvSpPr/>
          <p:nvPr/>
        </p:nvSpPr>
        <p:spPr>
          <a:xfrm>
            <a:off x="263242" y="5023770"/>
            <a:ext cx="4558968" cy="1535584"/>
          </a:xfrm>
          <a:custGeom>
            <a:avLst/>
            <a:gdLst/>
            <a:ahLst/>
            <a:cxnLst/>
            <a:rect l="l" t="t" r="r" b="b"/>
            <a:pathLst>
              <a:path w="5331460" h="1795779">
                <a:moveTo>
                  <a:pt x="5330952" y="1795272"/>
                </a:moveTo>
                <a:lnTo>
                  <a:pt x="0" y="1795272"/>
                </a:lnTo>
                <a:lnTo>
                  <a:pt x="0" y="0"/>
                </a:lnTo>
                <a:lnTo>
                  <a:pt x="5330952" y="0"/>
                </a:lnTo>
                <a:lnTo>
                  <a:pt x="5330952" y="1795272"/>
                </a:lnTo>
                <a:close/>
              </a:path>
            </a:pathLst>
          </a:custGeom>
          <a:solidFill>
            <a:srgbClr val="DBE6F2"/>
          </a:solidFill>
        </p:spPr>
        <p:txBody>
          <a:bodyPr wrap="square" lIns="0" tIns="0" rIns="0" bIns="0" rtlCol="0"/>
          <a:lstStyle/>
          <a:p>
            <a:endParaRPr sz="1749"/>
          </a:p>
        </p:txBody>
      </p:sp>
      <p:sp>
        <p:nvSpPr>
          <p:cNvPr id="4" name="object 4"/>
          <p:cNvSpPr txBox="1"/>
          <p:nvPr/>
        </p:nvSpPr>
        <p:spPr>
          <a:xfrm>
            <a:off x="311461" y="3542052"/>
            <a:ext cx="1625178" cy="238000"/>
          </a:xfrm>
          <a:prstGeom prst="rect">
            <a:avLst/>
          </a:prstGeom>
          <a:solidFill>
            <a:srgbClr val="B6DDE8"/>
          </a:solidFill>
          <a:ln w="10667">
            <a:solidFill>
              <a:srgbClr val="00AFEF"/>
            </a:solidFill>
          </a:ln>
        </p:spPr>
        <p:txBody>
          <a:bodyPr vert="horz" wrap="square" lIns="0" tIns="40181" rIns="0" bIns="0" rtlCol="0">
            <a:spAutoFit/>
          </a:bodyPr>
          <a:lstStyle/>
          <a:p>
            <a:pPr marL="154752">
              <a:spcBef>
                <a:spcPts val="316"/>
              </a:spcBef>
            </a:pPr>
            <a:r>
              <a:rPr sz="1283" spc="-9" dirty="0">
                <a:latin typeface="ＭＳ Ｐゴシック"/>
                <a:cs typeface="ＭＳ Ｐゴシック"/>
              </a:rPr>
              <a:t>検討中の新技術等</a:t>
            </a:r>
            <a:endParaRPr sz="1283">
              <a:latin typeface="ＭＳ Ｐゴシック"/>
              <a:cs typeface="ＭＳ Ｐゴシック"/>
            </a:endParaRPr>
          </a:p>
        </p:txBody>
      </p:sp>
      <p:sp>
        <p:nvSpPr>
          <p:cNvPr id="5" name="object 5"/>
          <p:cNvSpPr txBox="1"/>
          <p:nvPr/>
        </p:nvSpPr>
        <p:spPr>
          <a:xfrm>
            <a:off x="333302" y="3923673"/>
            <a:ext cx="4393355" cy="1007165"/>
          </a:xfrm>
          <a:prstGeom prst="rect">
            <a:avLst/>
          </a:prstGeom>
        </p:spPr>
        <p:txBody>
          <a:bodyPr vert="horz" wrap="square" lIns="0" tIns="10317" rIns="0" bIns="0" rtlCol="0">
            <a:spAutoFit/>
          </a:bodyPr>
          <a:lstStyle/>
          <a:p>
            <a:pPr marL="141720" marR="4344" indent="-131403">
              <a:spcBef>
                <a:spcPts val="81"/>
              </a:spcBef>
            </a:pPr>
            <a:r>
              <a:rPr sz="1112" spc="-30" dirty="0">
                <a:latin typeface="ＭＳ Ｐゴシック"/>
                <a:cs typeface="ＭＳ Ｐゴシック"/>
              </a:rPr>
              <a:t>〇橋梁点検車を活用している橋梁に対しては、現地踏査結果を受け、画像診断技術である「ひびみっけ」の導入を検討。</a:t>
            </a:r>
            <a:endParaRPr sz="1112">
              <a:latin typeface="ＭＳ Ｐゴシック"/>
              <a:cs typeface="ＭＳ Ｐゴシック"/>
            </a:endParaRPr>
          </a:p>
          <a:p>
            <a:pPr marL="10860">
              <a:spcBef>
                <a:spcPts val="552"/>
              </a:spcBef>
            </a:pPr>
            <a:r>
              <a:rPr sz="1112" spc="-30" dirty="0">
                <a:latin typeface="ＭＳ Ｐゴシック"/>
                <a:cs typeface="ＭＳ Ｐゴシック"/>
              </a:rPr>
              <a:t>〇補修工事には「サビバリヤー」の導入を検討。</a:t>
            </a:r>
            <a:endParaRPr sz="1112">
              <a:latin typeface="ＭＳ Ｐゴシック"/>
              <a:cs typeface="ＭＳ Ｐゴシック"/>
            </a:endParaRPr>
          </a:p>
          <a:p>
            <a:pPr marL="10860">
              <a:spcBef>
                <a:spcPts val="547"/>
              </a:spcBef>
            </a:pPr>
            <a:r>
              <a:rPr sz="1112" spc="-21" dirty="0">
                <a:latin typeface="ＭＳ Ｐゴシック"/>
                <a:cs typeface="ＭＳ Ｐゴシック"/>
              </a:rPr>
              <a:t>〇直営点検に適用可能な新技術として、「</a:t>
            </a:r>
            <a:r>
              <a:rPr sz="1112" dirty="0">
                <a:latin typeface="ＭＳ Ｐゴシック"/>
                <a:cs typeface="ＭＳ Ｐゴシック"/>
              </a:rPr>
              <a:t>CheckNote</a:t>
            </a:r>
            <a:r>
              <a:rPr sz="1112" spc="86" dirty="0">
                <a:latin typeface="ＭＳ Ｐゴシック"/>
                <a:cs typeface="ＭＳ Ｐゴシック"/>
              </a:rPr>
              <a:t> </a:t>
            </a:r>
            <a:r>
              <a:rPr sz="1112" spc="-9" dirty="0">
                <a:latin typeface="ＭＳ Ｐゴシック"/>
                <a:cs typeface="ＭＳ Ｐゴシック"/>
              </a:rPr>
              <a:t>Plus」「BMSS</a:t>
            </a:r>
            <a:r>
              <a:rPr sz="1112" spc="-43" dirty="0">
                <a:latin typeface="ＭＳ Ｐゴシック"/>
                <a:cs typeface="ＭＳ Ｐゴシック"/>
              </a:rPr>
              <a:t>」</a:t>
            </a:r>
            <a:endParaRPr sz="1112">
              <a:latin typeface="ＭＳ Ｐゴシック"/>
              <a:cs typeface="ＭＳ Ｐゴシック"/>
            </a:endParaRPr>
          </a:p>
          <a:p>
            <a:pPr marL="141720"/>
            <a:r>
              <a:rPr sz="1112" spc="-9" dirty="0">
                <a:latin typeface="ＭＳ Ｐゴシック"/>
                <a:cs typeface="ＭＳ Ｐゴシック"/>
              </a:rPr>
              <a:t>「Dr.Bridge</a:t>
            </a:r>
            <a:r>
              <a:rPr sz="1112" spc="-30" dirty="0">
                <a:latin typeface="ＭＳ Ｐゴシック"/>
                <a:cs typeface="ＭＳ Ｐゴシック"/>
              </a:rPr>
              <a:t>」などを候補として整理中。</a:t>
            </a:r>
            <a:endParaRPr sz="1112">
              <a:latin typeface="ＭＳ Ｐゴシック"/>
              <a:cs typeface="ＭＳ Ｐゴシック"/>
            </a:endParaRPr>
          </a:p>
        </p:txBody>
      </p:sp>
      <p:sp>
        <p:nvSpPr>
          <p:cNvPr id="6" name="object 6"/>
          <p:cNvSpPr/>
          <p:nvPr/>
        </p:nvSpPr>
        <p:spPr>
          <a:xfrm>
            <a:off x="4950139" y="2543813"/>
            <a:ext cx="0" cy="4049098"/>
          </a:xfrm>
          <a:custGeom>
            <a:avLst/>
            <a:gdLst/>
            <a:ahLst/>
            <a:cxnLst/>
            <a:rect l="l" t="t" r="r" b="b"/>
            <a:pathLst>
              <a:path h="4735195">
                <a:moveTo>
                  <a:pt x="0" y="0"/>
                </a:moveTo>
                <a:lnTo>
                  <a:pt x="0" y="4735067"/>
                </a:lnTo>
              </a:path>
            </a:pathLst>
          </a:custGeom>
          <a:ln w="13716">
            <a:solidFill>
              <a:srgbClr val="000000"/>
            </a:solidFill>
            <a:prstDash val="sysDash"/>
          </a:ln>
        </p:spPr>
        <p:txBody>
          <a:bodyPr wrap="square" lIns="0" tIns="0" rIns="0" bIns="0" rtlCol="0"/>
          <a:lstStyle/>
          <a:p>
            <a:endParaRPr sz="1749"/>
          </a:p>
        </p:txBody>
      </p:sp>
      <p:sp>
        <p:nvSpPr>
          <p:cNvPr id="7" name="object 7"/>
          <p:cNvSpPr txBox="1"/>
          <p:nvPr/>
        </p:nvSpPr>
        <p:spPr>
          <a:xfrm>
            <a:off x="295822" y="1992566"/>
            <a:ext cx="2158397" cy="238000"/>
          </a:xfrm>
          <a:prstGeom prst="rect">
            <a:avLst/>
          </a:prstGeom>
          <a:solidFill>
            <a:srgbClr val="B6DDE8"/>
          </a:solidFill>
          <a:ln w="10667">
            <a:solidFill>
              <a:srgbClr val="00AFEF"/>
            </a:solidFill>
          </a:ln>
        </p:spPr>
        <p:txBody>
          <a:bodyPr vert="horz" wrap="square" lIns="0" tIns="40181" rIns="0" bIns="0" rtlCol="0">
            <a:spAutoFit/>
          </a:bodyPr>
          <a:lstStyle/>
          <a:p>
            <a:pPr marL="110769">
              <a:spcBef>
                <a:spcPts val="316"/>
              </a:spcBef>
            </a:pPr>
            <a:r>
              <a:rPr sz="1283" spc="-9" dirty="0">
                <a:latin typeface="ＭＳ Ｐゴシック"/>
                <a:cs typeface="ＭＳ Ｐゴシック"/>
              </a:rPr>
              <a:t>前回検討会からの検討状況</a:t>
            </a:r>
            <a:endParaRPr sz="1283">
              <a:latin typeface="ＭＳ Ｐゴシック"/>
              <a:cs typeface="ＭＳ Ｐゴシック"/>
            </a:endParaRPr>
          </a:p>
        </p:txBody>
      </p:sp>
      <p:sp>
        <p:nvSpPr>
          <p:cNvPr id="8" name="object 8"/>
          <p:cNvSpPr txBox="1"/>
          <p:nvPr/>
        </p:nvSpPr>
        <p:spPr>
          <a:xfrm>
            <a:off x="292618" y="2394734"/>
            <a:ext cx="4579602" cy="1101357"/>
          </a:xfrm>
          <a:prstGeom prst="rect">
            <a:avLst/>
          </a:prstGeom>
        </p:spPr>
        <p:txBody>
          <a:bodyPr vert="horz" wrap="square" lIns="0" tIns="10317" rIns="0" bIns="0" rtlCol="0">
            <a:spAutoFit/>
          </a:bodyPr>
          <a:lstStyle/>
          <a:p>
            <a:pPr marL="142806" marR="4344" indent="-131946">
              <a:spcBef>
                <a:spcPts val="81"/>
              </a:spcBef>
            </a:pPr>
            <a:r>
              <a:rPr sz="1112" spc="-30" dirty="0">
                <a:latin typeface="ＭＳ Ｐゴシック"/>
                <a:cs typeface="ＭＳ Ｐゴシック"/>
              </a:rPr>
              <a:t>〇現地踏査後、ヒアリングによりニーズの具体化、深堀りを実施。津久見市</a:t>
            </a:r>
            <a:r>
              <a:rPr sz="1112" spc="428" dirty="0">
                <a:latin typeface="ＭＳ Ｐゴシック"/>
                <a:cs typeface="ＭＳ Ｐゴシック"/>
              </a:rPr>
              <a:t> </a:t>
            </a:r>
            <a:r>
              <a:rPr sz="1112" spc="-21" dirty="0">
                <a:latin typeface="ＭＳ Ｐゴシック"/>
                <a:cs typeface="ＭＳ Ｐゴシック"/>
              </a:rPr>
              <a:t>が新技術導入を想定している橋梁として、新たに１橋</a:t>
            </a:r>
            <a:r>
              <a:rPr sz="1112" spc="-17" dirty="0">
                <a:latin typeface="ＭＳ Ｐゴシック"/>
                <a:cs typeface="ＭＳ Ｐゴシック"/>
              </a:rPr>
              <a:t>～</a:t>
            </a:r>
            <a:r>
              <a:rPr sz="1112" spc="-21" dirty="0">
                <a:latin typeface="ＭＳ Ｐゴシック"/>
                <a:cs typeface="ＭＳ Ｐゴシック"/>
              </a:rPr>
              <a:t>複数橋が追加され、</a:t>
            </a:r>
            <a:r>
              <a:rPr sz="1112" spc="-26" dirty="0">
                <a:latin typeface="ＭＳ Ｐゴシック"/>
                <a:cs typeface="ＭＳ Ｐゴシック"/>
              </a:rPr>
              <a:t>第二回現地踏査を実施予定。</a:t>
            </a:r>
            <a:endParaRPr sz="1112">
              <a:latin typeface="ＭＳ Ｐゴシック"/>
              <a:cs typeface="ＭＳ Ｐゴシック"/>
            </a:endParaRPr>
          </a:p>
          <a:p>
            <a:pPr marL="142806" marR="90679" indent="-131946">
              <a:lnSpc>
                <a:spcPct val="99600"/>
              </a:lnSpc>
              <a:spcBef>
                <a:spcPts val="547"/>
              </a:spcBef>
            </a:pPr>
            <a:r>
              <a:rPr sz="1112" spc="-17" dirty="0">
                <a:latin typeface="ＭＳ Ｐゴシック"/>
                <a:cs typeface="ＭＳ Ｐゴシック"/>
              </a:rPr>
              <a:t>〇</a:t>
            </a:r>
            <a:r>
              <a:rPr sz="1112" spc="-9" dirty="0">
                <a:latin typeface="ＭＳ Ｐゴシック"/>
                <a:cs typeface="ＭＳ Ｐゴシック"/>
              </a:rPr>
              <a:t>7</a:t>
            </a:r>
            <a:r>
              <a:rPr sz="1112" spc="-26" dirty="0">
                <a:latin typeface="ＭＳ Ｐゴシック"/>
                <a:cs typeface="ＭＳ Ｐゴシック"/>
              </a:rPr>
              <a:t>月の新技術を含めた定期点検の発注に向けて、新技術・対象橋梁の決</a:t>
            </a:r>
            <a:r>
              <a:rPr sz="1112" spc="-34" dirty="0">
                <a:latin typeface="ＭＳ Ｐゴシック"/>
                <a:cs typeface="ＭＳ Ｐゴシック"/>
              </a:rPr>
              <a:t>定だけでなく仕様書の作成などの支援ニーズも見据えてスケジュールを調</a:t>
            </a:r>
            <a:r>
              <a:rPr sz="1112" spc="-30" dirty="0">
                <a:latin typeface="ＭＳ Ｐゴシック"/>
                <a:cs typeface="ＭＳ Ｐゴシック"/>
              </a:rPr>
              <a:t>整中。</a:t>
            </a:r>
            <a:endParaRPr sz="1112">
              <a:latin typeface="ＭＳ Ｐゴシック"/>
              <a:cs typeface="ＭＳ Ｐゴシック"/>
            </a:endParaRPr>
          </a:p>
        </p:txBody>
      </p:sp>
      <p:sp>
        <p:nvSpPr>
          <p:cNvPr id="9" name="object 9"/>
          <p:cNvSpPr txBox="1"/>
          <p:nvPr/>
        </p:nvSpPr>
        <p:spPr>
          <a:xfrm>
            <a:off x="457140" y="5088517"/>
            <a:ext cx="3330174" cy="263099"/>
          </a:xfrm>
          <a:prstGeom prst="rect">
            <a:avLst/>
          </a:prstGeom>
        </p:spPr>
        <p:txBody>
          <a:bodyPr vert="horz" wrap="square" lIns="0" tIns="13032" rIns="0" bIns="0" rtlCol="0">
            <a:spAutoFit/>
          </a:bodyPr>
          <a:lstStyle/>
          <a:p>
            <a:pPr marL="10860">
              <a:spcBef>
                <a:spcPts val="103"/>
              </a:spcBef>
            </a:pPr>
            <a:r>
              <a:rPr sz="812" spc="-13" dirty="0">
                <a:latin typeface="ＭＳ Ｐゴシック"/>
                <a:cs typeface="ＭＳ Ｐゴシック"/>
              </a:rPr>
              <a:t>ひびみっけによるコンクリート構造物の画像合成と損傷自動検出のイメージ</a:t>
            </a:r>
            <a:endParaRPr sz="812">
              <a:latin typeface="ＭＳ Ｐゴシック"/>
              <a:cs typeface="ＭＳ Ｐゴシック"/>
            </a:endParaRPr>
          </a:p>
        </p:txBody>
      </p:sp>
      <p:sp>
        <p:nvSpPr>
          <p:cNvPr id="10" name="object 10"/>
          <p:cNvSpPr txBox="1"/>
          <p:nvPr/>
        </p:nvSpPr>
        <p:spPr>
          <a:xfrm>
            <a:off x="73806" y="6434520"/>
            <a:ext cx="3185196" cy="123953"/>
          </a:xfrm>
          <a:prstGeom prst="rect">
            <a:avLst/>
          </a:prstGeom>
        </p:spPr>
        <p:txBody>
          <a:bodyPr vert="horz" wrap="square" lIns="0" tIns="11946" rIns="0" bIns="0" rtlCol="0">
            <a:spAutoFit/>
          </a:bodyPr>
          <a:lstStyle/>
          <a:p>
            <a:pPr marL="10860">
              <a:spcBef>
                <a:spcPts val="94"/>
              </a:spcBef>
            </a:pPr>
            <a:r>
              <a:rPr sz="727" dirty="0">
                <a:latin typeface="ＭＳ Ｐゴシック"/>
                <a:cs typeface="ＭＳ Ｐゴシック"/>
              </a:rPr>
              <a:t>出典</a:t>
            </a:r>
            <a:r>
              <a:rPr sz="727" spc="-9" dirty="0">
                <a:latin typeface="ＭＳ Ｐゴシック"/>
                <a:cs typeface="ＭＳ Ｐゴシック"/>
              </a:rPr>
              <a:t>）https://</a:t>
            </a:r>
            <a:r>
              <a:rPr sz="727" spc="-9" dirty="0">
                <a:latin typeface="ＭＳ Ｐゴシック"/>
                <a:cs typeface="ＭＳ Ｐゴシック"/>
                <a:hlinkClick r:id="rId2"/>
              </a:rPr>
              <a:t>www.fujifilm.com/jp/ja/business/inspection/infraservice/hibimikke</a:t>
            </a:r>
            <a:endParaRPr sz="727">
              <a:latin typeface="ＭＳ Ｐゴシック"/>
              <a:cs typeface="ＭＳ Ｐゴシック"/>
            </a:endParaRPr>
          </a:p>
        </p:txBody>
      </p:sp>
      <p:grpSp>
        <p:nvGrpSpPr>
          <p:cNvPr id="11" name="object 11"/>
          <p:cNvGrpSpPr/>
          <p:nvPr/>
        </p:nvGrpSpPr>
        <p:grpSpPr>
          <a:xfrm>
            <a:off x="5015951" y="4325263"/>
            <a:ext cx="3992084" cy="2226271"/>
            <a:chOff x="5865876" y="4829555"/>
            <a:chExt cx="4668520" cy="2603500"/>
          </a:xfrm>
        </p:grpSpPr>
        <p:sp>
          <p:nvSpPr>
            <p:cNvPr id="12" name="object 12"/>
            <p:cNvSpPr/>
            <p:nvPr/>
          </p:nvSpPr>
          <p:spPr>
            <a:xfrm>
              <a:off x="5865876" y="4829555"/>
              <a:ext cx="2915920" cy="2603500"/>
            </a:xfrm>
            <a:custGeom>
              <a:avLst/>
              <a:gdLst/>
              <a:ahLst/>
              <a:cxnLst/>
              <a:rect l="l" t="t" r="r" b="b"/>
              <a:pathLst>
                <a:path w="2915920" h="2603500">
                  <a:moveTo>
                    <a:pt x="2915411" y="2602991"/>
                  </a:moveTo>
                  <a:lnTo>
                    <a:pt x="0" y="2602991"/>
                  </a:lnTo>
                  <a:lnTo>
                    <a:pt x="0" y="0"/>
                  </a:lnTo>
                  <a:lnTo>
                    <a:pt x="2915411" y="0"/>
                  </a:lnTo>
                  <a:lnTo>
                    <a:pt x="2915411" y="2602991"/>
                  </a:lnTo>
                  <a:close/>
                </a:path>
              </a:pathLst>
            </a:custGeom>
            <a:solidFill>
              <a:srgbClr val="DBE6F2"/>
            </a:solidFill>
          </p:spPr>
          <p:txBody>
            <a:bodyPr wrap="square" lIns="0" tIns="0" rIns="0" bIns="0" rtlCol="0"/>
            <a:lstStyle/>
            <a:p>
              <a:endParaRPr sz="1749"/>
            </a:p>
          </p:txBody>
        </p:sp>
        <p:sp>
          <p:nvSpPr>
            <p:cNvPr id="13" name="object 13"/>
            <p:cNvSpPr/>
            <p:nvPr/>
          </p:nvSpPr>
          <p:spPr>
            <a:xfrm>
              <a:off x="5989320" y="5426963"/>
              <a:ext cx="311150" cy="1219200"/>
            </a:xfrm>
            <a:custGeom>
              <a:avLst/>
              <a:gdLst/>
              <a:ahLst/>
              <a:cxnLst/>
              <a:rect l="l" t="t" r="r" b="b"/>
              <a:pathLst>
                <a:path w="311150" h="1219200">
                  <a:moveTo>
                    <a:pt x="155448" y="1219200"/>
                  </a:moveTo>
                  <a:lnTo>
                    <a:pt x="0" y="1065275"/>
                  </a:lnTo>
                  <a:lnTo>
                    <a:pt x="0" y="0"/>
                  </a:lnTo>
                  <a:lnTo>
                    <a:pt x="155448" y="155448"/>
                  </a:lnTo>
                  <a:lnTo>
                    <a:pt x="310896" y="0"/>
                  </a:lnTo>
                  <a:lnTo>
                    <a:pt x="310896" y="1065275"/>
                  </a:lnTo>
                  <a:lnTo>
                    <a:pt x="155448" y="1219200"/>
                  </a:lnTo>
                  <a:close/>
                </a:path>
              </a:pathLst>
            </a:custGeom>
            <a:solidFill>
              <a:srgbClr val="4F80BC"/>
            </a:solidFill>
          </p:spPr>
          <p:txBody>
            <a:bodyPr wrap="square" lIns="0" tIns="0" rIns="0" bIns="0" rtlCol="0"/>
            <a:lstStyle/>
            <a:p>
              <a:endParaRPr sz="1749"/>
            </a:p>
          </p:txBody>
        </p:sp>
        <p:sp>
          <p:nvSpPr>
            <p:cNvPr id="14" name="object 14"/>
            <p:cNvSpPr/>
            <p:nvPr/>
          </p:nvSpPr>
          <p:spPr>
            <a:xfrm>
              <a:off x="5989320" y="5426963"/>
              <a:ext cx="311150" cy="1219200"/>
            </a:xfrm>
            <a:custGeom>
              <a:avLst/>
              <a:gdLst/>
              <a:ahLst/>
              <a:cxnLst/>
              <a:rect l="l" t="t" r="r" b="b"/>
              <a:pathLst>
                <a:path w="311150" h="1219200">
                  <a:moveTo>
                    <a:pt x="310896" y="0"/>
                  </a:moveTo>
                  <a:lnTo>
                    <a:pt x="310896" y="1065275"/>
                  </a:lnTo>
                  <a:lnTo>
                    <a:pt x="155448" y="1219200"/>
                  </a:lnTo>
                  <a:lnTo>
                    <a:pt x="0" y="1065275"/>
                  </a:lnTo>
                  <a:lnTo>
                    <a:pt x="0" y="0"/>
                  </a:lnTo>
                  <a:lnTo>
                    <a:pt x="155448" y="155448"/>
                  </a:lnTo>
                  <a:lnTo>
                    <a:pt x="310896" y="0"/>
                  </a:lnTo>
                  <a:close/>
                </a:path>
              </a:pathLst>
            </a:custGeom>
            <a:ln w="27432">
              <a:solidFill>
                <a:srgbClr val="1C334D"/>
              </a:solidFill>
            </a:ln>
          </p:spPr>
          <p:txBody>
            <a:bodyPr wrap="square" lIns="0" tIns="0" rIns="0" bIns="0" rtlCol="0"/>
            <a:lstStyle/>
            <a:p>
              <a:endParaRPr sz="1749"/>
            </a:p>
          </p:txBody>
        </p:sp>
        <p:sp>
          <p:nvSpPr>
            <p:cNvPr id="15" name="object 15"/>
            <p:cNvSpPr/>
            <p:nvPr/>
          </p:nvSpPr>
          <p:spPr>
            <a:xfrm>
              <a:off x="5989320" y="6658355"/>
              <a:ext cx="311150" cy="637540"/>
            </a:xfrm>
            <a:custGeom>
              <a:avLst/>
              <a:gdLst/>
              <a:ahLst/>
              <a:cxnLst/>
              <a:rect l="l" t="t" r="r" b="b"/>
              <a:pathLst>
                <a:path w="311150" h="637540">
                  <a:moveTo>
                    <a:pt x="155448" y="637032"/>
                  </a:moveTo>
                  <a:lnTo>
                    <a:pt x="0" y="483108"/>
                  </a:lnTo>
                  <a:lnTo>
                    <a:pt x="0" y="0"/>
                  </a:lnTo>
                  <a:lnTo>
                    <a:pt x="155448" y="153924"/>
                  </a:lnTo>
                  <a:lnTo>
                    <a:pt x="310896" y="0"/>
                  </a:lnTo>
                  <a:lnTo>
                    <a:pt x="310896" y="483108"/>
                  </a:lnTo>
                  <a:lnTo>
                    <a:pt x="155448" y="637032"/>
                  </a:lnTo>
                  <a:close/>
                </a:path>
              </a:pathLst>
            </a:custGeom>
            <a:solidFill>
              <a:srgbClr val="4F80BC"/>
            </a:solidFill>
          </p:spPr>
          <p:txBody>
            <a:bodyPr wrap="square" lIns="0" tIns="0" rIns="0" bIns="0" rtlCol="0"/>
            <a:lstStyle/>
            <a:p>
              <a:endParaRPr sz="1749"/>
            </a:p>
          </p:txBody>
        </p:sp>
        <p:sp>
          <p:nvSpPr>
            <p:cNvPr id="16" name="object 16"/>
            <p:cNvSpPr/>
            <p:nvPr/>
          </p:nvSpPr>
          <p:spPr>
            <a:xfrm>
              <a:off x="5989320" y="6658355"/>
              <a:ext cx="311150" cy="637540"/>
            </a:xfrm>
            <a:custGeom>
              <a:avLst/>
              <a:gdLst/>
              <a:ahLst/>
              <a:cxnLst/>
              <a:rect l="l" t="t" r="r" b="b"/>
              <a:pathLst>
                <a:path w="311150" h="637540">
                  <a:moveTo>
                    <a:pt x="310896" y="0"/>
                  </a:moveTo>
                  <a:lnTo>
                    <a:pt x="310896" y="483108"/>
                  </a:lnTo>
                  <a:lnTo>
                    <a:pt x="155448" y="637032"/>
                  </a:lnTo>
                  <a:lnTo>
                    <a:pt x="0" y="483108"/>
                  </a:lnTo>
                  <a:lnTo>
                    <a:pt x="0" y="0"/>
                  </a:lnTo>
                  <a:lnTo>
                    <a:pt x="155448" y="153924"/>
                  </a:lnTo>
                  <a:lnTo>
                    <a:pt x="310896" y="0"/>
                  </a:lnTo>
                  <a:close/>
                </a:path>
              </a:pathLst>
            </a:custGeom>
            <a:ln w="27432">
              <a:solidFill>
                <a:srgbClr val="1C334D"/>
              </a:solidFill>
            </a:ln>
          </p:spPr>
          <p:txBody>
            <a:bodyPr wrap="square" lIns="0" tIns="0" rIns="0" bIns="0" rtlCol="0"/>
            <a:lstStyle/>
            <a:p>
              <a:endParaRPr sz="1749"/>
            </a:p>
          </p:txBody>
        </p:sp>
        <p:sp>
          <p:nvSpPr>
            <p:cNvPr id="17" name="object 17"/>
            <p:cNvSpPr/>
            <p:nvPr/>
          </p:nvSpPr>
          <p:spPr>
            <a:xfrm>
              <a:off x="8799576" y="4829555"/>
              <a:ext cx="1734820" cy="2581910"/>
            </a:xfrm>
            <a:custGeom>
              <a:avLst/>
              <a:gdLst/>
              <a:ahLst/>
              <a:cxnLst/>
              <a:rect l="l" t="t" r="r" b="b"/>
              <a:pathLst>
                <a:path w="1734820" h="2581909">
                  <a:moveTo>
                    <a:pt x="1734312" y="2581656"/>
                  </a:moveTo>
                  <a:lnTo>
                    <a:pt x="0" y="2581656"/>
                  </a:lnTo>
                  <a:lnTo>
                    <a:pt x="0" y="0"/>
                  </a:lnTo>
                  <a:lnTo>
                    <a:pt x="1734312" y="0"/>
                  </a:lnTo>
                  <a:lnTo>
                    <a:pt x="1734312" y="2581656"/>
                  </a:lnTo>
                  <a:close/>
                </a:path>
              </a:pathLst>
            </a:custGeom>
            <a:solidFill>
              <a:srgbClr val="DBE6F2"/>
            </a:solidFill>
          </p:spPr>
          <p:txBody>
            <a:bodyPr wrap="square" lIns="0" tIns="0" rIns="0" bIns="0" rtlCol="0"/>
            <a:lstStyle/>
            <a:p>
              <a:endParaRPr sz="1749"/>
            </a:p>
          </p:txBody>
        </p:sp>
      </p:grpSp>
      <p:sp>
        <p:nvSpPr>
          <p:cNvPr id="18" name="object 18"/>
          <p:cNvSpPr txBox="1">
            <a:spLocks noGrp="1"/>
          </p:cNvSpPr>
          <p:nvPr>
            <p:ph type="body" idx="1"/>
          </p:nvPr>
        </p:nvSpPr>
        <p:spPr>
          <a:xfrm flipH="1">
            <a:off x="5141900" y="2306963"/>
            <a:ext cx="3512073" cy="1518523"/>
          </a:xfrm>
          <a:prstGeom prst="rect">
            <a:avLst/>
          </a:prstGeom>
        </p:spPr>
        <p:txBody>
          <a:bodyPr vert="horz" wrap="square" lIns="0" tIns="10317" rIns="0" bIns="0" rtlCol="0">
            <a:spAutoFit/>
          </a:bodyPr>
          <a:lstStyle/>
          <a:p>
            <a:pPr marL="142806" marR="46154" indent="-131946">
              <a:lnSpc>
                <a:spcPct val="100000"/>
              </a:lnSpc>
              <a:spcBef>
                <a:spcPts val="81"/>
              </a:spcBef>
            </a:pPr>
            <a:r>
              <a:rPr sz="1100" spc="-30" dirty="0"/>
              <a:t>〇今夏を予定する定期点検、橋梁補修工事の発注において、検</a:t>
            </a:r>
            <a:r>
              <a:rPr sz="1100" spc="-26" dirty="0"/>
              <a:t>討中の新技術の試行を実施</a:t>
            </a:r>
          </a:p>
          <a:p>
            <a:pPr marL="142806" marR="4344" indent="-132489">
              <a:lnSpc>
                <a:spcPct val="99500"/>
              </a:lnSpc>
              <a:spcBef>
                <a:spcPts val="560"/>
              </a:spcBef>
              <a:buSzPct val="92307"/>
              <a:buChar char="○"/>
              <a:tabLst>
                <a:tab pos="142806" algn="l"/>
                <a:tab pos="151494" algn="l"/>
              </a:tabLst>
            </a:pPr>
            <a:r>
              <a:rPr sz="1100" dirty="0"/>
              <a:t>	</a:t>
            </a:r>
            <a:r>
              <a:rPr sz="1100" spc="-13" dirty="0"/>
              <a:t>来年度以降に令和</a:t>
            </a:r>
            <a:r>
              <a:rPr sz="1100" spc="-9" dirty="0"/>
              <a:t>6</a:t>
            </a:r>
            <a:r>
              <a:rPr sz="1100" spc="-17" dirty="0"/>
              <a:t>年度の定期点検で確認された健全度Ⅲ判</a:t>
            </a:r>
            <a:r>
              <a:rPr sz="1100" spc="-21" dirty="0"/>
              <a:t>定の橋梁を中心に補修設計・補修工事を実施。令和</a:t>
            </a:r>
            <a:r>
              <a:rPr sz="1100" spc="-9" dirty="0"/>
              <a:t>6</a:t>
            </a:r>
            <a:r>
              <a:rPr sz="1100" spc="-13" dirty="0"/>
              <a:t>年度試行</a:t>
            </a:r>
            <a:r>
              <a:rPr sz="1100" spc="-21" dirty="0"/>
              <a:t>した新技術の成果を踏まえ、同技術もしくは他技術の実装を検</a:t>
            </a:r>
            <a:r>
              <a:rPr sz="1100" spc="-13" dirty="0"/>
              <a:t>討。</a:t>
            </a:r>
          </a:p>
          <a:p>
            <a:pPr marL="142806" marR="55928" indent="-132489">
              <a:lnSpc>
                <a:spcPct val="100000"/>
              </a:lnSpc>
              <a:spcBef>
                <a:spcPts val="552"/>
              </a:spcBef>
              <a:buSzPct val="92307"/>
              <a:buChar char="○"/>
              <a:tabLst>
                <a:tab pos="142806" algn="l"/>
                <a:tab pos="151494" algn="l"/>
              </a:tabLst>
            </a:pPr>
            <a:r>
              <a:rPr sz="1100" dirty="0"/>
              <a:t>	</a:t>
            </a:r>
            <a:r>
              <a:rPr sz="1100" spc="-30" dirty="0"/>
              <a:t>上記とあわせ、直営点検への新技術導入を目指し、職員勉強会などの技術力向上に向けた支援を行う。</a:t>
            </a:r>
          </a:p>
        </p:txBody>
      </p:sp>
      <p:pic>
        <p:nvPicPr>
          <p:cNvPr id="19" name="object 19"/>
          <p:cNvPicPr/>
          <p:nvPr/>
        </p:nvPicPr>
        <p:blipFill>
          <a:blip r:embed="rId3" cstate="print"/>
          <a:stretch>
            <a:fillRect/>
          </a:stretch>
        </p:blipFill>
        <p:spPr>
          <a:xfrm>
            <a:off x="526485" y="5318290"/>
            <a:ext cx="3512077" cy="1136375"/>
          </a:xfrm>
          <a:prstGeom prst="rect">
            <a:avLst/>
          </a:prstGeom>
        </p:spPr>
      </p:pic>
      <p:sp>
        <p:nvSpPr>
          <p:cNvPr id="20" name="object 20"/>
          <p:cNvSpPr txBox="1"/>
          <p:nvPr/>
        </p:nvSpPr>
        <p:spPr>
          <a:xfrm>
            <a:off x="7971569" y="4850447"/>
            <a:ext cx="898110" cy="654923"/>
          </a:xfrm>
          <a:prstGeom prst="rect">
            <a:avLst/>
          </a:prstGeom>
          <a:solidFill>
            <a:srgbClr val="FFFFFF"/>
          </a:solidFill>
          <a:ln w="13715">
            <a:solidFill>
              <a:srgbClr val="1C334D"/>
            </a:solidFill>
          </a:ln>
        </p:spPr>
        <p:txBody>
          <a:bodyPr vert="horz" wrap="square" lIns="0" tIns="0" rIns="0" bIns="0" rtlCol="0">
            <a:spAutoFit/>
          </a:bodyPr>
          <a:lstStyle/>
          <a:p>
            <a:pPr>
              <a:lnSpc>
                <a:spcPct val="100000"/>
              </a:lnSpc>
            </a:pPr>
            <a:endParaRPr sz="812">
              <a:latin typeface="Times New Roman"/>
              <a:cs typeface="Times New Roman"/>
            </a:endParaRPr>
          </a:p>
          <a:p>
            <a:pPr>
              <a:lnSpc>
                <a:spcPct val="100000"/>
              </a:lnSpc>
            </a:pPr>
            <a:endParaRPr sz="812">
              <a:latin typeface="Times New Roman"/>
              <a:cs typeface="Times New Roman"/>
            </a:endParaRPr>
          </a:p>
          <a:p>
            <a:pPr>
              <a:spcBef>
                <a:spcPts val="235"/>
              </a:spcBef>
            </a:pPr>
            <a:endParaRPr sz="812">
              <a:latin typeface="Times New Roman"/>
              <a:cs typeface="Times New Roman"/>
            </a:endParaRPr>
          </a:p>
          <a:p>
            <a:pPr marL="83077" marR="87964">
              <a:lnSpc>
                <a:spcPct val="101899"/>
              </a:lnSpc>
            </a:pPr>
            <a:r>
              <a:rPr sz="812" spc="-9" dirty="0">
                <a:latin typeface="ＭＳ Ｐゴシック"/>
                <a:cs typeface="ＭＳ Ｐゴシック"/>
              </a:rPr>
              <a:t>職員に向けた勉強会等の支援</a:t>
            </a:r>
            <a:endParaRPr sz="812">
              <a:latin typeface="ＭＳ Ｐゴシック"/>
              <a:cs typeface="ＭＳ Ｐゴシック"/>
            </a:endParaRPr>
          </a:p>
        </p:txBody>
      </p:sp>
      <p:sp>
        <p:nvSpPr>
          <p:cNvPr id="21" name="object 21"/>
          <p:cNvSpPr txBox="1"/>
          <p:nvPr/>
        </p:nvSpPr>
        <p:spPr>
          <a:xfrm>
            <a:off x="7971569" y="5908632"/>
            <a:ext cx="898110" cy="365669"/>
          </a:xfrm>
          <a:prstGeom prst="rect">
            <a:avLst/>
          </a:prstGeom>
          <a:solidFill>
            <a:srgbClr val="FFFFFF"/>
          </a:solidFill>
          <a:ln w="13715">
            <a:solidFill>
              <a:srgbClr val="1C334D"/>
            </a:solidFill>
          </a:ln>
        </p:spPr>
        <p:txBody>
          <a:bodyPr vert="horz" wrap="square" lIns="0" tIns="110228" rIns="0" bIns="0" rtlCol="0">
            <a:spAutoFit/>
          </a:bodyPr>
          <a:lstStyle/>
          <a:p>
            <a:pPr marL="83077" marR="174299">
              <a:lnSpc>
                <a:spcPct val="102200"/>
              </a:lnSpc>
              <a:spcBef>
                <a:spcPts val="868"/>
              </a:spcBef>
            </a:pPr>
            <a:r>
              <a:rPr sz="812" spc="-9" dirty="0">
                <a:latin typeface="ＭＳ Ｐゴシック"/>
                <a:cs typeface="ＭＳ Ｐゴシック"/>
              </a:rPr>
              <a:t>直営点検方法</a:t>
            </a:r>
            <a:r>
              <a:rPr sz="812" spc="-17" dirty="0">
                <a:latin typeface="ＭＳ Ｐゴシック"/>
                <a:cs typeface="ＭＳ Ｐゴシック"/>
              </a:rPr>
              <a:t>の改善</a:t>
            </a:r>
            <a:endParaRPr sz="812">
              <a:latin typeface="ＭＳ Ｐゴシック"/>
              <a:cs typeface="ＭＳ Ｐゴシック"/>
            </a:endParaRPr>
          </a:p>
        </p:txBody>
      </p:sp>
      <p:sp>
        <p:nvSpPr>
          <p:cNvPr id="22" name="object 22"/>
          <p:cNvSpPr txBox="1"/>
          <p:nvPr/>
        </p:nvSpPr>
        <p:spPr>
          <a:xfrm>
            <a:off x="7556866" y="3962707"/>
            <a:ext cx="1346079" cy="352691"/>
          </a:xfrm>
          <a:prstGeom prst="rect">
            <a:avLst/>
          </a:prstGeom>
        </p:spPr>
        <p:txBody>
          <a:bodyPr vert="horz" wrap="square" lIns="0" tIns="10317" rIns="0" bIns="0" rtlCol="0">
            <a:spAutoFit/>
          </a:bodyPr>
          <a:lstStyle/>
          <a:p>
            <a:pPr marL="141720" marR="4344" indent="-131403">
              <a:spcBef>
                <a:spcPts val="81"/>
              </a:spcBef>
            </a:pPr>
            <a:r>
              <a:rPr sz="1112" spc="-21" dirty="0">
                <a:latin typeface="ＭＳ Ｐゴシック"/>
                <a:cs typeface="ＭＳ Ｐゴシック"/>
              </a:rPr>
              <a:t>②直営点検におけるノ</a:t>
            </a:r>
            <a:r>
              <a:rPr sz="1112" spc="-26" dirty="0">
                <a:latin typeface="ＭＳ Ｐゴシック"/>
                <a:cs typeface="ＭＳ Ｐゴシック"/>
              </a:rPr>
              <a:t>ウハウ向上支援</a:t>
            </a:r>
            <a:endParaRPr sz="1112">
              <a:latin typeface="ＭＳ Ｐゴシック"/>
              <a:cs typeface="ＭＳ Ｐゴシック"/>
            </a:endParaRPr>
          </a:p>
        </p:txBody>
      </p:sp>
      <p:grpSp>
        <p:nvGrpSpPr>
          <p:cNvPr id="23" name="object 23"/>
          <p:cNvGrpSpPr/>
          <p:nvPr/>
        </p:nvGrpSpPr>
        <p:grpSpPr>
          <a:xfrm>
            <a:off x="5109779" y="4437338"/>
            <a:ext cx="2774694" cy="2016133"/>
            <a:chOff x="5975603" y="4960620"/>
            <a:chExt cx="3244850" cy="2357755"/>
          </a:xfrm>
        </p:grpSpPr>
        <p:sp>
          <p:nvSpPr>
            <p:cNvPr id="24" name="object 24"/>
            <p:cNvSpPr/>
            <p:nvPr/>
          </p:nvSpPr>
          <p:spPr>
            <a:xfrm>
              <a:off x="8892539" y="4974336"/>
              <a:ext cx="314325" cy="563880"/>
            </a:xfrm>
            <a:custGeom>
              <a:avLst/>
              <a:gdLst/>
              <a:ahLst/>
              <a:cxnLst/>
              <a:rect l="l" t="t" r="r" b="b"/>
              <a:pathLst>
                <a:path w="314325" h="563879">
                  <a:moveTo>
                    <a:pt x="156972" y="563880"/>
                  </a:moveTo>
                  <a:lnTo>
                    <a:pt x="0" y="406908"/>
                  </a:lnTo>
                  <a:lnTo>
                    <a:pt x="0" y="0"/>
                  </a:lnTo>
                  <a:lnTo>
                    <a:pt x="313944" y="0"/>
                  </a:lnTo>
                  <a:lnTo>
                    <a:pt x="313944" y="406908"/>
                  </a:lnTo>
                  <a:lnTo>
                    <a:pt x="156972" y="563880"/>
                  </a:lnTo>
                  <a:close/>
                </a:path>
              </a:pathLst>
            </a:custGeom>
            <a:solidFill>
              <a:srgbClr val="4F80BC"/>
            </a:solidFill>
          </p:spPr>
          <p:txBody>
            <a:bodyPr wrap="square" lIns="0" tIns="0" rIns="0" bIns="0" rtlCol="0"/>
            <a:lstStyle/>
            <a:p>
              <a:endParaRPr sz="1749"/>
            </a:p>
          </p:txBody>
        </p:sp>
        <p:sp>
          <p:nvSpPr>
            <p:cNvPr id="25" name="object 25"/>
            <p:cNvSpPr/>
            <p:nvPr/>
          </p:nvSpPr>
          <p:spPr>
            <a:xfrm>
              <a:off x="8892539" y="4974336"/>
              <a:ext cx="314325" cy="563880"/>
            </a:xfrm>
            <a:custGeom>
              <a:avLst/>
              <a:gdLst/>
              <a:ahLst/>
              <a:cxnLst/>
              <a:rect l="l" t="t" r="r" b="b"/>
              <a:pathLst>
                <a:path w="314325" h="563879">
                  <a:moveTo>
                    <a:pt x="313944" y="0"/>
                  </a:moveTo>
                  <a:lnTo>
                    <a:pt x="313944" y="406908"/>
                  </a:lnTo>
                  <a:lnTo>
                    <a:pt x="156972" y="563880"/>
                  </a:lnTo>
                  <a:lnTo>
                    <a:pt x="0" y="406908"/>
                  </a:lnTo>
                  <a:lnTo>
                    <a:pt x="0" y="0"/>
                  </a:lnTo>
                  <a:lnTo>
                    <a:pt x="313944" y="0"/>
                  </a:lnTo>
                  <a:close/>
                </a:path>
              </a:pathLst>
            </a:custGeom>
            <a:ln w="27432">
              <a:solidFill>
                <a:srgbClr val="1C334D"/>
              </a:solidFill>
            </a:ln>
          </p:spPr>
          <p:txBody>
            <a:bodyPr wrap="square" lIns="0" tIns="0" rIns="0" bIns="0" rtlCol="0"/>
            <a:lstStyle/>
            <a:p>
              <a:endParaRPr sz="1749"/>
            </a:p>
          </p:txBody>
        </p:sp>
        <p:sp>
          <p:nvSpPr>
            <p:cNvPr id="26" name="object 26"/>
            <p:cNvSpPr/>
            <p:nvPr/>
          </p:nvSpPr>
          <p:spPr>
            <a:xfrm>
              <a:off x="8887967" y="6653784"/>
              <a:ext cx="309880" cy="650875"/>
            </a:xfrm>
            <a:custGeom>
              <a:avLst/>
              <a:gdLst/>
              <a:ahLst/>
              <a:cxnLst/>
              <a:rect l="l" t="t" r="r" b="b"/>
              <a:pathLst>
                <a:path w="309879" h="650875">
                  <a:moveTo>
                    <a:pt x="155448" y="650748"/>
                  </a:moveTo>
                  <a:lnTo>
                    <a:pt x="0" y="495300"/>
                  </a:lnTo>
                  <a:lnTo>
                    <a:pt x="0" y="0"/>
                  </a:lnTo>
                  <a:lnTo>
                    <a:pt x="155448" y="155448"/>
                  </a:lnTo>
                  <a:lnTo>
                    <a:pt x="309371" y="0"/>
                  </a:lnTo>
                  <a:lnTo>
                    <a:pt x="309371" y="495300"/>
                  </a:lnTo>
                  <a:lnTo>
                    <a:pt x="155448" y="650748"/>
                  </a:lnTo>
                  <a:close/>
                </a:path>
              </a:pathLst>
            </a:custGeom>
            <a:solidFill>
              <a:srgbClr val="4F80BC"/>
            </a:solidFill>
          </p:spPr>
          <p:txBody>
            <a:bodyPr wrap="square" lIns="0" tIns="0" rIns="0" bIns="0" rtlCol="0"/>
            <a:lstStyle/>
            <a:p>
              <a:endParaRPr sz="1749"/>
            </a:p>
          </p:txBody>
        </p:sp>
        <p:sp>
          <p:nvSpPr>
            <p:cNvPr id="27" name="object 27"/>
            <p:cNvSpPr/>
            <p:nvPr/>
          </p:nvSpPr>
          <p:spPr>
            <a:xfrm>
              <a:off x="8887967" y="6653784"/>
              <a:ext cx="309880" cy="650875"/>
            </a:xfrm>
            <a:custGeom>
              <a:avLst/>
              <a:gdLst/>
              <a:ahLst/>
              <a:cxnLst/>
              <a:rect l="l" t="t" r="r" b="b"/>
              <a:pathLst>
                <a:path w="309879" h="650875">
                  <a:moveTo>
                    <a:pt x="309371" y="0"/>
                  </a:moveTo>
                  <a:lnTo>
                    <a:pt x="309371" y="495300"/>
                  </a:lnTo>
                  <a:lnTo>
                    <a:pt x="155448" y="650748"/>
                  </a:lnTo>
                  <a:lnTo>
                    <a:pt x="0" y="495300"/>
                  </a:lnTo>
                  <a:lnTo>
                    <a:pt x="0" y="0"/>
                  </a:lnTo>
                  <a:lnTo>
                    <a:pt x="155448" y="155448"/>
                  </a:lnTo>
                  <a:lnTo>
                    <a:pt x="309371" y="0"/>
                  </a:lnTo>
                  <a:close/>
                </a:path>
              </a:pathLst>
            </a:custGeom>
            <a:ln w="27431">
              <a:solidFill>
                <a:srgbClr val="1C334D"/>
              </a:solidFill>
            </a:ln>
          </p:spPr>
          <p:txBody>
            <a:bodyPr wrap="square" lIns="0" tIns="0" rIns="0" bIns="0" rtlCol="0"/>
            <a:lstStyle/>
            <a:p>
              <a:endParaRPr sz="1749"/>
            </a:p>
          </p:txBody>
        </p:sp>
        <p:sp>
          <p:nvSpPr>
            <p:cNvPr id="28" name="object 28"/>
            <p:cNvSpPr/>
            <p:nvPr/>
          </p:nvSpPr>
          <p:spPr>
            <a:xfrm>
              <a:off x="8892539" y="5455920"/>
              <a:ext cx="311150" cy="1249680"/>
            </a:xfrm>
            <a:custGeom>
              <a:avLst/>
              <a:gdLst/>
              <a:ahLst/>
              <a:cxnLst/>
              <a:rect l="l" t="t" r="r" b="b"/>
              <a:pathLst>
                <a:path w="311150" h="1249679">
                  <a:moveTo>
                    <a:pt x="155448" y="1249680"/>
                  </a:moveTo>
                  <a:lnTo>
                    <a:pt x="0" y="1094232"/>
                  </a:lnTo>
                  <a:lnTo>
                    <a:pt x="0" y="0"/>
                  </a:lnTo>
                  <a:lnTo>
                    <a:pt x="155448" y="153924"/>
                  </a:lnTo>
                  <a:lnTo>
                    <a:pt x="310896" y="0"/>
                  </a:lnTo>
                  <a:lnTo>
                    <a:pt x="310896" y="1094232"/>
                  </a:lnTo>
                  <a:lnTo>
                    <a:pt x="155448" y="1249680"/>
                  </a:lnTo>
                  <a:close/>
                </a:path>
              </a:pathLst>
            </a:custGeom>
            <a:solidFill>
              <a:srgbClr val="4F80BC"/>
            </a:solidFill>
          </p:spPr>
          <p:txBody>
            <a:bodyPr wrap="square" lIns="0" tIns="0" rIns="0" bIns="0" rtlCol="0"/>
            <a:lstStyle/>
            <a:p>
              <a:endParaRPr sz="1749"/>
            </a:p>
          </p:txBody>
        </p:sp>
        <p:sp>
          <p:nvSpPr>
            <p:cNvPr id="29" name="object 29"/>
            <p:cNvSpPr/>
            <p:nvPr/>
          </p:nvSpPr>
          <p:spPr>
            <a:xfrm>
              <a:off x="8892539" y="5455920"/>
              <a:ext cx="311150" cy="1249680"/>
            </a:xfrm>
            <a:custGeom>
              <a:avLst/>
              <a:gdLst/>
              <a:ahLst/>
              <a:cxnLst/>
              <a:rect l="l" t="t" r="r" b="b"/>
              <a:pathLst>
                <a:path w="311150" h="1249679">
                  <a:moveTo>
                    <a:pt x="310896" y="0"/>
                  </a:moveTo>
                  <a:lnTo>
                    <a:pt x="310896" y="1094232"/>
                  </a:lnTo>
                  <a:lnTo>
                    <a:pt x="155448" y="1249680"/>
                  </a:lnTo>
                  <a:lnTo>
                    <a:pt x="0" y="1094232"/>
                  </a:lnTo>
                  <a:lnTo>
                    <a:pt x="0" y="0"/>
                  </a:lnTo>
                  <a:lnTo>
                    <a:pt x="155448" y="153924"/>
                  </a:lnTo>
                  <a:lnTo>
                    <a:pt x="310896" y="0"/>
                  </a:lnTo>
                  <a:close/>
                </a:path>
              </a:pathLst>
            </a:custGeom>
            <a:ln w="27432">
              <a:solidFill>
                <a:srgbClr val="1C334D"/>
              </a:solidFill>
            </a:ln>
          </p:spPr>
          <p:txBody>
            <a:bodyPr wrap="square" lIns="0" tIns="0" rIns="0" bIns="0" rtlCol="0"/>
            <a:lstStyle/>
            <a:p>
              <a:endParaRPr sz="1749"/>
            </a:p>
          </p:txBody>
        </p:sp>
        <p:sp>
          <p:nvSpPr>
            <p:cNvPr id="30" name="object 30"/>
            <p:cNvSpPr/>
            <p:nvPr/>
          </p:nvSpPr>
          <p:spPr>
            <a:xfrm>
              <a:off x="5989319" y="4981955"/>
              <a:ext cx="329565" cy="445134"/>
            </a:xfrm>
            <a:custGeom>
              <a:avLst/>
              <a:gdLst/>
              <a:ahLst/>
              <a:cxnLst/>
              <a:rect l="l" t="t" r="r" b="b"/>
              <a:pathLst>
                <a:path w="329564" h="445135">
                  <a:moveTo>
                    <a:pt x="164592" y="445008"/>
                  </a:moveTo>
                  <a:lnTo>
                    <a:pt x="0" y="280416"/>
                  </a:lnTo>
                  <a:lnTo>
                    <a:pt x="0" y="0"/>
                  </a:lnTo>
                  <a:lnTo>
                    <a:pt x="329183" y="0"/>
                  </a:lnTo>
                  <a:lnTo>
                    <a:pt x="329183" y="280416"/>
                  </a:lnTo>
                  <a:lnTo>
                    <a:pt x="164592" y="445008"/>
                  </a:lnTo>
                  <a:close/>
                </a:path>
              </a:pathLst>
            </a:custGeom>
            <a:solidFill>
              <a:srgbClr val="4F80BC"/>
            </a:solidFill>
          </p:spPr>
          <p:txBody>
            <a:bodyPr wrap="square" lIns="0" tIns="0" rIns="0" bIns="0" rtlCol="0"/>
            <a:lstStyle/>
            <a:p>
              <a:endParaRPr sz="1749"/>
            </a:p>
          </p:txBody>
        </p:sp>
        <p:sp>
          <p:nvSpPr>
            <p:cNvPr id="31" name="object 31"/>
            <p:cNvSpPr/>
            <p:nvPr/>
          </p:nvSpPr>
          <p:spPr>
            <a:xfrm>
              <a:off x="5989319" y="4981955"/>
              <a:ext cx="329565" cy="445134"/>
            </a:xfrm>
            <a:custGeom>
              <a:avLst/>
              <a:gdLst/>
              <a:ahLst/>
              <a:cxnLst/>
              <a:rect l="l" t="t" r="r" b="b"/>
              <a:pathLst>
                <a:path w="329564" h="445135">
                  <a:moveTo>
                    <a:pt x="329183" y="0"/>
                  </a:moveTo>
                  <a:lnTo>
                    <a:pt x="329183" y="280416"/>
                  </a:lnTo>
                  <a:lnTo>
                    <a:pt x="164592" y="445008"/>
                  </a:lnTo>
                  <a:lnTo>
                    <a:pt x="0" y="280416"/>
                  </a:lnTo>
                  <a:lnTo>
                    <a:pt x="0" y="0"/>
                  </a:lnTo>
                  <a:lnTo>
                    <a:pt x="329183" y="0"/>
                  </a:lnTo>
                  <a:close/>
                </a:path>
              </a:pathLst>
            </a:custGeom>
            <a:ln w="27432">
              <a:solidFill>
                <a:srgbClr val="1C334D"/>
              </a:solidFill>
            </a:ln>
          </p:spPr>
          <p:txBody>
            <a:bodyPr wrap="square" lIns="0" tIns="0" rIns="0" bIns="0" rtlCol="0"/>
            <a:lstStyle/>
            <a:p>
              <a:endParaRPr sz="1749"/>
            </a:p>
          </p:txBody>
        </p:sp>
      </p:grpSp>
      <p:sp>
        <p:nvSpPr>
          <p:cNvPr id="32" name="object 32"/>
          <p:cNvSpPr txBox="1"/>
          <p:nvPr/>
        </p:nvSpPr>
        <p:spPr>
          <a:xfrm>
            <a:off x="7958537" y="4442550"/>
            <a:ext cx="898110" cy="310290"/>
          </a:xfrm>
          <a:prstGeom prst="rect">
            <a:avLst/>
          </a:prstGeom>
          <a:solidFill>
            <a:srgbClr val="FFFFFF"/>
          </a:solidFill>
          <a:ln w="13715">
            <a:solidFill>
              <a:srgbClr val="1C334D"/>
            </a:solidFill>
          </a:ln>
        </p:spPr>
        <p:txBody>
          <a:bodyPr vert="horz" wrap="square" lIns="0" tIns="55384" rIns="0" bIns="0" rtlCol="0">
            <a:spAutoFit/>
          </a:bodyPr>
          <a:lstStyle/>
          <a:p>
            <a:pPr marL="84706" marR="103168">
              <a:lnSpc>
                <a:spcPct val="102200"/>
              </a:lnSpc>
              <a:spcBef>
                <a:spcPts val="435"/>
              </a:spcBef>
            </a:pPr>
            <a:r>
              <a:rPr sz="812" spc="-9" dirty="0">
                <a:latin typeface="ＭＳ Ｐゴシック"/>
                <a:cs typeface="ＭＳ Ｐゴシック"/>
              </a:rPr>
              <a:t>現地踏査、課題の認識共有</a:t>
            </a:r>
            <a:endParaRPr sz="812">
              <a:latin typeface="ＭＳ Ｐゴシック"/>
              <a:cs typeface="ＭＳ Ｐゴシック"/>
            </a:endParaRPr>
          </a:p>
        </p:txBody>
      </p:sp>
      <p:graphicFrame>
        <p:nvGraphicFramePr>
          <p:cNvPr id="33" name="object 33"/>
          <p:cNvGraphicFramePr>
            <a:graphicFrameLocks noGrp="1"/>
          </p:cNvGraphicFramePr>
          <p:nvPr/>
        </p:nvGraphicFramePr>
        <p:xfrm>
          <a:off x="5174831" y="4466008"/>
          <a:ext cx="2646546" cy="1970367"/>
        </p:xfrm>
        <a:graphic>
          <a:graphicData uri="http://schemas.openxmlformats.org/drawingml/2006/table">
            <a:tbl>
              <a:tblPr firstRow="1" bandRow="1">
                <a:tableStyleId>{2D5ABB26-0587-4C30-8999-92F81FD0307C}</a:tableStyleId>
              </a:tblPr>
              <a:tblGrid>
                <a:gridCol w="302447">
                  <a:extLst>
                    <a:ext uri="{9D8B030D-6E8A-4147-A177-3AD203B41FA5}">
                      <a16:colId xmlns:a16="http://schemas.microsoft.com/office/drawing/2014/main" val="20000"/>
                    </a:ext>
                  </a:extLst>
                </a:gridCol>
                <a:gridCol w="1960747">
                  <a:extLst>
                    <a:ext uri="{9D8B030D-6E8A-4147-A177-3AD203B41FA5}">
                      <a16:colId xmlns:a16="http://schemas.microsoft.com/office/drawing/2014/main" val="20001"/>
                    </a:ext>
                  </a:extLst>
                </a:gridCol>
                <a:gridCol w="383352">
                  <a:extLst>
                    <a:ext uri="{9D8B030D-6E8A-4147-A177-3AD203B41FA5}">
                      <a16:colId xmlns:a16="http://schemas.microsoft.com/office/drawing/2014/main" val="20002"/>
                    </a:ext>
                  </a:extLst>
                </a:gridCol>
              </a:tblGrid>
              <a:tr h="343171">
                <a:tc>
                  <a:txBody>
                    <a:bodyPr/>
                    <a:lstStyle/>
                    <a:p>
                      <a:pPr marL="62230">
                        <a:lnSpc>
                          <a:spcPct val="100000"/>
                        </a:lnSpc>
                        <a:spcBef>
                          <a:spcPts val="135"/>
                        </a:spcBef>
                      </a:pPr>
                      <a:r>
                        <a:rPr sz="900" spc="-50" dirty="0">
                          <a:solidFill>
                            <a:srgbClr val="FFFFFF"/>
                          </a:solidFill>
                          <a:latin typeface="ＭＳ Ｐゴシック"/>
                          <a:cs typeface="ＭＳ Ｐゴシック"/>
                        </a:rPr>
                        <a:t>R</a:t>
                      </a:r>
                      <a:endParaRPr sz="900">
                        <a:latin typeface="ＭＳ Ｐゴシック"/>
                        <a:cs typeface="ＭＳ Ｐゴシック"/>
                      </a:endParaRPr>
                    </a:p>
                    <a:p>
                      <a:pPr marL="57785">
                        <a:lnSpc>
                          <a:spcPct val="100000"/>
                        </a:lnSpc>
                        <a:spcBef>
                          <a:spcPts val="35"/>
                        </a:spcBef>
                      </a:pPr>
                      <a:r>
                        <a:rPr sz="900" spc="-50" dirty="0">
                          <a:solidFill>
                            <a:srgbClr val="FFFFFF"/>
                          </a:solidFill>
                          <a:latin typeface="ＭＳ Ｐゴシック"/>
                          <a:cs typeface="ＭＳ Ｐゴシック"/>
                        </a:rPr>
                        <a:t>５</a:t>
                      </a:r>
                      <a:endParaRPr sz="900">
                        <a:latin typeface="ＭＳ Ｐゴシック"/>
                        <a:cs typeface="ＭＳ Ｐゴシック"/>
                      </a:endParaRPr>
                    </a:p>
                  </a:txBody>
                  <a:tcPr marL="0" marR="0" marT="14661" marB="0">
                    <a:lnR w="19050">
                      <a:solidFill>
                        <a:srgbClr val="1C334D"/>
                      </a:solidFill>
                      <a:prstDash val="solid"/>
                    </a:lnR>
                    <a:solidFill>
                      <a:srgbClr val="DBE6F2"/>
                    </a:solidFill>
                  </a:tcPr>
                </a:tc>
                <a:tc>
                  <a:txBody>
                    <a:bodyPr/>
                    <a:lstStyle/>
                    <a:p>
                      <a:pPr marL="97155">
                        <a:lnSpc>
                          <a:spcPct val="100000"/>
                        </a:lnSpc>
                        <a:spcBef>
                          <a:spcPts val="955"/>
                        </a:spcBef>
                      </a:pPr>
                      <a:r>
                        <a:rPr sz="800" spc="-5" dirty="0">
                          <a:latin typeface="ＭＳ Ｐゴシック"/>
                          <a:cs typeface="ＭＳ Ｐゴシック"/>
                        </a:rPr>
                        <a:t>現地踏査、課題の認識共有</a:t>
                      </a:r>
                      <a:endParaRPr sz="800">
                        <a:latin typeface="ＭＳ Ｐゴシック"/>
                        <a:cs typeface="ＭＳ Ｐゴシック"/>
                      </a:endParaRPr>
                    </a:p>
                  </a:txBody>
                  <a:tcPr marL="0" marR="0" marT="103712"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DBE6F2"/>
                    </a:solidFill>
                  </a:tcPr>
                </a:tc>
                <a:tc>
                  <a:txBody>
                    <a:bodyPr/>
                    <a:lstStyle/>
                    <a:p>
                      <a:pPr marL="299085">
                        <a:lnSpc>
                          <a:spcPct val="100000"/>
                        </a:lnSpc>
                        <a:spcBef>
                          <a:spcPts val="580"/>
                        </a:spcBef>
                      </a:pPr>
                      <a:r>
                        <a:rPr sz="900" spc="-50" dirty="0">
                          <a:solidFill>
                            <a:srgbClr val="FFFFFF"/>
                          </a:solidFill>
                          <a:latin typeface="ＭＳ Ｐゴシック"/>
                          <a:cs typeface="ＭＳ Ｐゴシック"/>
                        </a:rPr>
                        <a:t>R</a:t>
                      </a:r>
                      <a:endParaRPr sz="900">
                        <a:latin typeface="ＭＳ Ｐゴシック"/>
                        <a:cs typeface="ＭＳ Ｐゴシック"/>
                      </a:endParaRPr>
                    </a:p>
                    <a:p>
                      <a:pPr marL="294640">
                        <a:lnSpc>
                          <a:spcPts val="1185"/>
                        </a:lnSpc>
                        <a:spcBef>
                          <a:spcPts val="35"/>
                        </a:spcBef>
                      </a:pPr>
                      <a:r>
                        <a:rPr sz="900" spc="-50" dirty="0">
                          <a:solidFill>
                            <a:srgbClr val="FFFFFF"/>
                          </a:solidFill>
                          <a:latin typeface="ＭＳ Ｐゴシック"/>
                          <a:cs typeface="ＭＳ Ｐゴシック"/>
                        </a:rPr>
                        <a:t>５</a:t>
                      </a:r>
                      <a:endParaRPr sz="900">
                        <a:latin typeface="ＭＳ Ｐゴシック"/>
                        <a:cs typeface="ＭＳ Ｐゴシック"/>
                      </a:endParaRPr>
                    </a:p>
                  </a:txBody>
                  <a:tcPr marL="0" marR="0" marT="62987" marB="0">
                    <a:lnL w="19050">
                      <a:solidFill>
                        <a:srgbClr val="1C334D"/>
                      </a:solidFill>
                      <a:prstDash val="solid"/>
                    </a:lnL>
                  </a:tcPr>
                </a:tc>
                <a:extLst>
                  <a:ext uri="{0D108BD9-81ED-4DB2-BD59-A6C34878D82A}">
                    <a16:rowId xmlns:a16="http://schemas.microsoft.com/office/drawing/2014/main" val="10000"/>
                  </a:ext>
                </a:extLst>
              </a:tr>
              <a:tr h="540821">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490"/>
                        </a:spcBef>
                      </a:pPr>
                      <a:endParaRPr sz="900">
                        <a:latin typeface="Times New Roman"/>
                        <a:cs typeface="Times New Roman"/>
                      </a:endParaRPr>
                    </a:p>
                    <a:p>
                      <a:pPr marL="48260">
                        <a:lnSpc>
                          <a:spcPts val="645"/>
                        </a:lnSpc>
                      </a:pPr>
                      <a:r>
                        <a:rPr sz="900" spc="-50" dirty="0">
                          <a:solidFill>
                            <a:srgbClr val="FFFFFF"/>
                          </a:solidFill>
                          <a:latin typeface="ＭＳ Ｐゴシック"/>
                          <a:cs typeface="ＭＳ Ｐゴシック"/>
                        </a:rPr>
                        <a:t>R</a:t>
                      </a:r>
                      <a:endParaRPr sz="900">
                        <a:latin typeface="ＭＳ Ｐゴシック"/>
                        <a:cs typeface="ＭＳ Ｐゴシック"/>
                      </a:endParaRPr>
                    </a:p>
                  </a:txBody>
                  <a:tcPr marL="0" marR="0" marT="0" marB="0">
                    <a:lnR w="19050">
                      <a:solidFill>
                        <a:srgbClr val="1C334D"/>
                      </a:solidFill>
                      <a:prstDash val="solid"/>
                    </a:lnR>
                    <a:solidFill>
                      <a:srgbClr val="DBE6F2"/>
                    </a:solidFill>
                  </a:tcPr>
                </a:tc>
                <a:tc>
                  <a:txBody>
                    <a:bodyPr/>
                    <a:lstStyle/>
                    <a:p>
                      <a:pPr>
                        <a:lnSpc>
                          <a:spcPct val="100000"/>
                        </a:lnSpc>
                        <a:spcBef>
                          <a:spcPts val="229"/>
                        </a:spcBef>
                      </a:pPr>
                      <a:endParaRPr sz="800">
                        <a:latin typeface="Times New Roman"/>
                        <a:cs typeface="Times New Roman"/>
                      </a:endParaRPr>
                    </a:p>
                    <a:p>
                      <a:pPr marL="97155">
                        <a:lnSpc>
                          <a:spcPct val="100000"/>
                        </a:lnSpc>
                      </a:pPr>
                      <a:r>
                        <a:rPr sz="800" spc="-5" dirty="0">
                          <a:latin typeface="ＭＳ Ｐゴシック"/>
                          <a:cs typeface="ＭＳ Ｐゴシック"/>
                        </a:rPr>
                        <a:t>実証技術・対象橋梁の決定</a:t>
                      </a:r>
                      <a:endParaRPr sz="800">
                        <a:latin typeface="ＭＳ Ｐゴシック"/>
                        <a:cs typeface="ＭＳ Ｐゴシック"/>
                      </a:endParaRPr>
                    </a:p>
                    <a:p>
                      <a:pPr marL="97155">
                        <a:lnSpc>
                          <a:spcPct val="100000"/>
                        </a:lnSpc>
                        <a:spcBef>
                          <a:spcPts val="25"/>
                        </a:spcBef>
                      </a:pPr>
                      <a:r>
                        <a:rPr sz="800" spc="-5" dirty="0">
                          <a:latin typeface="ＭＳ Ｐゴシック"/>
                          <a:cs typeface="ＭＳ Ｐゴシック"/>
                        </a:rPr>
                        <a:t>夏：定期点検、補修工事の発注</a:t>
                      </a:r>
                      <a:endParaRPr sz="800">
                        <a:latin typeface="ＭＳ Ｐゴシック"/>
                        <a:cs typeface="ＭＳ Ｐゴシック"/>
                      </a:endParaRPr>
                    </a:p>
                  </a:txBody>
                  <a:tcPr marL="0" marR="0" marT="24977"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DBE6F2"/>
                    </a:solidFill>
                  </a:tcPr>
                </a:tc>
                <a:tc>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250"/>
                        </a:spcBef>
                      </a:pPr>
                      <a:endParaRPr sz="900">
                        <a:latin typeface="Times New Roman"/>
                        <a:cs typeface="Times New Roman"/>
                      </a:endParaRPr>
                    </a:p>
                    <a:p>
                      <a:pPr marR="40005" algn="r">
                        <a:lnSpc>
                          <a:spcPts val="885"/>
                        </a:lnSpc>
                      </a:pPr>
                      <a:r>
                        <a:rPr sz="900" spc="-50" dirty="0">
                          <a:solidFill>
                            <a:srgbClr val="FFFFFF"/>
                          </a:solidFill>
                          <a:latin typeface="ＭＳ Ｐゴシック"/>
                          <a:cs typeface="ＭＳ Ｐゴシック"/>
                        </a:rPr>
                        <a:t>R</a:t>
                      </a:r>
                      <a:endParaRPr sz="900">
                        <a:latin typeface="ＭＳ Ｐゴシック"/>
                        <a:cs typeface="ＭＳ Ｐゴシック"/>
                      </a:endParaRPr>
                    </a:p>
                  </a:txBody>
                  <a:tcPr marL="0" marR="0" marT="0" marB="0">
                    <a:lnL w="19050">
                      <a:solidFill>
                        <a:srgbClr val="1C334D"/>
                      </a:solidFill>
                      <a:prstDash val="solid"/>
                    </a:lnL>
                  </a:tcPr>
                </a:tc>
                <a:extLst>
                  <a:ext uri="{0D108BD9-81ED-4DB2-BD59-A6C34878D82A}">
                    <a16:rowId xmlns:a16="http://schemas.microsoft.com/office/drawing/2014/main" val="10001"/>
                  </a:ext>
                </a:extLst>
              </a:tr>
              <a:tr h="507155">
                <a:tc>
                  <a:txBody>
                    <a:bodyPr/>
                    <a:lstStyle/>
                    <a:p>
                      <a:pPr marL="44450">
                        <a:lnSpc>
                          <a:spcPct val="100000"/>
                        </a:lnSpc>
                        <a:spcBef>
                          <a:spcPts val="550"/>
                        </a:spcBef>
                      </a:pPr>
                      <a:r>
                        <a:rPr sz="900" spc="-50" dirty="0">
                          <a:solidFill>
                            <a:srgbClr val="FFFFFF"/>
                          </a:solidFill>
                          <a:latin typeface="ＭＳ Ｐゴシック"/>
                          <a:cs typeface="ＭＳ Ｐゴシック"/>
                        </a:rPr>
                        <a:t>６</a:t>
                      </a:r>
                      <a:endParaRPr sz="900">
                        <a:latin typeface="ＭＳ Ｐゴシック"/>
                        <a:cs typeface="ＭＳ Ｐゴシック"/>
                      </a:endParaRPr>
                    </a:p>
                  </a:txBody>
                  <a:tcPr marL="0" marR="0" marT="59729" marB="0">
                    <a:lnR w="19050">
                      <a:solidFill>
                        <a:srgbClr val="1C334D"/>
                      </a:solidFill>
                      <a:prstDash val="solid"/>
                    </a:lnR>
                    <a:solidFill>
                      <a:srgbClr val="DBE6F2"/>
                    </a:solidFill>
                  </a:tcPr>
                </a:tc>
                <a:tc>
                  <a:txBody>
                    <a:bodyPr/>
                    <a:lstStyle/>
                    <a:p>
                      <a:pPr>
                        <a:lnSpc>
                          <a:spcPct val="100000"/>
                        </a:lnSpc>
                        <a:spcBef>
                          <a:spcPts val="190"/>
                        </a:spcBef>
                      </a:pPr>
                      <a:endParaRPr sz="800">
                        <a:latin typeface="Times New Roman"/>
                        <a:cs typeface="Times New Roman"/>
                      </a:endParaRPr>
                    </a:p>
                    <a:p>
                      <a:pPr marL="97155" marR="298450">
                        <a:lnSpc>
                          <a:spcPct val="102200"/>
                        </a:lnSpc>
                      </a:pPr>
                      <a:r>
                        <a:rPr sz="800" spc="10" dirty="0">
                          <a:latin typeface="ＭＳ Ｐゴシック"/>
                          <a:cs typeface="ＭＳ Ｐゴシック"/>
                        </a:rPr>
                        <a:t>定期点検・補修工事での新技術実証</a:t>
                      </a:r>
                      <a:r>
                        <a:rPr sz="800" spc="15" dirty="0">
                          <a:latin typeface="ＭＳ Ｐゴシック"/>
                          <a:cs typeface="ＭＳ Ｐゴシック"/>
                        </a:rPr>
                        <a:t>実証成果の検証</a:t>
                      </a:r>
                      <a:endParaRPr sz="800">
                        <a:latin typeface="ＭＳ Ｐゴシック"/>
                        <a:cs typeface="ＭＳ Ｐゴシック"/>
                      </a:endParaRPr>
                    </a:p>
                  </a:txBody>
                  <a:tcPr marL="0" marR="0" marT="20634" marB="0">
                    <a:lnL w="19050">
                      <a:solidFill>
                        <a:srgbClr val="1C334D"/>
                      </a:solidFill>
                      <a:prstDash val="solid"/>
                    </a:lnL>
                    <a:lnR w="19050">
                      <a:solidFill>
                        <a:srgbClr val="1C334D"/>
                      </a:solidFill>
                      <a:prstDash val="solid"/>
                    </a:lnR>
                    <a:lnT w="19050">
                      <a:solidFill>
                        <a:srgbClr val="1C334D"/>
                      </a:solidFill>
                      <a:prstDash val="solid"/>
                    </a:lnT>
                    <a:lnB w="19050">
                      <a:solidFill>
                        <a:srgbClr val="1C334D"/>
                      </a:solidFill>
                      <a:prstDash val="solid"/>
                    </a:lnB>
                    <a:solidFill>
                      <a:srgbClr val="DBE6F2"/>
                    </a:solidFill>
                  </a:tcPr>
                </a:tc>
                <a:tc>
                  <a:txBody>
                    <a:bodyPr/>
                    <a:lstStyle/>
                    <a:p>
                      <a:pPr marR="36830" algn="r">
                        <a:lnSpc>
                          <a:spcPct val="100000"/>
                        </a:lnSpc>
                        <a:spcBef>
                          <a:spcPts val="310"/>
                        </a:spcBef>
                      </a:pPr>
                      <a:r>
                        <a:rPr sz="900" spc="-50" dirty="0">
                          <a:solidFill>
                            <a:srgbClr val="FFFFFF"/>
                          </a:solidFill>
                          <a:latin typeface="ＭＳ Ｐゴシック"/>
                          <a:cs typeface="ＭＳ Ｐゴシック"/>
                        </a:rPr>
                        <a:t>６</a:t>
                      </a:r>
                      <a:endParaRPr sz="900">
                        <a:latin typeface="ＭＳ Ｐゴシック"/>
                        <a:cs typeface="ＭＳ Ｐゴシック"/>
                      </a:endParaRPr>
                    </a:p>
                  </a:txBody>
                  <a:tcPr marL="0" marR="0" marT="33666" marB="0">
                    <a:lnL w="19050">
                      <a:solidFill>
                        <a:srgbClr val="1C334D"/>
                      </a:solidFill>
                      <a:prstDash val="solid"/>
                    </a:lnL>
                  </a:tcPr>
                </a:tc>
                <a:extLst>
                  <a:ext uri="{0D108BD9-81ED-4DB2-BD59-A6C34878D82A}">
                    <a16:rowId xmlns:a16="http://schemas.microsoft.com/office/drawing/2014/main" val="10002"/>
                  </a:ext>
                </a:extLst>
              </a:tr>
              <a:tr h="63530">
                <a:tc>
                  <a:txBody>
                    <a:bodyPr/>
                    <a:lstStyle/>
                    <a:p>
                      <a:pPr>
                        <a:lnSpc>
                          <a:spcPct val="100000"/>
                        </a:lnSpc>
                      </a:pPr>
                      <a:endParaRPr sz="300">
                        <a:latin typeface="Times New Roman"/>
                        <a:cs typeface="Times New Roman"/>
                      </a:endParaRPr>
                    </a:p>
                  </a:txBody>
                  <a:tcPr marL="0" marR="0" marT="0" marB="0">
                    <a:solidFill>
                      <a:srgbClr val="DBE6F2"/>
                    </a:solidFill>
                  </a:tcPr>
                </a:tc>
                <a:tc>
                  <a:txBody>
                    <a:bodyPr/>
                    <a:lstStyle/>
                    <a:p>
                      <a:pPr>
                        <a:lnSpc>
                          <a:spcPct val="100000"/>
                        </a:lnSpc>
                      </a:pPr>
                      <a:endParaRPr sz="300">
                        <a:latin typeface="Times New Roman"/>
                        <a:cs typeface="Times New Roman"/>
                      </a:endParaRPr>
                    </a:p>
                  </a:txBody>
                  <a:tcPr marL="0" marR="0" marT="0" marB="0">
                    <a:lnT w="19050">
                      <a:solidFill>
                        <a:srgbClr val="1C334D"/>
                      </a:solidFill>
                      <a:prstDash val="solid"/>
                    </a:lnT>
                    <a:lnB w="19050">
                      <a:solidFill>
                        <a:srgbClr val="1C334D"/>
                      </a:solidFill>
                      <a:prstDash val="solid"/>
                    </a:lnB>
                    <a:solidFill>
                      <a:srgbClr val="DBE6F2"/>
                    </a:solidFill>
                  </a:tcPr>
                </a:tc>
                <a:tc>
                  <a:txBody>
                    <a:bodyPr/>
                    <a:lstStyle/>
                    <a:p>
                      <a:pPr>
                        <a:lnSpc>
                          <a:spcPct val="100000"/>
                        </a:lnSpc>
                      </a:pPr>
                      <a:endParaRPr sz="300">
                        <a:latin typeface="Times New Roman"/>
                        <a:cs typeface="Times New Roman"/>
                      </a:endParaRPr>
                    </a:p>
                  </a:txBody>
                  <a:tcPr marL="0" marR="0" marT="0" marB="0"/>
                </a:tc>
                <a:extLst>
                  <a:ext uri="{0D108BD9-81ED-4DB2-BD59-A6C34878D82A}">
                    <a16:rowId xmlns:a16="http://schemas.microsoft.com/office/drawing/2014/main" val="10003"/>
                  </a:ext>
                </a:extLst>
              </a:tr>
              <a:tr h="306791">
                <a:tc>
                  <a:txBody>
                    <a:bodyPr/>
                    <a:lstStyle/>
                    <a:p>
                      <a:pPr>
                        <a:lnSpc>
                          <a:spcPct val="100000"/>
                        </a:lnSpc>
                        <a:spcBef>
                          <a:spcPts val="240"/>
                        </a:spcBef>
                      </a:pPr>
                      <a:endParaRPr sz="900">
                        <a:latin typeface="Times New Roman"/>
                        <a:cs typeface="Times New Roman"/>
                      </a:endParaRPr>
                    </a:p>
                    <a:p>
                      <a:pPr marL="59055">
                        <a:lnSpc>
                          <a:spcPct val="100000"/>
                        </a:lnSpc>
                      </a:pPr>
                      <a:r>
                        <a:rPr sz="900" spc="-50" dirty="0">
                          <a:solidFill>
                            <a:srgbClr val="FFFFFF"/>
                          </a:solidFill>
                          <a:latin typeface="ＭＳ Ｐゴシック"/>
                          <a:cs typeface="ＭＳ Ｐゴシック"/>
                        </a:rPr>
                        <a:t>R</a:t>
                      </a:r>
                      <a:endParaRPr sz="900">
                        <a:latin typeface="ＭＳ Ｐゴシック"/>
                        <a:cs typeface="ＭＳ Ｐゴシック"/>
                      </a:endParaRPr>
                    </a:p>
                  </a:txBody>
                  <a:tcPr marL="0" marR="0" marT="26064" marB="0">
                    <a:lnR w="19050">
                      <a:solidFill>
                        <a:srgbClr val="1C334D"/>
                      </a:solidFill>
                      <a:prstDash val="solid"/>
                    </a:lnR>
                    <a:solidFill>
                      <a:srgbClr val="DBE6F2"/>
                    </a:solidFill>
                  </a:tcPr>
                </a:tc>
                <a:tc>
                  <a:txBody>
                    <a:bodyPr/>
                    <a:lstStyle/>
                    <a:p>
                      <a:pPr marL="97155" marR="108585">
                        <a:lnSpc>
                          <a:spcPct val="101899"/>
                        </a:lnSpc>
                        <a:spcBef>
                          <a:spcPts val="400"/>
                        </a:spcBef>
                      </a:pPr>
                      <a:r>
                        <a:rPr sz="800" dirty="0">
                          <a:latin typeface="ＭＳ Ｐゴシック"/>
                          <a:cs typeface="ＭＳ Ｐゴシック"/>
                        </a:rPr>
                        <a:t>R6年度定期点検健全性</a:t>
                      </a:r>
                      <a:r>
                        <a:rPr sz="800" spc="-10" dirty="0">
                          <a:latin typeface="ＭＳ Ｐゴシック"/>
                          <a:cs typeface="ＭＳ Ｐゴシック"/>
                        </a:rPr>
                        <a:t>III判定の橋梁を</a:t>
                      </a:r>
                      <a:r>
                        <a:rPr sz="800" spc="-5" dirty="0">
                          <a:latin typeface="ＭＳ Ｐゴシック"/>
                          <a:cs typeface="ＭＳ Ｐゴシック"/>
                        </a:rPr>
                        <a:t>中心に補修設計・補修工事への新技術</a:t>
                      </a:r>
                      <a:endParaRPr sz="800">
                        <a:latin typeface="ＭＳ Ｐゴシック"/>
                        <a:cs typeface="ＭＳ Ｐゴシック"/>
                      </a:endParaRPr>
                    </a:p>
                  </a:txBody>
                  <a:tcPr marL="0" marR="0" marT="43439" marB="0">
                    <a:lnL w="19050">
                      <a:solidFill>
                        <a:srgbClr val="1C334D"/>
                      </a:solidFill>
                      <a:prstDash val="solid"/>
                    </a:lnL>
                    <a:lnR w="19050">
                      <a:solidFill>
                        <a:srgbClr val="1C334D"/>
                      </a:solidFill>
                      <a:prstDash val="solid"/>
                    </a:lnR>
                    <a:lnT w="19050">
                      <a:solidFill>
                        <a:srgbClr val="1C334D"/>
                      </a:solidFill>
                      <a:prstDash val="solid"/>
                    </a:lnT>
                    <a:solidFill>
                      <a:srgbClr val="FFFFFF"/>
                    </a:solidFill>
                  </a:tcPr>
                </a:tc>
                <a:tc>
                  <a:txBody>
                    <a:bodyPr/>
                    <a:lstStyle/>
                    <a:p>
                      <a:pPr>
                        <a:lnSpc>
                          <a:spcPct val="100000"/>
                        </a:lnSpc>
                        <a:spcBef>
                          <a:spcPts val="225"/>
                        </a:spcBef>
                      </a:pPr>
                      <a:endParaRPr sz="900">
                        <a:latin typeface="Times New Roman"/>
                        <a:cs typeface="Times New Roman"/>
                      </a:endParaRPr>
                    </a:p>
                    <a:p>
                      <a:pPr marR="53975" algn="r">
                        <a:lnSpc>
                          <a:spcPct val="100000"/>
                        </a:lnSpc>
                      </a:pPr>
                      <a:r>
                        <a:rPr sz="900" spc="-50" dirty="0">
                          <a:solidFill>
                            <a:srgbClr val="FFFFFF"/>
                          </a:solidFill>
                          <a:latin typeface="ＭＳ Ｐゴシック"/>
                          <a:cs typeface="ＭＳ Ｐゴシック"/>
                        </a:rPr>
                        <a:t>R</a:t>
                      </a:r>
                      <a:endParaRPr sz="900">
                        <a:latin typeface="ＭＳ Ｐゴシック"/>
                        <a:cs typeface="ＭＳ Ｐゴシック"/>
                      </a:endParaRPr>
                    </a:p>
                  </a:txBody>
                  <a:tcPr marL="0" marR="0" marT="24435" marB="0">
                    <a:lnL w="19050">
                      <a:solidFill>
                        <a:srgbClr val="1C334D"/>
                      </a:solidFill>
                      <a:prstDash val="solid"/>
                    </a:lnL>
                    <a:solidFill>
                      <a:srgbClr val="DBE6F2"/>
                    </a:solidFill>
                  </a:tcPr>
                </a:tc>
                <a:extLst>
                  <a:ext uri="{0D108BD9-81ED-4DB2-BD59-A6C34878D82A}">
                    <a16:rowId xmlns:a16="http://schemas.microsoft.com/office/drawing/2014/main" val="10004"/>
                  </a:ext>
                </a:extLst>
              </a:tr>
              <a:tr h="180274">
                <a:tc>
                  <a:txBody>
                    <a:bodyPr/>
                    <a:lstStyle/>
                    <a:p>
                      <a:pPr marL="54610">
                        <a:lnSpc>
                          <a:spcPts val="1175"/>
                        </a:lnSpc>
                      </a:pPr>
                      <a:r>
                        <a:rPr sz="900" spc="-50" dirty="0">
                          <a:solidFill>
                            <a:srgbClr val="FFFFFF"/>
                          </a:solidFill>
                          <a:latin typeface="ＭＳ Ｐゴシック"/>
                          <a:cs typeface="ＭＳ Ｐゴシック"/>
                        </a:rPr>
                        <a:t>７</a:t>
                      </a:r>
                      <a:endParaRPr sz="900">
                        <a:latin typeface="ＭＳ Ｐゴシック"/>
                        <a:cs typeface="ＭＳ Ｐゴシック"/>
                      </a:endParaRPr>
                    </a:p>
                  </a:txBody>
                  <a:tcPr marL="0" marR="0" marT="0" marB="0">
                    <a:lnR w="19050">
                      <a:solidFill>
                        <a:srgbClr val="1C334D"/>
                      </a:solidFill>
                      <a:prstDash val="solid"/>
                    </a:lnR>
                    <a:solidFill>
                      <a:srgbClr val="DBE6F2"/>
                    </a:solidFill>
                  </a:tcPr>
                </a:tc>
                <a:tc>
                  <a:txBody>
                    <a:bodyPr/>
                    <a:lstStyle/>
                    <a:p>
                      <a:pPr marL="97155">
                        <a:lnSpc>
                          <a:spcPct val="100000"/>
                        </a:lnSpc>
                        <a:spcBef>
                          <a:spcPts val="50"/>
                        </a:spcBef>
                      </a:pPr>
                      <a:r>
                        <a:rPr sz="800" spc="-10" dirty="0">
                          <a:latin typeface="ＭＳ Ｐゴシック"/>
                          <a:cs typeface="ＭＳ Ｐゴシック"/>
                        </a:rPr>
                        <a:t>の導入を検討</a:t>
                      </a:r>
                      <a:endParaRPr sz="800">
                        <a:latin typeface="ＭＳ Ｐゴシック"/>
                        <a:cs typeface="ＭＳ Ｐゴシック"/>
                      </a:endParaRPr>
                    </a:p>
                  </a:txBody>
                  <a:tcPr marL="0" marR="0" marT="5430" marB="0">
                    <a:lnL w="19050">
                      <a:solidFill>
                        <a:srgbClr val="1C334D"/>
                      </a:solidFill>
                      <a:prstDash val="solid"/>
                    </a:lnL>
                    <a:lnR w="19050">
                      <a:solidFill>
                        <a:srgbClr val="1C334D"/>
                      </a:solidFill>
                      <a:prstDash val="solid"/>
                    </a:lnR>
                    <a:lnB w="19050">
                      <a:solidFill>
                        <a:srgbClr val="1C334D"/>
                      </a:solidFill>
                      <a:prstDash val="solid"/>
                    </a:lnB>
                    <a:solidFill>
                      <a:srgbClr val="FFFFFF"/>
                    </a:solidFill>
                  </a:tcPr>
                </a:tc>
                <a:tc>
                  <a:txBody>
                    <a:bodyPr/>
                    <a:lstStyle/>
                    <a:p>
                      <a:pPr marR="50165" algn="r">
                        <a:lnSpc>
                          <a:spcPts val="1165"/>
                        </a:lnSpc>
                      </a:pPr>
                      <a:r>
                        <a:rPr sz="900" spc="-50" dirty="0">
                          <a:solidFill>
                            <a:srgbClr val="FFFFFF"/>
                          </a:solidFill>
                          <a:latin typeface="ＭＳ Ｐゴシック"/>
                          <a:cs typeface="ＭＳ Ｐゴシック"/>
                        </a:rPr>
                        <a:t>７</a:t>
                      </a:r>
                      <a:endParaRPr sz="900">
                        <a:latin typeface="ＭＳ Ｐゴシック"/>
                        <a:cs typeface="ＭＳ Ｐゴシック"/>
                      </a:endParaRPr>
                    </a:p>
                  </a:txBody>
                  <a:tcPr marL="0" marR="0" marT="0" marB="0">
                    <a:lnL w="19050">
                      <a:solidFill>
                        <a:srgbClr val="1C334D"/>
                      </a:solidFill>
                      <a:prstDash val="solid"/>
                    </a:lnL>
                    <a:solidFill>
                      <a:srgbClr val="DBE6F2"/>
                    </a:solidFill>
                  </a:tcPr>
                </a:tc>
                <a:extLst>
                  <a:ext uri="{0D108BD9-81ED-4DB2-BD59-A6C34878D82A}">
                    <a16:rowId xmlns:a16="http://schemas.microsoft.com/office/drawing/2014/main" val="10005"/>
                  </a:ext>
                </a:extLst>
              </a:tr>
            </a:tbl>
          </a:graphicData>
        </a:graphic>
      </p:graphicFrame>
      <p:sp>
        <p:nvSpPr>
          <p:cNvPr id="34" name="object 34"/>
          <p:cNvSpPr txBox="1"/>
          <p:nvPr/>
        </p:nvSpPr>
        <p:spPr>
          <a:xfrm>
            <a:off x="5057015" y="3963807"/>
            <a:ext cx="2344100" cy="352691"/>
          </a:xfrm>
          <a:prstGeom prst="rect">
            <a:avLst/>
          </a:prstGeom>
        </p:spPr>
        <p:txBody>
          <a:bodyPr vert="horz" wrap="square" lIns="0" tIns="10317" rIns="0" bIns="0" rtlCol="0">
            <a:spAutoFit/>
          </a:bodyPr>
          <a:lstStyle/>
          <a:p>
            <a:pPr marL="142806" marR="4344" indent="-131946">
              <a:spcBef>
                <a:spcPts val="81"/>
              </a:spcBef>
            </a:pPr>
            <a:r>
              <a:rPr sz="1112" spc="-21" dirty="0">
                <a:latin typeface="ＭＳ Ｐゴシック"/>
                <a:cs typeface="ＭＳ Ｐゴシック"/>
              </a:rPr>
              <a:t>①高所点検・中小規模橋梁の修繕への</a:t>
            </a:r>
            <a:r>
              <a:rPr sz="1112" spc="-26" dirty="0">
                <a:latin typeface="ＭＳ Ｐゴシック"/>
                <a:cs typeface="ＭＳ Ｐゴシック"/>
              </a:rPr>
              <a:t>新技術導入</a:t>
            </a:r>
            <a:endParaRPr sz="1112">
              <a:latin typeface="ＭＳ Ｐゴシック"/>
              <a:cs typeface="ＭＳ Ｐゴシック"/>
            </a:endParaRPr>
          </a:p>
        </p:txBody>
      </p:sp>
      <p:sp>
        <p:nvSpPr>
          <p:cNvPr id="35" name="object 35"/>
          <p:cNvSpPr txBox="1"/>
          <p:nvPr/>
        </p:nvSpPr>
        <p:spPr>
          <a:xfrm>
            <a:off x="8845734" y="6309904"/>
            <a:ext cx="209595" cy="237487"/>
          </a:xfrm>
          <a:prstGeom prst="rect">
            <a:avLst/>
          </a:prstGeom>
        </p:spPr>
        <p:txBody>
          <a:bodyPr vert="horz" wrap="square" lIns="0" tIns="13575" rIns="0" bIns="0" rtlCol="0">
            <a:spAutoFit/>
          </a:bodyPr>
          <a:lstStyle/>
          <a:p>
            <a:pPr marL="10860">
              <a:spcBef>
                <a:spcPts val="107"/>
              </a:spcBef>
            </a:pPr>
            <a:r>
              <a:rPr sz="1454" spc="-21" dirty="0">
                <a:latin typeface="ＭＳ Ｐゴシック"/>
                <a:cs typeface="ＭＳ Ｐゴシック"/>
              </a:rPr>
              <a:t>15</a:t>
            </a:r>
            <a:endParaRPr sz="1454">
              <a:latin typeface="ＭＳ Ｐゴシック"/>
              <a:cs typeface="ＭＳ Ｐゴシック"/>
            </a:endParaRPr>
          </a:p>
        </p:txBody>
      </p:sp>
      <p:sp>
        <p:nvSpPr>
          <p:cNvPr id="36" name="object 36"/>
          <p:cNvSpPr txBox="1"/>
          <p:nvPr/>
        </p:nvSpPr>
        <p:spPr>
          <a:xfrm>
            <a:off x="250211" y="821006"/>
            <a:ext cx="1484542" cy="238000"/>
          </a:xfrm>
          <a:prstGeom prst="rect">
            <a:avLst/>
          </a:prstGeom>
          <a:ln w="13715">
            <a:solidFill>
              <a:srgbClr val="000000"/>
            </a:solidFill>
          </a:ln>
        </p:spPr>
        <p:txBody>
          <a:bodyPr vert="horz" wrap="square" lIns="0" tIns="40181" rIns="0" bIns="0" rtlCol="0">
            <a:spAutoFit/>
          </a:bodyPr>
          <a:lstStyle/>
          <a:p>
            <a:pPr marL="175384">
              <a:spcBef>
                <a:spcPts val="316"/>
              </a:spcBef>
            </a:pPr>
            <a:r>
              <a:rPr sz="1283" spc="-9" dirty="0">
                <a:latin typeface="ＭＳ Ｐゴシック"/>
                <a:cs typeface="ＭＳ Ｐゴシック"/>
              </a:rPr>
              <a:t>具体な検討状況</a:t>
            </a:r>
            <a:endParaRPr sz="1283">
              <a:latin typeface="ＭＳ Ｐゴシック"/>
              <a:cs typeface="ＭＳ Ｐゴシック"/>
            </a:endParaRPr>
          </a:p>
        </p:txBody>
      </p:sp>
      <p:sp>
        <p:nvSpPr>
          <p:cNvPr id="37" name="object 37"/>
          <p:cNvSpPr txBox="1"/>
          <p:nvPr/>
        </p:nvSpPr>
        <p:spPr>
          <a:xfrm>
            <a:off x="1835761" y="837574"/>
            <a:ext cx="1951551" cy="209489"/>
          </a:xfrm>
          <a:prstGeom prst="rect">
            <a:avLst/>
          </a:prstGeom>
        </p:spPr>
        <p:txBody>
          <a:bodyPr vert="horz" wrap="square" lIns="0" tIns="11946" rIns="0" bIns="0" rtlCol="0">
            <a:spAutoFit/>
          </a:bodyPr>
          <a:lstStyle/>
          <a:p>
            <a:pPr marL="10860">
              <a:spcBef>
                <a:spcPts val="94"/>
              </a:spcBef>
            </a:pPr>
            <a:r>
              <a:rPr sz="1283" spc="-9" dirty="0">
                <a:latin typeface="ＭＳ Ｐゴシック"/>
                <a:cs typeface="ＭＳ Ｐゴシック"/>
              </a:rPr>
              <a:t>支援対象：橋梁</a:t>
            </a:r>
            <a:endParaRPr sz="1283" dirty="0">
              <a:latin typeface="ＭＳ Ｐゴシック"/>
              <a:cs typeface="ＭＳ Ｐゴシック"/>
            </a:endParaRPr>
          </a:p>
        </p:txBody>
      </p:sp>
      <p:sp>
        <p:nvSpPr>
          <p:cNvPr id="38" name="object 38"/>
          <p:cNvSpPr txBox="1"/>
          <p:nvPr/>
        </p:nvSpPr>
        <p:spPr>
          <a:xfrm>
            <a:off x="250210" y="1167652"/>
            <a:ext cx="8625985" cy="728027"/>
          </a:xfrm>
          <a:prstGeom prst="rect">
            <a:avLst/>
          </a:prstGeom>
          <a:ln w="13715">
            <a:solidFill>
              <a:srgbClr val="000000"/>
            </a:solidFill>
          </a:ln>
        </p:spPr>
        <p:txBody>
          <a:bodyPr vert="horz" wrap="square" lIns="0" tIns="54299" rIns="0" bIns="0" rtlCol="0">
            <a:spAutoFit/>
          </a:bodyPr>
          <a:lstStyle/>
          <a:p>
            <a:pPr marL="249775" marR="163440" indent="-165611">
              <a:lnSpc>
                <a:spcPct val="100699"/>
              </a:lnSpc>
              <a:spcBef>
                <a:spcPts val="428"/>
              </a:spcBef>
            </a:pPr>
            <a:r>
              <a:rPr sz="1283" spc="-13" dirty="0">
                <a:latin typeface="ＭＳ Ｐゴシック"/>
                <a:cs typeface="ＭＳ Ｐゴシック"/>
              </a:rPr>
              <a:t>〇新技術の導入が効果的と考えられる橋梁を選定し、ニーズに合った直営点検・簡易修繕技術を検討する。直営点検の導入に向けた勉強会も併せて検討する。</a:t>
            </a:r>
            <a:endParaRPr sz="1283">
              <a:latin typeface="ＭＳ Ｐゴシック"/>
              <a:cs typeface="ＭＳ Ｐゴシック"/>
            </a:endParaRPr>
          </a:p>
          <a:p>
            <a:pPr marL="84163">
              <a:spcBef>
                <a:spcPts val="564"/>
              </a:spcBef>
            </a:pPr>
            <a:r>
              <a:rPr sz="1283" dirty="0">
                <a:latin typeface="ＭＳ Ｐゴシック"/>
                <a:cs typeface="ＭＳ Ｐゴシック"/>
              </a:rPr>
              <a:t>〇7</a:t>
            </a:r>
            <a:r>
              <a:rPr sz="1283" spc="-13" dirty="0">
                <a:latin typeface="ＭＳ Ｐゴシック"/>
                <a:cs typeface="ＭＳ Ｐゴシック"/>
              </a:rPr>
              <a:t>月の定期点検発注において新技術活用を念頭に、技術・対象橋梁の選定、仕様書作成などの支援も想定。</a:t>
            </a:r>
            <a:endParaRPr sz="1283">
              <a:latin typeface="ＭＳ Ｐゴシック"/>
              <a:cs typeface="ＭＳ Ｐゴシック"/>
            </a:endParaRPr>
          </a:p>
        </p:txBody>
      </p:sp>
      <p:sp>
        <p:nvSpPr>
          <p:cNvPr id="39" name="object 39"/>
          <p:cNvSpPr txBox="1"/>
          <p:nvPr/>
        </p:nvSpPr>
        <p:spPr>
          <a:xfrm>
            <a:off x="5126721" y="2010812"/>
            <a:ext cx="1974322" cy="238000"/>
          </a:xfrm>
          <a:prstGeom prst="rect">
            <a:avLst/>
          </a:prstGeom>
          <a:solidFill>
            <a:srgbClr val="B6DDE8"/>
          </a:solidFill>
          <a:ln w="10667">
            <a:solidFill>
              <a:srgbClr val="00AFEF"/>
            </a:solidFill>
          </a:ln>
        </p:spPr>
        <p:txBody>
          <a:bodyPr vert="horz" wrap="square" lIns="0" tIns="40181" rIns="0" bIns="0" rtlCol="0">
            <a:spAutoFit/>
          </a:bodyPr>
          <a:lstStyle/>
          <a:p>
            <a:pPr marL="132489">
              <a:spcBef>
                <a:spcPts val="316"/>
              </a:spcBef>
            </a:pPr>
            <a:r>
              <a:rPr sz="1283" spc="-9" dirty="0">
                <a:latin typeface="ＭＳ Ｐゴシック"/>
                <a:cs typeface="ＭＳ Ｐゴシック"/>
              </a:rPr>
              <a:t>具体な検討スケジュール</a:t>
            </a:r>
            <a:endParaRPr sz="1283">
              <a:latin typeface="ＭＳ Ｐゴシック"/>
              <a:cs typeface="ＭＳ Ｐゴシック"/>
            </a:endParaRPr>
          </a:p>
        </p:txBody>
      </p:sp>
    </p:spTree>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116964" y="360273"/>
            <a:ext cx="6661437" cy="235544"/>
          </a:xfrm>
          <a:prstGeom prst="rect">
            <a:avLst/>
          </a:prstGeom>
        </p:spPr>
        <p:txBody>
          <a:bodyPr vert="horz" wrap="square" lIns="0" tIns="10317" rIns="0" bIns="0" rtlCol="0">
            <a:spAutoFit/>
          </a:bodyPr>
          <a:lstStyle/>
          <a:p>
            <a:pPr marL="10860">
              <a:lnSpc>
                <a:spcPct val="100000"/>
              </a:lnSpc>
              <a:spcBef>
                <a:spcPts val="81"/>
              </a:spcBef>
            </a:pPr>
            <a:r>
              <a:rPr spc="-9" dirty="0"/>
              <a:t>（</a:t>
            </a:r>
            <a:r>
              <a:rPr spc="-21" dirty="0"/>
              <a:t>大分県杵築市</a:t>
            </a:r>
            <a:r>
              <a:rPr spc="-9" dirty="0"/>
              <a:t>）</a:t>
            </a:r>
            <a:r>
              <a:rPr spc="-30" dirty="0"/>
              <a:t>包括的民間委託による</a:t>
            </a:r>
            <a:r>
              <a:rPr spc="-17" dirty="0"/>
              <a:t>3</a:t>
            </a:r>
            <a:r>
              <a:rPr spc="-34" dirty="0"/>
              <a:t>次元データ導入に対する発注支援</a:t>
            </a:r>
          </a:p>
        </p:txBody>
      </p:sp>
      <p:grpSp>
        <p:nvGrpSpPr>
          <p:cNvPr id="3" name="object 3"/>
          <p:cNvGrpSpPr/>
          <p:nvPr/>
        </p:nvGrpSpPr>
        <p:grpSpPr>
          <a:xfrm>
            <a:off x="242392" y="4636725"/>
            <a:ext cx="4626299" cy="1866267"/>
            <a:chOff x="283464" y="5193792"/>
            <a:chExt cx="5410200" cy="2182495"/>
          </a:xfrm>
        </p:grpSpPr>
        <p:sp>
          <p:nvSpPr>
            <p:cNvPr id="4" name="object 4"/>
            <p:cNvSpPr/>
            <p:nvPr/>
          </p:nvSpPr>
          <p:spPr>
            <a:xfrm>
              <a:off x="283464" y="5193792"/>
              <a:ext cx="5410200" cy="2182495"/>
            </a:xfrm>
            <a:custGeom>
              <a:avLst/>
              <a:gdLst/>
              <a:ahLst/>
              <a:cxnLst/>
              <a:rect l="l" t="t" r="r" b="b"/>
              <a:pathLst>
                <a:path w="5410200" h="2182495">
                  <a:moveTo>
                    <a:pt x="5410200" y="2182368"/>
                  </a:moveTo>
                  <a:lnTo>
                    <a:pt x="0" y="2182368"/>
                  </a:lnTo>
                  <a:lnTo>
                    <a:pt x="0" y="0"/>
                  </a:lnTo>
                  <a:lnTo>
                    <a:pt x="5410200" y="0"/>
                  </a:lnTo>
                  <a:lnTo>
                    <a:pt x="5410200" y="2182368"/>
                  </a:lnTo>
                  <a:close/>
                </a:path>
              </a:pathLst>
            </a:custGeom>
            <a:solidFill>
              <a:srgbClr val="DBE6F2"/>
            </a:solidFill>
          </p:spPr>
          <p:txBody>
            <a:bodyPr wrap="square" lIns="0" tIns="0" rIns="0" bIns="0" rtlCol="0"/>
            <a:lstStyle/>
            <a:p>
              <a:endParaRPr sz="1749"/>
            </a:p>
          </p:txBody>
        </p:sp>
        <p:pic>
          <p:nvPicPr>
            <p:cNvPr id="5" name="object 5"/>
            <p:cNvPicPr/>
            <p:nvPr/>
          </p:nvPicPr>
          <p:blipFill>
            <a:blip r:embed="rId2" cstate="print"/>
            <a:stretch>
              <a:fillRect/>
            </a:stretch>
          </p:blipFill>
          <p:spPr>
            <a:xfrm>
              <a:off x="2918459" y="5867400"/>
              <a:ext cx="1053083" cy="1203960"/>
            </a:xfrm>
            <a:prstGeom prst="rect">
              <a:avLst/>
            </a:prstGeom>
          </p:spPr>
        </p:pic>
      </p:grpSp>
      <p:sp>
        <p:nvSpPr>
          <p:cNvPr id="6" name="object 6"/>
          <p:cNvSpPr/>
          <p:nvPr/>
        </p:nvSpPr>
        <p:spPr>
          <a:xfrm>
            <a:off x="5228370" y="4196249"/>
            <a:ext cx="3370357" cy="2087808"/>
          </a:xfrm>
          <a:custGeom>
            <a:avLst/>
            <a:gdLst/>
            <a:ahLst/>
            <a:cxnLst/>
            <a:rect l="l" t="t" r="r" b="b"/>
            <a:pathLst>
              <a:path w="3941445" h="2441575">
                <a:moveTo>
                  <a:pt x="3941064" y="2441448"/>
                </a:moveTo>
                <a:lnTo>
                  <a:pt x="0" y="2441448"/>
                </a:lnTo>
                <a:lnTo>
                  <a:pt x="0" y="0"/>
                </a:lnTo>
                <a:lnTo>
                  <a:pt x="3941064" y="0"/>
                </a:lnTo>
                <a:lnTo>
                  <a:pt x="3941064" y="2441448"/>
                </a:lnTo>
                <a:close/>
              </a:path>
            </a:pathLst>
          </a:custGeom>
          <a:solidFill>
            <a:srgbClr val="DBE6F2"/>
          </a:solidFill>
        </p:spPr>
        <p:txBody>
          <a:bodyPr wrap="square" lIns="0" tIns="0" rIns="0" bIns="0" rtlCol="0"/>
          <a:lstStyle/>
          <a:p>
            <a:endParaRPr sz="1749"/>
          </a:p>
        </p:txBody>
      </p:sp>
      <p:sp>
        <p:nvSpPr>
          <p:cNvPr id="7" name="object 7"/>
          <p:cNvSpPr txBox="1"/>
          <p:nvPr/>
        </p:nvSpPr>
        <p:spPr>
          <a:xfrm>
            <a:off x="250210" y="1161135"/>
            <a:ext cx="8625985" cy="766408"/>
          </a:xfrm>
          <a:prstGeom prst="rect">
            <a:avLst/>
          </a:prstGeom>
          <a:ln w="13715">
            <a:solidFill>
              <a:srgbClr val="000000"/>
            </a:solidFill>
          </a:ln>
        </p:spPr>
        <p:txBody>
          <a:bodyPr vert="horz" wrap="square" lIns="0" tIns="92309" rIns="0" bIns="0" rtlCol="0">
            <a:spAutoFit/>
          </a:bodyPr>
          <a:lstStyle/>
          <a:p>
            <a:pPr marL="84163">
              <a:spcBef>
                <a:spcPts val="727"/>
              </a:spcBef>
            </a:pPr>
            <a:r>
              <a:rPr sz="1283" spc="-4" dirty="0">
                <a:latin typeface="HG教科書体"/>
                <a:cs typeface="HG教科書体"/>
              </a:rPr>
              <a:t>〇３次元データを活用し、遠隔で診断が可能な環境・仕組みの構築と、包括的民間委託の導入を検討。</a:t>
            </a:r>
            <a:endParaRPr sz="1283">
              <a:latin typeface="HG教科書体"/>
              <a:cs typeface="HG教科書体"/>
            </a:endParaRPr>
          </a:p>
          <a:p>
            <a:pPr marL="249775" marR="160182" indent="-165611">
              <a:lnSpc>
                <a:spcPct val="100699"/>
              </a:lnSpc>
              <a:spcBef>
                <a:spcPts val="552"/>
              </a:spcBef>
            </a:pPr>
            <a:r>
              <a:rPr sz="1283" spc="-4" dirty="0">
                <a:latin typeface="HG教科書体"/>
                <a:cs typeface="HG教科書体"/>
              </a:rPr>
              <a:t>〇９月の予算要求に向け入札手続きフロー、積算資料の作成を支援。令和７年度の包括的民間委託の業務発注をし</a:t>
            </a:r>
            <a:r>
              <a:rPr sz="1283" dirty="0">
                <a:latin typeface="HG教科書体"/>
                <a:cs typeface="HG教科書体"/>
              </a:rPr>
              <a:t>て、将来的には、業務における新技術活用（3次元データ）</a:t>
            </a:r>
            <a:r>
              <a:rPr sz="1283" spc="-9" dirty="0">
                <a:latin typeface="HG教科書体"/>
                <a:cs typeface="HG教科書体"/>
              </a:rPr>
              <a:t>を目指す。</a:t>
            </a:r>
            <a:endParaRPr sz="1283">
              <a:latin typeface="HG教科書体"/>
              <a:cs typeface="HG教科書体"/>
            </a:endParaRPr>
          </a:p>
        </p:txBody>
      </p:sp>
      <p:sp>
        <p:nvSpPr>
          <p:cNvPr id="8" name="object 8"/>
          <p:cNvSpPr txBox="1"/>
          <p:nvPr/>
        </p:nvSpPr>
        <p:spPr>
          <a:xfrm>
            <a:off x="295822" y="3079421"/>
            <a:ext cx="1625178" cy="238000"/>
          </a:xfrm>
          <a:prstGeom prst="rect">
            <a:avLst/>
          </a:prstGeom>
          <a:solidFill>
            <a:srgbClr val="B6DDE8"/>
          </a:solidFill>
          <a:ln w="10667">
            <a:solidFill>
              <a:srgbClr val="00AFEF"/>
            </a:solidFill>
          </a:ln>
        </p:spPr>
        <p:txBody>
          <a:bodyPr vert="horz" wrap="square" lIns="0" tIns="40181" rIns="0" bIns="0" rtlCol="0">
            <a:spAutoFit/>
          </a:bodyPr>
          <a:lstStyle/>
          <a:p>
            <a:pPr marL="154752">
              <a:spcBef>
                <a:spcPts val="316"/>
              </a:spcBef>
            </a:pPr>
            <a:r>
              <a:rPr sz="1283" spc="-9" dirty="0">
                <a:latin typeface="HG教科書体"/>
                <a:cs typeface="HG教科書体"/>
              </a:rPr>
              <a:t>検討中の新技術等</a:t>
            </a:r>
            <a:endParaRPr sz="1283">
              <a:latin typeface="HG教科書体"/>
              <a:cs typeface="HG教科書体"/>
            </a:endParaRPr>
          </a:p>
        </p:txBody>
      </p:sp>
      <p:sp>
        <p:nvSpPr>
          <p:cNvPr id="9" name="object 9"/>
          <p:cNvSpPr txBox="1"/>
          <p:nvPr/>
        </p:nvSpPr>
        <p:spPr>
          <a:xfrm>
            <a:off x="317359" y="3450312"/>
            <a:ext cx="4385210" cy="943045"/>
          </a:xfrm>
          <a:prstGeom prst="rect">
            <a:avLst/>
          </a:prstGeom>
        </p:spPr>
        <p:txBody>
          <a:bodyPr vert="horz" wrap="square" lIns="0" tIns="10317" rIns="0" bIns="0" rtlCol="0">
            <a:spAutoFit/>
          </a:bodyPr>
          <a:lstStyle/>
          <a:p>
            <a:pPr marL="142806" marR="4344" indent="-132489">
              <a:spcBef>
                <a:spcPts val="81"/>
              </a:spcBef>
              <a:buSzPct val="92307"/>
              <a:buChar char="○"/>
              <a:tabLst>
                <a:tab pos="142806" algn="l"/>
                <a:tab pos="151494" algn="l"/>
              </a:tabLst>
            </a:pPr>
            <a:r>
              <a:rPr sz="1112" dirty="0">
                <a:latin typeface="HG教科書体"/>
                <a:cs typeface="HG教科書体"/>
              </a:rPr>
              <a:t>	</a:t>
            </a:r>
            <a:r>
              <a:rPr sz="1112" spc="-21" dirty="0">
                <a:latin typeface="HG教科書体"/>
                <a:cs typeface="HG教科書体"/>
              </a:rPr>
              <a:t>包括的民間委託について、橋梁点検、補修工事を一体での発注を検</a:t>
            </a:r>
            <a:r>
              <a:rPr sz="1112" spc="-30" dirty="0">
                <a:latin typeface="HG教科書体"/>
                <a:cs typeface="HG教科書体"/>
              </a:rPr>
              <a:t>討中。</a:t>
            </a:r>
            <a:endParaRPr sz="1112">
              <a:latin typeface="HG教科書体"/>
              <a:cs typeface="HG教科書体"/>
            </a:endParaRPr>
          </a:p>
          <a:p>
            <a:pPr marL="142806" marR="4344" indent="-132489" algn="just">
              <a:lnSpc>
                <a:spcPct val="99600"/>
              </a:lnSpc>
              <a:spcBef>
                <a:spcPts val="556"/>
              </a:spcBef>
              <a:buSzPct val="92307"/>
              <a:buChar char="○"/>
              <a:tabLst>
                <a:tab pos="142806" algn="l"/>
                <a:tab pos="151494" algn="l"/>
              </a:tabLst>
            </a:pPr>
            <a:r>
              <a:rPr sz="1112" dirty="0">
                <a:latin typeface="HG教科書体"/>
                <a:cs typeface="HG教科書体"/>
              </a:rPr>
              <a:t>	</a:t>
            </a:r>
            <a:r>
              <a:rPr sz="1112" spc="-21" dirty="0">
                <a:latin typeface="HG教科書体"/>
                <a:cs typeface="HG教科書体"/>
              </a:rPr>
              <a:t>発注方式、仕様書(要求水準書)、契約書、選定要領、事業費・予算算定、補助金の取り扱い、庁内説明資料の作成、今後の運営スキー</a:t>
            </a:r>
            <a:r>
              <a:rPr sz="1112" spc="-17" dirty="0">
                <a:latin typeface="HG教科書体"/>
                <a:cs typeface="HG教科書体"/>
              </a:rPr>
              <a:t>ム（遠隔支援、職員育成含む）</a:t>
            </a:r>
            <a:r>
              <a:rPr sz="1112" spc="-21" dirty="0">
                <a:latin typeface="HG教科書体"/>
                <a:cs typeface="HG教科書体"/>
              </a:rPr>
              <a:t>について検討予定。</a:t>
            </a:r>
            <a:endParaRPr sz="1112">
              <a:latin typeface="HG教科書体"/>
              <a:cs typeface="HG教科書体"/>
            </a:endParaRPr>
          </a:p>
        </p:txBody>
      </p:sp>
      <p:sp>
        <p:nvSpPr>
          <p:cNvPr id="10" name="object 10"/>
          <p:cNvSpPr/>
          <p:nvPr/>
        </p:nvSpPr>
        <p:spPr>
          <a:xfrm>
            <a:off x="4950139" y="2317059"/>
            <a:ext cx="0" cy="4131090"/>
          </a:xfrm>
          <a:custGeom>
            <a:avLst/>
            <a:gdLst/>
            <a:ahLst/>
            <a:cxnLst/>
            <a:rect l="l" t="t" r="r" b="b"/>
            <a:pathLst>
              <a:path h="4831080">
                <a:moveTo>
                  <a:pt x="0" y="0"/>
                </a:moveTo>
                <a:lnTo>
                  <a:pt x="0" y="4831079"/>
                </a:lnTo>
              </a:path>
            </a:pathLst>
          </a:custGeom>
          <a:ln w="13716">
            <a:solidFill>
              <a:srgbClr val="000000"/>
            </a:solidFill>
            <a:prstDash val="sysDash"/>
          </a:ln>
        </p:spPr>
        <p:txBody>
          <a:bodyPr wrap="square" lIns="0" tIns="0" rIns="0" bIns="0" rtlCol="0"/>
          <a:lstStyle/>
          <a:p>
            <a:endParaRPr sz="1749"/>
          </a:p>
        </p:txBody>
      </p:sp>
      <p:sp>
        <p:nvSpPr>
          <p:cNvPr id="11" name="object 11"/>
          <p:cNvSpPr txBox="1"/>
          <p:nvPr/>
        </p:nvSpPr>
        <p:spPr>
          <a:xfrm>
            <a:off x="295822" y="2160678"/>
            <a:ext cx="2158397" cy="238000"/>
          </a:xfrm>
          <a:prstGeom prst="rect">
            <a:avLst/>
          </a:prstGeom>
          <a:solidFill>
            <a:srgbClr val="B6DDE8"/>
          </a:solidFill>
          <a:ln w="10667">
            <a:solidFill>
              <a:srgbClr val="00AFEF"/>
            </a:solidFill>
          </a:ln>
        </p:spPr>
        <p:txBody>
          <a:bodyPr vert="horz" wrap="square" lIns="0" tIns="40181" rIns="0" bIns="0" rtlCol="0">
            <a:spAutoFit/>
          </a:bodyPr>
          <a:lstStyle/>
          <a:p>
            <a:pPr marL="93394">
              <a:spcBef>
                <a:spcPts val="316"/>
              </a:spcBef>
            </a:pPr>
            <a:r>
              <a:rPr sz="1283" spc="-4" dirty="0">
                <a:latin typeface="HG教科書体"/>
                <a:cs typeface="HG教科書体"/>
              </a:rPr>
              <a:t>前回検討会からの検討状況</a:t>
            </a:r>
            <a:endParaRPr sz="1283">
              <a:latin typeface="HG教科書体"/>
              <a:cs typeface="HG教科書体"/>
            </a:endParaRPr>
          </a:p>
        </p:txBody>
      </p:sp>
      <p:sp>
        <p:nvSpPr>
          <p:cNvPr id="12" name="object 12"/>
          <p:cNvSpPr txBox="1"/>
          <p:nvPr/>
        </p:nvSpPr>
        <p:spPr>
          <a:xfrm>
            <a:off x="5701425" y="5168423"/>
            <a:ext cx="2723652" cy="379297"/>
          </a:xfrm>
          <a:prstGeom prst="rect">
            <a:avLst/>
          </a:prstGeom>
          <a:solidFill>
            <a:srgbClr val="FFFFFF"/>
          </a:solidFill>
          <a:ln w="13715">
            <a:solidFill>
              <a:srgbClr val="1C334D"/>
            </a:solidFill>
          </a:ln>
        </p:spPr>
        <p:txBody>
          <a:bodyPr vert="horz" wrap="square" lIns="0" tIns="4344" rIns="0" bIns="0" rtlCol="0">
            <a:spAutoFit/>
          </a:bodyPr>
          <a:lstStyle/>
          <a:p>
            <a:pPr>
              <a:spcBef>
                <a:spcPts val="34"/>
              </a:spcBef>
            </a:pPr>
            <a:endParaRPr sz="812">
              <a:latin typeface="Times New Roman"/>
              <a:cs typeface="Times New Roman"/>
            </a:endParaRPr>
          </a:p>
          <a:p>
            <a:pPr marL="83077">
              <a:spcBef>
                <a:spcPts val="4"/>
              </a:spcBef>
            </a:pPr>
            <a:r>
              <a:rPr sz="812" spc="-4" dirty="0">
                <a:latin typeface="ＭＳ Ｐゴシック"/>
                <a:cs typeface="ＭＳ Ｐゴシック"/>
              </a:rPr>
              <a:t>３月までに仕様書、契約書、プロポの要綱等の作成支援</a:t>
            </a:r>
            <a:endParaRPr sz="812">
              <a:latin typeface="ＭＳ Ｐゴシック"/>
              <a:cs typeface="ＭＳ Ｐゴシック"/>
            </a:endParaRPr>
          </a:p>
          <a:p>
            <a:pPr marL="83077">
              <a:spcBef>
                <a:spcPts val="21"/>
              </a:spcBef>
            </a:pPr>
            <a:r>
              <a:rPr sz="812" spc="-17" dirty="0">
                <a:latin typeface="ＭＳ Ｐゴシック"/>
                <a:cs typeface="ＭＳ Ｐゴシック"/>
              </a:rPr>
              <a:t>→発注</a:t>
            </a:r>
            <a:endParaRPr sz="812">
              <a:latin typeface="ＭＳ Ｐゴシック"/>
              <a:cs typeface="ＭＳ Ｐゴシック"/>
            </a:endParaRPr>
          </a:p>
        </p:txBody>
      </p:sp>
      <p:sp>
        <p:nvSpPr>
          <p:cNvPr id="13" name="object 13"/>
          <p:cNvSpPr txBox="1"/>
          <p:nvPr/>
        </p:nvSpPr>
        <p:spPr>
          <a:xfrm>
            <a:off x="5696212" y="4700580"/>
            <a:ext cx="2725281" cy="340448"/>
          </a:xfrm>
          <a:prstGeom prst="rect">
            <a:avLst/>
          </a:prstGeom>
          <a:solidFill>
            <a:srgbClr val="FFFFFF"/>
          </a:solidFill>
          <a:ln w="13715">
            <a:solidFill>
              <a:srgbClr val="1C334D"/>
            </a:solidFill>
          </a:ln>
        </p:spPr>
        <p:txBody>
          <a:bodyPr vert="horz" wrap="square" lIns="0" tIns="85250" rIns="0" bIns="0" rtlCol="0">
            <a:spAutoFit/>
          </a:bodyPr>
          <a:lstStyle/>
          <a:p>
            <a:pPr marL="83077" marR="150951">
              <a:lnSpc>
                <a:spcPct val="102200"/>
              </a:lnSpc>
              <a:spcBef>
                <a:spcPts val="671"/>
              </a:spcBef>
            </a:pPr>
            <a:r>
              <a:rPr sz="812" dirty="0">
                <a:latin typeface="ＭＳ Ｐゴシック"/>
                <a:cs typeface="ＭＳ Ｐゴシック"/>
              </a:rPr>
              <a:t>9</a:t>
            </a:r>
            <a:r>
              <a:rPr sz="812" spc="-4" dirty="0">
                <a:latin typeface="ＭＳ Ｐゴシック"/>
                <a:cs typeface="ＭＳ Ｐゴシック"/>
              </a:rPr>
              <a:t>月の予算要求に向け入札手続きフロー、積算資料の作</a:t>
            </a:r>
            <a:r>
              <a:rPr sz="812" spc="-17" dirty="0">
                <a:latin typeface="ＭＳ Ｐゴシック"/>
                <a:cs typeface="ＭＳ Ｐゴシック"/>
              </a:rPr>
              <a:t>成支援</a:t>
            </a:r>
            <a:endParaRPr sz="812">
              <a:latin typeface="ＭＳ Ｐゴシック"/>
              <a:cs typeface="ＭＳ Ｐゴシック"/>
            </a:endParaRPr>
          </a:p>
        </p:txBody>
      </p:sp>
      <p:sp>
        <p:nvSpPr>
          <p:cNvPr id="14" name="object 14"/>
          <p:cNvSpPr txBox="1"/>
          <p:nvPr/>
        </p:nvSpPr>
        <p:spPr>
          <a:xfrm>
            <a:off x="5232944" y="2560218"/>
            <a:ext cx="3892173" cy="1174519"/>
          </a:xfrm>
          <a:prstGeom prst="rect">
            <a:avLst/>
          </a:prstGeom>
        </p:spPr>
        <p:txBody>
          <a:bodyPr vert="horz" wrap="square" lIns="0" tIns="10317" rIns="0" bIns="0" rtlCol="0">
            <a:spAutoFit/>
          </a:bodyPr>
          <a:lstStyle/>
          <a:p>
            <a:pPr marL="142806" marR="144978" indent="-131946">
              <a:spcBef>
                <a:spcPts val="81"/>
              </a:spcBef>
            </a:pPr>
            <a:r>
              <a:rPr sz="1112" spc="-17" dirty="0">
                <a:latin typeface="HG教科書体"/>
                <a:cs typeface="HG教科書体"/>
              </a:rPr>
              <a:t>〇</a:t>
            </a:r>
            <a:r>
              <a:rPr sz="1112" spc="-9" dirty="0">
                <a:latin typeface="HG教科書体"/>
                <a:cs typeface="HG教科書体"/>
              </a:rPr>
              <a:t>9</a:t>
            </a:r>
            <a:r>
              <a:rPr sz="1112" spc="-21" dirty="0">
                <a:latin typeface="HG教科書体"/>
                <a:cs typeface="HG教科書体"/>
              </a:rPr>
              <a:t>月の予算要求に向け入札手続きフロー、積算資料の作成</a:t>
            </a:r>
            <a:r>
              <a:rPr sz="1112" spc="-30" dirty="0">
                <a:latin typeface="HG教科書体"/>
                <a:cs typeface="HG教科書体"/>
              </a:rPr>
              <a:t>支援</a:t>
            </a:r>
            <a:endParaRPr sz="1112">
              <a:latin typeface="HG教科書体"/>
              <a:cs typeface="HG教科書体"/>
            </a:endParaRPr>
          </a:p>
          <a:p>
            <a:pPr marL="142806" marR="4344" indent="-131946">
              <a:lnSpc>
                <a:spcPts val="1325"/>
              </a:lnSpc>
              <a:spcBef>
                <a:spcPts val="603"/>
              </a:spcBef>
            </a:pPr>
            <a:r>
              <a:rPr sz="1112" spc="-17" dirty="0">
                <a:latin typeface="HG教科書体"/>
                <a:cs typeface="HG教科書体"/>
              </a:rPr>
              <a:t>〇</a:t>
            </a:r>
            <a:r>
              <a:rPr sz="1112" spc="-9" dirty="0">
                <a:latin typeface="HG教科書体"/>
                <a:cs typeface="HG教科書体"/>
              </a:rPr>
              <a:t>3</a:t>
            </a:r>
            <a:r>
              <a:rPr sz="1112" spc="-21" dirty="0">
                <a:latin typeface="HG教科書体"/>
                <a:cs typeface="HG教科書体"/>
              </a:rPr>
              <a:t>月までに包括的民間委託の仕様書(要求水準書)、契約書、プロポの要綱等の作成支援</a:t>
            </a:r>
            <a:endParaRPr sz="1112">
              <a:latin typeface="HG教科書体"/>
              <a:cs typeface="HG教科書体"/>
            </a:endParaRPr>
          </a:p>
          <a:p>
            <a:pPr marL="142806" marR="144978" indent="-131946">
              <a:lnSpc>
                <a:spcPts val="1325"/>
              </a:lnSpc>
              <a:spcBef>
                <a:spcPts val="560"/>
              </a:spcBef>
            </a:pPr>
            <a:r>
              <a:rPr sz="1112" spc="-17" dirty="0">
                <a:latin typeface="HG教科書体"/>
                <a:cs typeface="HG教科書体"/>
              </a:rPr>
              <a:t>〇令和</a:t>
            </a:r>
            <a:r>
              <a:rPr sz="1112" spc="-9" dirty="0">
                <a:latin typeface="HG教科書体"/>
                <a:cs typeface="HG教科書体"/>
              </a:rPr>
              <a:t>7</a:t>
            </a:r>
            <a:r>
              <a:rPr sz="1112" spc="-21" dirty="0">
                <a:latin typeface="HG教科書体"/>
                <a:cs typeface="HG教科書体"/>
              </a:rPr>
              <a:t>年度の包括的民間委託の業務発注。また、将来的に</a:t>
            </a:r>
            <a:r>
              <a:rPr sz="1112" spc="-17" dirty="0">
                <a:latin typeface="HG教科書体"/>
                <a:cs typeface="HG教科書体"/>
              </a:rPr>
              <a:t>は、業務における新技術活用</a:t>
            </a:r>
            <a:r>
              <a:rPr sz="1112" spc="-9" dirty="0">
                <a:latin typeface="HG教科書体"/>
                <a:cs typeface="HG教科書体"/>
              </a:rPr>
              <a:t>（3</a:t>
            </a:r>
            <a:r>
              <a:rPr sz="1112" spc="-17" dirty="0">
                <a:latin typeface="HG教科書体"/>
                <a:cs typeface="HG教科書体"/>
              </a:rPr>
              <a:t>次元データ）</a:t>
            </a:r>
            <a:r>
              <a:rPr sz="1112" spc="-26" dirty="0">
                <a:latin typeface="HG教科書体"/>
                <a:cs typeface="HG教科書体"/>
              </a:rPr>
              <a:t>を目指す。</a:t>
            </a:r>
            <a:endParaRPr sz="1112">
              <a:latin typeface="HG教科書体"/>
              <a:cs typeface="HG教科書体"/>
            </a:endParaRPr>
          </a:p>
        </p:txBody>
      </p:sp>
      <p:sp>
        <p:nvSpPr>
          <p:cNvPr id="15" name="object 15"/>
          <p:cNvSpPr txBox="1"/>
          <p:nvPr/>
        </p:nvSpPr>
        <p:spPr>
          <a:xfrm>
            <a:off x="292619" y="2547023"/>
            <a:ext cx="4385210" cy="352691"/>
          </a:xfrm>
          <a:prstGeom prst="rect">
            <a:avLst/>
          </a:prstGeom>
        </p:spPr>
        <p:txBody>
          <a:bodyPr vert="horz" wrap="square" lIns="0" tIns="10317" rIns="0" bIns="0" rtlCol="0">
            <a:spAutoFit/>
          </a:bodyPr>
          <a:lstStyle/>
          <a:p>
            <a:pPr marL="142806" marR="4344" indent="-131946">
              <a:spcBef>
                <a:spcPts val="81"/>
              </a:spcBef>
            </a:pPr>
            <a:r>
              <a:rPr sz="1112" spc="-17" dirty="0">
                <a:latin typeface="HG教科書体"/>
                <a:cs typeface="HG教科書体"/>
              </a:rPr>
              <a:t>〇包括的民間委託の発注支援について、支援範囲と役割分担（</a:t>
            </a:r>
            <a:r>
              <a:rPr sz="1112" spc="-30" dirty="0">
                <a:latin typeface="HG教科書体"/>
                <a:cs typeface="HG教科書体"/>
              </a:rPr>
              <a:t>本省、</a:t>
            </a:r>
            <a:r>
              <a:rPr sz="1112" spc="-17" dirty="0">
                <a:latin typeface="HG教科書体"/>
                <a:cs typeface="HG教科書体"/>
              </a:rPr>
              <a:t>事務局、アドバイザー）</a:t>
            </a:r>
            <a:r>
              <a:rPr sz="1112" spc="-26" dirty="0">
                <a:latin typeface="HG教科書体"/>
                <a:cs typeface="HG教科書体"/>
              </a:rPr>
              <a:t>を検討。</a:t>
            </a:r>
            <a:endParaRPr sz="1112">
              <a:latin typeface="HG教科書体"/>
              <a:cs typeface="HG教科書体"/>
            </a:endParaRPr>
          </a:p>
        </p:txBody>
      </p:sp>
      <p:grpSp>
        <p:nvGrpSpPr>
          <p:cNvPr id="16" name="object 16"/>
          <p:cNvGrpSpPr/>
          <p:nvPr/>
        </p:nvGrpSpPr>
        <p:grpSpPr>
          <a:xfrm>
            <a:off x="5320895" y="4307020"/>
            <a:ext cx="305162" cy="1948258"/>
            <a:chOff x="6222491" y="4808220"/>
            <a:chExt cx="356870" cy="2278380"/>
          </a:xfrm>
        </p:grpSpPr>
        <p:sp>
          <p:nvSpPr>
            <p:cNvPr id="17" name="object 17"/>
            <p:cNvSpPr/>
            <p:nvPr/>
          </p:nvSpPr>
          <p:spPr>
            <a:xfrm>
              <a:off x="6237732" y="5268468"/>
              <a:ext cx="309880" cy="1188720"/>
            </a:xfrm>
            <a:custGeom>
              <a:avLst/>
              <a:gdLst/>
              <a:ahLst/>
              <a:cxnLst/>
              <a:rect l="l" t="t" r="r" b="b"/>
              <a:pathLst>
                <a:path w="309879" h="1188720">
                  <a:moveTo>
                    <a:pt x="155448" y="1188719"/>
                  </a:moveTo>
                  <a:lnTo>
                    <a:pt x="0" y="1033271"/>
                  </a:lnTo>
                  <a:lnTo>
                    <a:pt x="0" y="0"/>
                  </a:lnTo>
                  <a:lnTo>
                    <a:pt x="155448" y="153924"/>
                  </a:lnTo>
                  <a:lnTo>
                    <a:pt x="309371" y="0"/>
                  </a:lnTo>
                  <a:lnTo>
                    <a:pt x="309371" y="1033271"/>
                  </a:lnTo>
                  <a:lnTo>
                    <a:pt x="155448" y="1188719"/>
                  </a:lnTo>
                  <a:close/>
                </a:path>
              </a:pathLst>
            </a:custGeom>
            <a:solidFill>
              <a:srgbClr val="4F80BC"/>
            </a:solidFill>
          </p:spPr>
          <p:txBody>
            <a:bodyPr wrap="square" lIns="0" tIns="0" rIns="0" bIns="0" rtlCol="0"/>
            <a:lstStyle/>
            <a:p>
              <a:endParaRPr sz="1749"/>
            </a:p>
          </p:txBody>
        </p:sp>
        <p:sp>
          <p:nvSpPr>
            <p:cNvPr id="18" name="object 18"/>
            <p:cNvSpPr/>
            <p:nvPr/>
          </p:nvSpPr>
          <p:spPr>
            <a:xfrm>
              <a:off x="6237732" y="5268468"/>
              <a:ext cx="309880" cy="1188720"/>
            </a:xfrm>
            <a:custGeom>
              <a:avLst/>
              <a:gdLst/>
              <a:ahLst/>
              <a:cxnLst/>
              <a:rect l="l" t="t" r="r" b="b"/>
              <a:pathLst>
                <a:path w="309879" h="1188720">
                  <a:moveTo>
                    <a:pt x="309371" y="0"/>
                  </a:moveTo>
                  <a:lnTo>
                    <a:pt x="309371" y="1033271"/>
                  </a:lnTo>
                  <a:lnTo>
                    <a:pt x="155448" y="1188719"/>
                  </a:lnTo>
                  <a:lnTo>
                    <a:pt x="0" y="1033271"/>
                  </a:lnTo>
                  <a:lnTo>
                    <a:pt x="0" y="0"/>
                  </a:lnTo>
                  <a:lnTo>
                    <a:pt x="155448" y="153924"/>
                  </a:lnTo>
                  <a:lnTo>
                    <a:pt x="309371" y="0"/>
                  </a:lnTo>
                  <a:close/>
                </a:path>
              </a:pathLst>
            </a:custGeom>
            <a:ln w="27432">
              <a:solidFill>
                <a:srgbClr val="1C334D"/>
              </a:solidFill>
            </a:ln>
          </p:spPr>
          <p:txBody>
            <a:bodyPr wrap="square" lIns="0" tIns="0" rIns="0" bIns="0" rtlCol="0"/>
            <a:lstStyle/>
            <a:p>
              <a:endParaRPr sz="1749"/>
            </a:p>
          </p:txBody>
        </p:sp>
        <p:sp>
          <p:nvSpPr>
            <p:cNvPr id="19" name="object 19"/>
            <p:cNvSpPr/>
            <p:nvPr/>
          </p:nvSpPr>
          <p:spPr>
            <a:xfrm>
              <a:off x="6237732" y="6412992"/>
              <a:ext cx="309880" cy="660400"/>
            </a:xfrm>
            <a:custGeom>
              <a:avLst/>
              <a:gdLst/>
              <a:ahLst/>
              <a:cxnLst/>
              <a:rect l="l" t="t" r="r" b="b"/>
              <a:pathLst>
                <a:path w="309879" h="660400">
                  <a:moveTo>
                    <a:pt x="155448" y="659891"/>
                  </a:moveTo>
                  <a:lnTo>
                    <a:pt x="0" y="504443"/>
                  </a:lnTo>
                  <a:lnTo>
                    <a:pt x="0" y="0"/>
                  </a:lnTo>
                  <a:lnTo>
                    <a:pt x="155448" y="153923"/>
                  </a:lnTo>
                  <a:lnTo>
                    <a:pt x="309371" y="0"/>
                  </a:lnTo>
                  <a:lnTo>
                    <a:pt x="309371" y="504443"/>
                  </a:lnTo>
                  <a:lnTo>
                    <a:pt x="155448" y="659891"/>
                  </a:lnTo>
                  <a:close/>
                </a:path>
              </a:pathLst>
            </a:custGeom>
            <a:solidFill>
              <a:srgbClr val="4F80BC"/>
            </a:solidFill>
          </p:spPr>
          <p:txBody>
            <a:bodyPr wrap="square" lIns="0" tIns="0" rIns="0" bIns="0" rtlCol="0"/>
            <a:lstStyle/>
            <a:p>
              <a:endParaRPr sz="1749"/>
            </a:p>
          </p:txBody>
        </p:sp>
        <p:sp>
          <p:nvSpPr>
            <p:cNvPr id="20" name="object 20"/>
            <p:cNvSpPr/>
            <p:nvPr/>
          </p:nvSpPr>
          <p:spPr>
            <a:xfrm>
              <a:off x="6237732" y="6412992"/>
              <a:ext cx="309880" cy="660400"/>
            </a:xfrm>
            <a:custGeom>
              <a:avLst/>
              <a:gdLst/>
              <a:ahLst/>
              <a:cxnLst/>
              <a:rect l="l" t="t" r="r" b="b"/>
              <a:pathLst>
                <a:path w="309879" h="660400">
                  <a:moveTo>
                    <a:pt x="309371" y="0"/>
                  </a:moveTo>
                  <a:lnTo>
                    <a:pt x="309371" y="504443"/>
                  </a:lnTo>
                  <a:lnTo>
                    <a:pt x="155448" y="659891"/>
                  </a:lnTo>
                  <a:lnTo>
                    <a:pt x="0" y="504443"/>
                  </a:lnTo>
                  <a:lnTo>
                    <a:pt x="0" y="0"/>
                  </a:lnTo>
                  <a:lnTo>
                    <a:pt x="155448" y="153923"/>
                  </a:lnTo>
                  <a:lnTo>
                    <a:pt x="309371" y="0"/>
                  </a:lnTo>
                  <a:close/>
                </a:path>
              </a:pathLst>
            </a:custGeom>
            <a:ln w="27432">
              <a:solidFill>
                <a:srgbClr val="1C334D"/>
              </a:solidFill>
            </a:ln>
          </p:spPr>
          <p:txBody>
            <a:bodyPr wrap="square" lIns="0" tIns="0" rIns="0" bIns="0" rtlCol="0"/>
            <a:lstStyle/>
            <a:p>
              <a:endParaRPr sz="1749"/>
            </a:p>
          </p:txBody>
        </p:sp>
        <p:sp>
          <p:nvSpPr>
            <p:cNvPr id="21" name="object 21"/>
            <p:cNvSpPr/>
            <p:nvPr/>
          </p:nvSpPr>
          <p:spPr>
            <a:xfrm>
              <a:off x="6236207" y="4821936"/>
              <a:ext cx="329565" cy="447040"/>
            </a:xfrm>
            <a:custGeom>
              <a:avLst/>
              <a:gdLst/>
              <a:ahLst/>
              <a:cxnLst/>
              <a:rect l="l" t="t" r="r" b="b"/>
              <a:pathLst>
                <a:path w="329565" h="447039">
                  <a:moveTo>
                    <a:pt x="164592" y="446532"/>
                  </a:moveTo>
                  <a:lnTo>
                    <a:pt x="0" y="281940"/>
                  </a:lnTo>
                  <a:lnTo>
                    <a:pt x="0" y="0"/>
                  </a:lnTo>
                  <a:lnTo>
                    <a:pt x="329184" y="0"/>
                  </a:lnTo>
                  <a:lnTo>
                    <a:pt x="329184" y="281940"/>
                  </a:lnTo>
                  <a:lnTo>
                    <a:pt x="164592" y="446532"/>
                  </a:lnTo>
                  <a:close/>
                </a:path>
              </a:pathLst>
            </a:custGeom>
            <a:solidFill>
              <a:srgbClr val="4F80BC"/>
            </a:solidFill>
          </p:spPr>
          <p:txBody>
            <a:bodyPr wrap="square" lIns="0" tIns="0" rIns="0" bIns="0" rtlCol="0"/>
            <a:lstStyle/>
            <a:p>
              <a:endParaRPr sz="1749"/>
            </a:p>
          </p:txBody>
        </p:sp>
        <p:sp>
          <p:nvSpPr>
            <p:cNvPr id="22" name="object 22"/>
            <p:cNvSpPr/>
            <p:nvPr/>
          </p:nvSpPr>
          <p:spPr>
            <a:xfrm>
              <a:off x="6236207" y="4821936"/>
              <a:ext cx="329565" cy="447040"/>
            </a:xfrm>
            <a:custGeom>
              <a:avLst/>
              <a:gdLst/>
              <a:ahLst/>
              <a:cxnLst/>
              <a:rect l="l" t="t" r="r" b="b"/>
              <a:pathLst>
                <a:path w="329565" h="447039">
                  <a:moveTo>
                    <a:pt x="329184" y="0"/>
                  </a:moveTo>
                  <a:lnTo>
                    <a:pt x="329184" y="281940"/>
                  </a:lnTo>
                  <a:lnTo>
                    <a:pt x="164592" y="446532"/>
                  </a:lnTo>
                  <a:lnTo>
                    <a:pt x="0" y="281940"/>
                  </a:lnTo>
                  <a:lnTo>
                    <a:pt x="0" y="0"/>
                  </a:lnTo>
                  <a:lnTo>
                    <a:pt x="329184" y="0"/>
                  </a:lnTo>
                  <a:close/>
                </a:path>
              </a:pathLst>
            </a:custGeom>
            <a:ln w="27432">
              <a:solidFill>
                <a:srgbClr val="1C334D"/>
              </a:solidFill>
            </a:ln>
          </p:spPr>
          <p:txBody>
            <a:bodyPr wrap="square" lIns="0" tIns="0" rIns="0" bIns="0" rtlCol="0"/>
            <a:lstStyle/>
            <a:p>
              <a:endParaRPr sz="1749"/>
            </a:p>
          </p:txBody>
        </p:sp>
      </p:grpSp>
      <p:sp>
        <p:nvSpPr>
          <p:cNvPr id="23" name="object 23"/>
          <p:cNvSpPr txBox="1"/>
          <p:nvPr/>
        </p:nvSpPr>
        <p:spPr>
          <a:xfrm>
            <a:off x="5706638" y="5717064"/>
            <a:ext cx="2714964" cy="317929"/>
          </a:xfrm>
          <a:prstGeom prst="rect">
            <a:avLst/>
          </a:prstGeom>
          <a:solidFill>
            <a:srgbClr val="FFFFFF"/>
          </a:solidFill>
          <a:ln w="13715">
            <a:solidFill>
              <a:srgbClr val="1C334D"/>
            </a:solidFill>
          </a:ln>
        </p:spPr>
        <p:txBody>
          <a:bodyPr vert="horz" wrap="square" lIns="0" tIns="67331" rIns="0" bIns="0" rtlCol="0">
            <a:spAutoFit/>
          </a:bodyPr>
          <a:lstStyle/>
          <a:p>
            <a:pPr>
              <a:spcBef>
                <a:spcPts val="530"/>
              </a:spcBef>
            </a:pPr>
            <a:endParaRPr sz="812">
              <a:latin typeface="Times New Roman"/>
              <a:cs typeface="Times New Roman"/>
            </a:endParaRPr>
          </a:p>
          <a:p>
            <a:pPr marL="83077"/>
            <a:r>
              <a:rPr sz="812" spc="-4" dirty="0">
                <a:latin typeface="ＭＳ Ｐゴシック"/>
                <a:cs typeface="ＭＳ Ｐゴシック"/>
              </a:rPr>
              <a:t>業務発注、新技術導入・包括民間委託のスキーム具体化</a:t>
            </a:r>
            <a:endParaRPr sz="812">
              <a:latin typeface="ＭＳ Ｐゴシック"/>
              <a:cs typeface="ＭＳ Ｐゴシック"/>
            </a:endParaRPr>
          </a:p>
        </p:txBody>
      </p:sp>
      <p:sp>
        <p:nvSpPr>
          <p:cNvPr id="24" name="object 24"/>
          <p:cNvSpPr txBox="1"/>
          <p:nvPr/>
        </p:nvSpPr>
        <p:spPr>
          <a:xfrm>
            <a:off x="5701426" y="4322657"/>
            <a:ext cx="2725281" cy="229695"/>
          </a:xfrm>
          <a:prstGeom prst="rect">
            <a:avLst/>
          </a:prstGeom>
          <a:solidFill>
            <a:srgbClr val="FFFFFF"/>
          </a:solidFill>
          <a:ln w="13715">
            <a:solidFill>
              <a:srgbClr val="1C334D"/>
            </a:solidFill>
          </a:ln>
        </p:spPr>
        <p:txBody>
          <a:bodyPr vert="horz" wrap="square" lIns="0" tIns="103712" rIns="0" bIns="0" rtlCol="0">
            <a:spAutoFit/>
          </a:bodyPr>
          <a:lstStyle/>
          <a:p>
            <a:pPr marL="83077">
              <a:spcBef>
                <a:spcPts val="817"/>
              </a:spcBef>
            </a:pPr>
            <a:r>
              <a:rPr sz="812" spc="-4" dirty="0">
                <a:latin typeface="ＭＳ Ｐゴシック"/>
                <a:cs typeface="ＭＳ Ｐゴシック"/>
              </a:rPr>
              <a:t>現地踏査、課題の認識共有</a:t>
            </a:r>
            <a:endParaRPr sz="812">
              <a:latin typeface="ＭＳ Ｐゴシック"/>
              <a:cs typeface="ＭＳ Ｐゴシック"/>
            </a:endParaRPr>
          </a:p>
        </p:txBody>
      </p:sp>
      <p:sp>
        <p:nvSpPr>
          <p:cNvPr id="25" name="object 25"/>
          <p:cNvSpPr txBox="1"/>
          <p:nvPr/>
        </p:nvSpPr>
        <p:spPr>
          <a:xfrm>
            <a:off x="5228370" y="4196249"/>
            <a:ext cx="3370357" cy="1845694"/>
          </a:xfrm>
          <a:prstGeom prst="rect">
            <a:avLst/>
          </a:prstGeom>
        </p:spPr>
        <p:txBody>
          <a:bodyPr vert="horz" wrap="square" lIns="0" tIns="20634" rIns="0" bIns="0" rtlCol="0">
            <a:spAutoFit/>
          </a:bodyPr>
          <a:lstStyle/>
          <a:p>
            <a:pPr>
              <a:spcBef>
                <a:spcPts val="162"/>
              </a:spcBef>
            </a:pPr>
            <a:endParaRPr sz="898">
              <a:latin typeface="Times New Roman"/>
              <a:cs typeface="Times New Roman"/>
            </a:endParaRPr>
          </a:p>
          <a:p>
            <a:pPr marL="218824"/>
            <a:r>
              <a:rPr sz="898" spc="-43" dirty="0">
                <a:solidFill>
                  <a:srgbClr val="FFFFFF"/>
                </a:solidFill>
                <a:latin typeface="Arial"/>
                <a:cs typeface="Arial"/>
              </a:rPr>
              <a:t>R</a:t>
            </a:r>
            <a:endParaRPr sz="898">
              <a:latin typeface="Arial"/>
              <a:cs typeface="Arial"/>
            </a:endParaRPr>
          </a:p>
          <a:p>
            <a:pPr marL="219910">
              <a:spcBef>
                <a:spcPts val="30"/>
              </a:spcBef>
            </a:pPr>
            <a:r>
              <a:rPr sz="898" spc="-43" dirty="0">
                <a:solidFill>
                  <a:srgbClr val="FFFFFF"/>
                </a:solidFill>
                <a:latin typeface="ＭＳ Ｐゴシック"/>
                <a:cs typeface="ＭＳ Ｐゴシック"/>
              </a:rPr>
              <a:t>５</a:t>
            </a:r>
            <a:endParaRPr sz="898">
              <a:latin typeface="ＭＳ Ｐゴシック"/>
              <a:cs typeface="ＭＳ Ｐゴシック"/>
            </a:endParaRPr>
          </a:p>
          <a:p>
            <a:pPr>
              <a:lnSpc>
                <a:spcPct val="100000"/>
              </a:lnSpc>
            </a:pP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552"/>
              </a:spcBef>
            </a:pPr>
            <a:endParaRPr sz="898">
              <a:latin typeface="ＭＳ Ｐゴシック"/>
              <a:cs typeface="ＭＳ Ｐゴシック"/>
            </a:endParaRPr>
          </a:p>
          <a:p>
            <a:pPr marL="205793"/>
            <a:r>
              <a:rPr sz="898" spc="-43" dirty="0">
                <a:solidFill>
                  <a:srgbClr val="FFFFFF"/>
                </a:solidFill>
                <a:latin typeface="Arial"/>
                <a:cs typeface="Arial"/>
              </a:rPr>
              <a:t>R</a:t>
            </a:r>
            <a:endParaRPr sz="898">
              <a:latin typeface="Arial"/>
              <a:cs typeface="Arial"/>
            </a:endParaRPr>
          </a:p>
          <a:p>
            <a:pPr marL="207964">
              <a:spcBef>
                <a:spcPts val="30"/>
              </a:spcBef>
            </a:pPr>
            <a:r>
              <a:rPr sz="898" spc="-43" dirty="0">
                <a:solidFill>
                  <a:srgbClr val="FFFFFF"/>
                </a:solidFill>
                <a:latin typeface="ＭＳ Ｐゴシック"/>
                <a:cs typeface="ＭＳ Ｐゴシック"/>
              </a:rPr>
              <a:t>６</a:t>
            </a:r>
            <a:endParaRPr sz="898">
              <a:latin typeface="ＭＳ Ｐゴシック"/>
              <a:cs typeface="ＭＳ Ｐゴシック"/>
            </a:endParaRPr>
          </a:p>
          <a:p>
            <a:pPr>
              <a:lnSpc>
                <a:spcPct val="100000"/>
              </a:lnSpc>
            </a:pPr>
            <a:endParaRPr sz="898">
              <a:latin typeface="ＭＳ Ｐゴシック"/>
              <a:cs typeface="ＭＳ Ｐゴシック"/>
            </a:endParaRPr>
          </a:p>
          <a:p>
            <a:pPr>
              <a:spcBef>
                <a:spcPts val="671"/>
              </a:spcBef>
            </a:pPr>
            <a:endParaRPr sz="898">
              <a:latin typeface="ＭＳ Ｐゴシック"/>
              <a:cs typeface="ＭＳ Ｐゴシック"/>
            </a:endParaRPr>
          </a:p>
          <a:p>
            <a:pPr marL="205793"/>
            <a:r>
              <a:rPr sz="898" spc="-43" dirty="0">
                <a:solidFill>
                  <a:srgbClr val="FFFFFF"/>
                </a:solidFill>
                <a:latin typeface="Arial"/>
                <a:cs typeface="Arial"/>
              </a:rPr>
              <a:t>R</a:t>
            </a:r>
            <a:endParaRPr sz="898">
              <a:latin typeface="Arial"/>
              <a:cs typeface="Arial"/>
            </a:endParaRPr>
          </a:p>
          <a:p>
            <a:pPr marL="207964">
              <a:spcBef>
                <a:spcPts val="34"/>
              </a:spcBef>
            </a:pPr>
            <a:r>
              <a:rPr sz="898" spc="-43" dirty="0">
                <a:solidFill>
                  <a:srgbClr val="FFFFFF"/>
                </a:solidFill>
                <a:latin typeface="ＭＳ Ｐゴシック"/>
                <a:cs typeface="ＭＳ Ｐゴシック"/>
              </a:rPr>
              <a:t>７</a:t>
            </a:r>
            <a:endParaRPr sz="898">
              <a:latin typeface="ＭＳ Ｐゴシック"/>
              <a:cs typeface="ＭＳ Ｐゴシック"/>
            </a:endParaRPr>
          </a:p>
        </p:txBody>
      </p:sp>
      <p:sp>
        <p:nvSpPr>
          <p:cNvPr id="26" name="object 26"/>
          <p:cNvSpPr txBox="1"/>
          <p:nvPr/>
        </p:nvSpPr>
        <p:spPr>
          <a:xfrm>
            <a:off x="5249988" y="3962707"/>
            <a:ext cx="2484735" cy="181555"/>
          </a:xfrm>
          <a:prstGeom prst="rect">
            <a:avLst/>
          </a:prstGeom>
        </p:spPr>
        <p:txBody>
          <a:bodyPr vert="horz" wrap="square" lIns="0" tIns="10317" rIns="0" bIns="0" rtlCol="0">
            <a:spAutoFit/>
          </a:bodyPr>
          <a:lstStyle/>
          <a:p>
            <a:pPr marL="10860">
              <a:spcBef>
                <a:spcPts val="81"/>
              </a:spcBef>
            </a:pPr>
            <a:r>
              <a:rPr sz="1112" spc="-9" dirty="0">
                <a:latin typeface="HG教科書体"/>
                <a:cs typeface="HG教科書体"/>
              </a:rPr>
              <a:t>3</a:t>
            </a:r>
            <a:r>
              <a:rPr sz="1112" spc="-21" dirty="0">
                <a:latin typeface="HG教科書体"/>
                <a:cs typeface="HG教科書体"/>
              </a:rPr>
              <a:t>次元データ活用を含む包括的民間委託</a:t>
            </a:r>
            <a:endParaRPr sz="1112">
              <a:latin typeface="HG教科書体"/>
              <a:cs typeface="HG教科書体"/>
            </a:endParaRPr>
          </a:p>
        </p:txBody>
      </p:sp>
      <p:sp>
        <p:nvSpPr>
          <p:cNvPr id="27" name="object 27"/>
          <p:cNvSpPr txBox="1"/>
          <p:nvPr/>
        </p:nvSpPr>
        <p:spPr>
          <a:xfrm>
            <a:off x="8845734" y="6291578"/>
            <a:ext cx="209595" cy="237487"/>
          </a:xfrm>
          <a:prstGeom prst="rect">
            <a:avLst/>
          </a:prstGeom>
        </p:spPr>
        <p:txBody>
          <a:bodyPr vert="horz" wrap="square" lIns="0" tIns="13575" rIns="0" bIns="0" rtlCol="0">
            <a:spAutoFit/>
          </a:bodyPr>
          <a:lstStyle/>
          <a:p>
            <a:pPr marL="10860">
              <a:spcBef>
                <a:spcPts val="107"/>
              </a:spcBef>
            </a:pPr>
            <a:r>
              <a:rPr sz="1454" spc="-21" dirty="0">
                <a:latin typeface="ＭＳ Ｐゴシック"/>
                <a:cs typeface="ＭＳ Ｐゴシック"/>
              </a:rPr>
              <a:t>16</a:t>
            </a:r>
            <a:endParaRPr sz="1454">
              <a:latin typeface="ＭＳ Ｐゴシック"/>
              <a:cs typeface="ＭＳ Ｐゴシック"/>
            </a:endParaRPr>
          </a:p>
        </p:txBody>
      </p:sp>
      <p:sp>
        <p:nvSpPr>
          <p:cNvPr id="28" name="object 28"/>
          <p:cNvSpPr txBox="1"/>
          <p:nvPr/>
        </p:nvSpPr>
        <p:spPr>
          <a:xfrm>
            <a:off x="250211" y="821006"/>
            <a:ext cx="1484542" cy="238000"/>
          </a:xfrm>
          <a:prstGeom prst="rect">
            <a:avLst/>
          </a:prstGeom>
          <a:ln w="13715">
            <a:solidFill>
              <a:srgbClr val="000000"/>
            </a:solidFill>
          </a:ln>
        </p:spPr>
        <p:txBody>
          <a:bodyPr vert="horz" wrap="square" lIns="0" tIns="40181" rIns="0" bIns="0" rtlCol="0">
            <a:spAutoFit/>
          </a:bodyPr>
          <a:lstStyle/>
          <a:p>
            <a:pPr marL="167783">
              <a:spcBef>
                <a:spcPts val="316"/>
              </a:spcBef>
            </a:pPr>
            <a:r>
              <a:rPr sz="1283" spc="-9" dirty="0">
                <a:latin typeface="HG教科書体"/>
                <a:cs typeface="HG教科書体"/>
              </a:rPr>
              <a:t>具体な検討状況</a:t>
            </a:r>
            <a:endParaRPr sz="1283">
              <a:latin typeface="HG教科書体"/>
              <a:cs typeface="HG教科書体"/>
            </a:endParaRPr>
          </a:p>
        </p:txBody>
      </p:sp>
      <p:sp>
        <p:nvSpPr>
          <p:cNvPr id="29" name="object 29"/>
          <p:cNvSpPr txBox="1"/>
          <p:nvPr/>
        </p:nvSpPr>
        <p:spPr>
          <a:xfrm>
            <a:off x="1835763" y="837574"/>
            <a:ext cx="1714108" cy="209489"/>
          </a:xfrm>
          <a:prstGeom prst="rect">
            <a:avLst/>
          </a:prstGeom>
        </p:spPr>
        <p:txBody>
          <a:bodyPr vert="horz" wrap="square" lIns="0" tIns="11946" rIns="0" bIns="0" rtlCol="0">
            <a:spAutoFit/>
          </a:bodyPr>
          <a:lstStyle/>
          <a:p>
            <a:pPr marL="10860">
              <a:spcBef>
                <a:spcPts val="94"/>
              </a:spcBef>
            </a:pPr>
            <a:r>
              <a:rPr sz="1283" spc="-9" dirty="0">
                <a:latin typeface="HG教科書体"/>
                <a:cs typeface="HG教科書体"/>
              </a:rPr>
              <a:t>支援対象：橋梁</a:t>
            </a:r>
            <a:endParaRPr sz="1283" dirty="0">
              <a:latin typeface="HG教科書体"/>
              <a:cs typeface="HG教科書体"/>
            </a:endParaRPr>
          </a:p>
        </p:txBody>
      </p:sp>
      <p:sp>
        <p:nvSpPr>
          <p:cNvPr id="30" name="object 30"/>
          <p:cNvSpPr txBox="1"/>
          <p:nvPr/>
        </p:nvSpPr>
        <p:spPr>
          <a:xfrm>
            <a:off x="5098052" y="2219321"/>
            <a:ext cx="1974322" cy="213327"/>
          </a:xfrm>
          <a:prstGeom prst="rect">
            <a:avLst/>
          </a:prstGeom>
          <a:solidFill>
            <a:srgbClr val="B6DDE8"/>
          </a:solidFill>
          <a:ln w="10667">
            <a:solidFill>
              <a:srgbClr val="00AFEF"/>
            </a:solidFill>
          </a:ln>
        </p:spPr>
        <p:txBody>
          <a:bodyPr vert="horz" wrap="square" lIns="0" tIns="15747" rIns="0" bIns="0" rtlCol="0">
            <a:spAutoFit/>
          </a:bodyPr>
          <a:lstStyle/>
          <a:p>
            <a:pPr marL="83077">
              <a:spcBef>
                <a:spcPts val="124"/>
              </a:spcBef>
            </a:pPr>
            <a:r>
              <a:rPr sz="1283" spc="-4" dirty="0">
                <a:latin typeface="HG教科書体"/>
                <a:cs typeface="HG教科書体"/>
              </a:rPr>
              <a:t>具体な検討スケジュール</a:t>
            </a:r>
            <a:endParaRPr sz="1283">
              <a:latin typeface="HG教科書体"/>
              <a:cs typeface="HG教科書体"/>
            </a:endParaRPr>
          </a:p>
        </p:txBody>
      </p:sp>
      <p:sp>
        <p:nvSpPr>
          <p:cNvPr id="31" name="object 31"/>
          <p:cNvSpPr txBox="1"/>
          <p:nvPr/>
        </p:nvSpPr>
        <p:spPr>
          <a:xfrm>
            <a:off x="380585" y="4669997"/>
            <a:ext cx="1465537" cy="263099"/>
          </a:xfrm>
          <a:prstGeom prst="rect">
            <a:avLst/>
          </a:prstGeom>
        </p:spPr>
        <p:txBody>
          <a:bodyPr vert="horz" wrap="square" lIns="0" tIns="13032" rIns="0" bIns="0" rtlCol="0">
            <a:spAutoFit/>
          </a:bodyPr>
          <a:lstStyle/>
          <a:p>
            <a:pPr>
              <a:spcBef>
                <a:spcPts val="103"/>
              </a:spcBef>
            </a:pPr>
            <a:r>
              <a:rPr sz="812" spc="-9" dirty="0">
                <a:latin typeface="ＭＳ Ｐゴシック"/>
                <a:cs typeface="ＭＳ Ｐゴシック"/>
              </a:rPr>
              <a:t>３次元点群データの活用イメージ</a:t>
            </a:r>
            <a:endParaRPr sz="812">
              <a:latin typeface="ＭＳ Ｐゴシック"/>
              <a:cs typeface="ＭＳ Ｐゴシック"/>
            </a:endParaRPr>
          </a:p>
        </p:txBody>
      </p:sp>
      <p:sp>
        <p:nvSpPr>
          <p:cNvPr id="32" name="object 32"/>
          <p:cNvSpPr txBox="1"/>
          <p:nvPr/>
        </p:nvSpPr>
        <p:spPr>
          <a:xfrm>
            <a:off x="2585433" y="6257490"/>
            <a:ext cx="1934684" cy="242062"/>
          </a:xfrm>
          <a:prstGeom prst="rect">
            <a:avLst/>
          </a:prstGeom>
        </p:spPr>
        <p:txBody>
          <a:bodyPr vert="horz" wrap="square" lIns="0" tIns="11946" rIns="0" bIns="0" rtlCol="0">
            <a:spAutoFit/>
          </a:bodyPr>
          <a:lstStyle/>
          <a:p>
            <a:pPr>
              <a:lnSpc>
                <a:spcPts val="864"/>
              </a:lnSpc>
              <a:spcBef>
                <a:spcPts val="94"/>
              </a:spcBef>
            </a:pPr>
            <a:r>
              <a:rPr sz="727" dirty="0">
                <a:latin typeface="HG教科書体"/>
                <a:cs typeface="HG教科書体"/>
              </a:rPr>
              <a:t>出典）SYMMETRY</a:t>
            </a:r>
            <a:r>
              <a:rPr sz="727" spc="34" dirty="0">
                <a:latin typeface="HG教科書体"/>
                <a:cs typeface="HG教科書体"/>
              </a:rPr>
              <a:t> </a:t>
            </a:r>
            <a:r>
              <a:rPr sz="727" dirty="0">
                <a:latin typeface="HG教科書体"/>
                <a:cs typeface="HG教科書体"/>
              </a:rPr>
              <a:t>Digital</a:t>
            </a:r>
            <a:r>
              <a:rPr sz="727" spc="34" dirty="0">
                <a:latin typeface="HG教科書体"/>
                <a:cs typeface="HG教科書体"/>
              </a:rPr>
              <a:t> </a:t>
            </a:r>
            <a:r>
              <a:rPr sz="727" dirty="0">
                <a:latin typeface="HG教科書体"/>
                <a:cs typeface="HG教科書体"/>
              </a:rPr>
              <a:t>Twin</a:t>
            </a:r>
            <a:r>
              <a:rPr sz="727" spc="34" dirty="0">
                <a:latin typeface="HG教科書体"/>
                <a:cs typeface="HG教科書体"/>
              </a:rPr>
              <a:t> </a:t>
            </a:r>
            <a:r>
              <a:rPr sz="727" spc="-9" dirty="0">
                <a:latin typeface="HG教科書体"/>
                <a:cs typeface="HG教科書体"/>
              </a:rPr>
              <a:t>Cloud</a:t>
            </a:r>
            <a:endParaRPr sz="727">
              <a:latin typeface="HG教科書体"/>
              <a:cs typeface="HG教科書体"/>
            </a:endParaRPr>
          </a:p>
          <a:p>
            <a:pPr>
              <a:lnSpc>
                <a:spcPts val="864"/>
              </a:lnSpc>
            </a:pPr>
            <a:r>
              <a:rPr sz="727" dirty="0">
                <a:latin typeface="HG教科書体"/>
                <a:cs typeface="HG教科書体"/>
              </a:rPr>
              <a:t>（https://</a:t>
            </a:r>
            <a:r>
              <a:rPr sz="727" dirty="0">
                <a:latin typeface="HG教科書体"/>
                <a:cs typeface="HG教科書体"/>
                <a:hlinkClick r:id="rId3"/>
              </a:rPr>
              <a:t>www.symmetry-</a:t>
            </a:r>
            <a:r>
              <a:rPr sz="727" spc="-9" dirty="0">
                <a:latin typeface="HG教科書体"/>
                <a:cs typeface="HG教科書体"/>
                <a:hlinkClick r:id="rId3"/>
              </a:rPr>
              <a:t>digitaltwin.com/</a:t>
            </a:r>
            <a:r>
              <a:rPr sz="727" spc="-9" dirty="0">
                <a:latin typeface="HG教科書体"/>
                <a:cs typeface="HG教科書体"/>
              </a:rPr>
              <a:t>）</a:t>
            </a:r>
            <a:endParaRPr sz="727">
              <a:latin typeface="HG教科書体"/>
              <a:cs typeface="HG教科書体"/>
            </a:endParaRPr>
          </a:p>
        </p:txBody>
      </p:sp>
      <p:pic>
        <p:nvPicPr>
          <p:cNvPr id="33" name="object 33"/>
          <p:cNvPicPr/>
          <p:nvPr/>
        </p:nvPicPr>
        <p:blipFill>
          <a:blip r:embed="rId4" cstate="print"/>
          <a:stretch>
            <a:fillRect/>
          </a:stretch>
        </p:blipFill>
        <p:spPr>
          <a:xfrm>
            <a:off x="3549871" y="5202306"/>
            <a:ext cx="1106401" cy="1029514"/>
          </a:xfrm>
          <a:prstGeom prst="rect">
            <a:avLst/>
          </a:prstGeom>
        </p:spPr>
      </p:pic>
      <p:sp>
        <p:nvSpPr>
          <p:cNvPr id="34" name="object 34"/>
          <p:cNvSpPr txBox="1"/>
          <p:nvPr/>
        </p:nvSpPr>
        <p:spPr>
          <a:xfrm>
            <a:off x="2524314" y="4666285"/>
            <a:ext cx="2069346" cy="138130"/>
          </a:xfrm>
          <a:prstGeom prst="rect">
            <a:avLst/>
          </a:prstGeom>
        </p:spPr>
        <p:txBody>
          <a:bodyPr vert="horz" wrap="square" lIns="0" tIns="13032" rIns="0" bIns="0" rtlCol="0">
            <a:spAutoFit/>
          </a:bodyPr>
          <a:lstStyle/>
          <a:p>
            <a:pPr>
              <a:spcBef>
                <a:spcPts val="103"/>
              </a:spcBef>
            </a:pPr>
            <a:r>
              <a:rPr sz="812" dirty="0">
                <a:latin typeface="HG教科書体"/>
                <a:cs typeface="HG教科書体"/>
              </a:rPr>
              <a:t>国交省SBIRフェーズ</a:t>
            </a:r>
            <a:r>
              <a:rPr sz="812" spc="-9" dirty="0">
                <a:latin typeface="HG教科書体"/>
                <a:cs typeface="HG教科書体"/>
              </a:rPr>
              <a:t>3</a:t>
            </a:r>
            <a:r>
              <a:rPr sz="812" spc="-4" dirty="0">
                <a:latin typeface="HG教科書体"/>
                <a:cs typeface="HG教科書体"/>
              </a:rPr>
              <a:t>にて採択された技術例</a:t>
            </a:r>
            <a:endParaRPr sz="812">
              <a:latin typeface="HG教科書体"/>
              <a:cs typeface="HG教科書体"/>
            </a:endParaRPr>
          </a:p>
        </p:txBody>
      </p:sp>
      <p:sp>
        <p:nvSpPr>
          <p:cNvPr id="35" name="object 35"/>
          <p:cNvSpPr txBox="1"/>
          <p:nvPr/>
        </p:nvSpPr>
        <p:spPr>
          <a:xfrm>
            <a:off x="329868" y="6334459"/>
            <a:ext cx="761819" cy="123953"/>
          </a:xfrm>
          <a:prstGeom prst="rect">
            <a:avLst/>
          </a:prstGeom>
        </p:spPr>
        <p:txBody>
          <a:bodyPr vert="horz" wrap="square" lIns="0" tIns="11946" rIns="0" bIns="0" rtlCol="0">
            <a:spAutoFit/>
          </a:bodyPr>
          <a:lstStyle/>
          <a:p>
            <a:pPr>
              <a:spcBef>
                <a:spcPts val="94"/>
              </a:spcBef>
            </a:pPr>
            <a:r>
              <a:rPr sz="727" dirty="0">
                <a:latin typeface="HG教科書体"/>
                <a:cs typeface="HG教科書体"/>
              </a:rPr>
              <a:t>出典）</a:t>
            </a:r>
            <a:r>
              <a:rPr sz="727" spc="-9" dirty="0">
                <a:latin typeface="HG教科書体"/>
                <a:cs typeface="HG教科書体"/>
              </a:rPr>
              <a:t>杵築市資料</a:t>
            </a:r>
            <a:endParaRPr sz="727">
              <a:latin typeface="HG教科書体"/>
              <a:cs typeface="HG教科書体"/>
            </a:endParaRPr>
          </a:p>
        </p:txBody>
      </p:sp>
      <p:sp>
        <p:nvSpPr>
          <p:cNvPr id="36" name="object 36"/>
          <p:cNvSpPr txBox="1"/>
          <p:nvPr/>
        </p:nvSpPr>
        <p:spPr>
          <a:xfrm>
            <a:off x="363678" y="4881310"/>
            <a:ext cx="1709342" cy="392254"/>
          </a:xfrm>
          <a:prstGeom prst="rect">
            <a:avLst/>
          </a:prstGeom>
        </p:spPr>
        <p:txBody>
          <a:bodyPr vert="horz" wrap="square" lIns="0" tIns="10317" rIns="0" bIns="0" rtlCol="0">
            <a:spAutoFit/>
          </a:bodyPr>
          <a:lstStyle/>
          <a:p>
            <a:pPr marR="4344" algn="just">
              <a:lnSpc>
                <a:spcPct val="102200"/>
              </a:lnSpc>
              <a:spcBef>
                <a:spcPts val="81"/>
              </a:spcBef>
            </a:pPr>
            <a:r>
              <a:rPr sz="812" dirty="0">
                <a:latin typeface="ＭＳ Ｐゴシック"/>
                <a:cs typeface="ＭＳ Ｐゴシック"/>
              </a:rPr>
              <a:t>橋梁点検時に現地で</a:t>
            </a:r>
            <a:r>
              <a:rPr sz="812" dirty="0">
                <a:latin typeface="Arial"/>
                <a:cs typeface="Arial"/>
              </a:rPr>
              <a:t>3</a:t>
            </a:r>
            <a:r>
              <a:rPr sz="812" spc="-9" dirty="0">
                <a:latin typeface="ＭＳ Ｐゴシック"/>
                <a:cs typeface="ＭＳ Ｐゴシック"/>
              </a:rPr>
              <a:t>次元点群データ</a:t>
            </a:r>
            <a:r>
              <a:rPr sz="812" spc="-4" dirty="0">
                <a:latin typeface="ＭＳ Ｐゴシック"/>
                <a:cs typeface="ＭＳ Ｐゴシック"/>
              </a:rPr>
              <a:t>を取得、点検結果のデータを紐づけて遠隔で多面的な確認を実現</a:t>
            </a:r>
            <a:endParaRPr sz="812">
              <a:latin typeface="ＭＳ Ｐゴシック"/>
              <a:cs typeface="ＭＳ Ｐゴシック"/>
            </a:endParaRPr>
          </a:p>
        </p:txBody>
      </p:sp>
      <p:sp>
        <p:nvSpPr>
          <p:cNvPr id="37" name="object 37"/>
          <p:cNvSpPr txBox="1"/>
          <p:nvPr/>
        </p:nvSpPr>
        <p:spPr>
          <a:xfrm>
            <a:off x="2509883" y="4912588"/>
            <a:ext cx="2213782" cy="392254"/>
          </a:xfrm>
          <a:prstGeom prst="rect">
            <a:avLst/>
          </a:prstGeom>
        </p:spPr>
        <p:txBody>
          <a:bodyPr vert="horz" wrap="square" lIns="0" tIns="10317" rIns="0" bIns="0" rtlCol="0">
            <a:spAutoFit/>
          </a:bodyPr>
          <a:lstStyle/>
          <a:p>
            <a:pPr marR="4344">
              <a:lnSpc>
                <a:spcPct val="102099"/>
              </a:lnSpc>
              <a:spcBef>
                <a:spcPts val="81"/>
              </a:spcBef>
            </a:pPr>
            <a:r>
              <a:rPr sz="812" dirty="0">
                <a:latin typeface="ＭＳ Ｐゴシック"/>
                <a:cs typeface="ＭＳ Ｐゴシック"/>
              </a:rPr>
              <a:t>地形データ、</a:t>
            </a:r>
            <a:r>
              <a:rPr sz="812" dirty="0">
                <a:latin typeface="Arial"/>
                <a:cs typeface="Arial"/>
              </a:rPr>
              <a:t>PLATEAU</a:t>
            </a:r>
            <a:r>
              <a:rPr sz="812" spc="-4" dirty="0">
                <a:latin typeface="ＭＳ Ｐゴシック"/>
                <a:cs typeface="ＭＳ Ｐゴシック"/>
              </a:rPr>
              <a:t>建物データ、点群データな</a:t>
            </a:r>
            <a:r>
              <a:rPr sz="812" dirty="0">
                <a:latin typeface="ＭＳ Ｐゴシック"/>
                <a:cs typeface="ＭＳ Ｐゴシック"/>
              </a:rPr>
              <a:t>どを重畳可能（右図は土砂災害状況の可視化例</a:t>
            </a:r>
            <a:r>
              <a:rPr sz="812" spc="-43" dirty="0">
                <a:latin typeface="ＭＳ Ｐゴシック"/>
                <a:cs typeface="ＭＳ Ｐゴシック"/>
              </a:rPr>
              <a:t>）</a:t>
            </a:r>
            <a:endParaRPr sz="812">
              <a:latin typeface="ＭＳ Ｐゴシック"/>
              <a:cs typeface="ＭＳ Ｐゴシック"/>
            </a:endParaRPr>
          </a:p>
        </p:txBody>
      </p:sp>
      <p:pic>
        <p:nvPicPr>
          <p:cNvPr id="38" name="object 38"/>
          <p:cNvPicPr/>
          <p:nvPr/>
        </p:nvPicPr>
        <p:blipFill>
          <a:blip r:embed="rId5" cstate="print"/>
          <a:stretch>
            <a:fillRect/>
          </a:stretch>
        </p:blipFill>
        <p:spPr>
          <a:xfrm>
            <a:off x="319280" y="5408210"/>
            <a:ext cx="2074667" cy="927865"/>
          </a:xfrm>
          <a:prstGeom prst="rect">
            <a:avLst/>
          </a:prstGeom>
        </p:spPr>
      </p:pic>
    </p:spTree>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335991" y="259388"/>
            <a:ext cx="6851618" cy="332814"/>
          </a:xfrm>
          <a:prstGeom prst="rect">
            <a:avLst/>
          </a:prstGeom>
        </p:spPr>
        <p:txBody>
          <a:bodyPr vert="horz" wrap="square" lIns="0" tIns="10317" rIns="0" bIns="0" rtlCol="0">
            <a:spAutoFit/>
          </a:bodyPr>
          <a:lstStyle/>
          <a:p>
            <a:pPr marL="10860">
              <a:lnSpc>
                <a:spcPct val="100000"/>
              </a:lnSpc>
              <a:spcBef>
                <a:spcPts val="81"/>
              </a:spcBef>
            </a:pPr>
            <a:r>
              <a:rPr sz="2095" spc="-4" dirty="0"/>
              <a:t>新技術導入に関するハンズオン支援事業検討会の方針</a:t>
            </a:r>
            <a:endParaRPr sz="2095" dirty="0"/>
          </a:p>
        </p:txBody>
      </p:sp>
      <p:sp>
        <p:nvSpPr>
          <p:cNvPr id="3" name="object 3"/>
          <p:cNvSpPr txBox="1"/>
          <p:nvPr/>
        </p:nvSpPr>
        <p:spPr>
          <a:xfrm>
            <a:off x="405289" y="1051669"/>
            <a:ext cx="8332769" cy="1691754"/>
          </a:xfrm>
          <a:prstGeom prst="rect">
            <a:avLst/>
          </a:prstGeom>
          <a:ln w="21336">
            <a:solidFill>
              <a:srgbClr val="000000"/>
            </a:solidFill>
          </a:ln>
        </p:spPr>
        <p:txBody>
          <a:bodyPr vert="horz" wrap="square" lIns="0" tIns="49412" rIns="0" bIns="0" rtlCol="0">
            <a:spAutoFit/>
          </a:bodyPr>
          <a:lstStyle/>
          <a:p>
            <a:pPr marL="288870" marR="268779" indent="-203621" algn="just">
              <a:lnSpc>
                <a:spcPct val="101800"/>
              </a:lnSpc>
              <a:spcBef>
                <a:spcPts val="389"/>
              </a:spcBef>
            </a:pPr>
            <a:r>
              <a:rPr sz="1667" dirty="0">
                <a:latin typeface="ＭＳ Ｐゴシック"/>
                <a:cs typeface="ＭＳ Ｐゴシック"/>
              </a:rPr>
              <a:t>〇インフラメンテナンスに関する新技術の活用促進を目的に、</a:t>
            </a:r>
            <a:r>
              <a:rPr sz="1667" u="sng" spc="-4" dirty="0">
                <a:uFill>
                  <a:solidFill>
                    <a:srgbClr val="000000"/>
                  </a:solidFill>
                </a:uFill>
                <a:latin typeface="ＭＳ Ｐゴシック"/>
                <a:cs typeface="ＭＳ Ｐゴシック"/>
              </a:rPr>
              <a:t>専門家によるハンズオン支</a:t>
            </a:r>
            <a:r>
              <a:rPr sz="1667" u="sng" spc="428" dirty="0">
                <a:uFill>
                  <a:solidFill>
                    <a:srgbClr val="000000"/>
                  </a:solidFill>
                </a:uFill>
                <a:latin typeface="ＭＳ Ｐゴシック"/>
                <a:cs typeface="ＭＳ Ｐゴシック"/>
              </a:rPr>
              <a:t> </a:t>
            </a:r>
            <a:r>
              <a:rPr sz="1667" u="sng" spc="-4" dirty="0">
                <a:uFill>
                  <a:solidFill>
                    <a:srgbClr val="000000"/>
                  </a:solidFill>
                </a:uFill>
                <a:latin typeface="ＭＳ Ｐゴシック"/>
                <a:cs typeface="ＭＳ Ｐゴシック"/>
              </a:rPr>
              <a:t>援等を通じた新技術導入・技術者育成の体制構築</a:t>
            </a:r>
            <a:r>
              <a:rPr sz="1667" spc="-9" dirty="0">
                <a:latin typeface="ＭＳ Ｐゴシック"/>
                <a:cs typeface="ＭＳ Ｐゴシック"/>
              </a:rPr>
              <a:t>を行う。また、一連の支援を通して、</a:t>
            </a:r>
            <a:r>
              <a:rPr sz="1667" u="sng" dirty="0">
                <a:uFill>
                  <a:solidFill>
                    <a:srgbClr val="000000"/>
                  </a:solidFill>
                </a:uFill>
                <a:latin typeface="ＭＳ Ｐゴシック"/>
                <a:cs typeface="ＭＳ Ｐゴシック"/>
              </a:rPr>
              <a:t>新技術の導入・維持管理業務に関するノウハウの蓄積や技術力の向上</a:t>
            </a:r>
            <a:r>
              <a:rPr sz="1667" spc="-13" dirty="0">
                <a:latin typeface="ＭＳ Ｐゴシック"/>
                <a:cs typeface="ＭＳ Ｐゴシック"/>
              </a:rPr>
              <a:t>を図る。</a:t>
            </a:r>
            <a:endParaRPr sz="1667">
              <a:latin typeface="ＭＳ Ｐゴシック"/>
              <a:cs typeface="ＭＳ Ｐゴシック"/>
            </a:endParaRPr>
          </a:p>
          <a:p>
            <a:pPr marL="288870" marR="204164" indent="-203621">
              <a:lnSpc>
                <a:spcPct val="101499"/>
              </a:lnSpc>
              <a:spcBef>
                <a:spcPts val="577"/>
              </a:spcBef>
            </a:pPr>
            <a:r>
              <a:rPr sz="1667" spc="-9" dirty="0">
                <a:latin typeface="ＭＳ Ｐゴシック"/>
                <a:cs typeface="ＭＳ Ｐゴシック"/>
              </a:rPr>
              <a:t>〇モデル自治体及びアドバイザーを公募により選定し、一連の支援を通して得られた知見</a:t>
            </a:r>
            <a:r>
              <a:rPr sz="1667" spc="-4" dirty="0">
                <a:latin typeface="ＭＳ Ｐゴシック"/>
                <a:cs typeface="ＭＳ Ｐゴシック"/>
              </a:rPr>
              <a:t>を活かし、</a:t>
            </a:r>
            <a:r>
              <a:rPr sz="1667" u="sng" dirty="0">
                <a:uFill>
                  <a:solidFill>
                    <a:srgbClr val="000000"/>
                  </a:solidFill>
                </a:uFill>
                <a:latin typeface="ＭＳ Ｐゴシック"/>
                <a:cs typeface="ＭＳ Ｐゴシック"/>
              </a:rPr>
              <a:t>自立的な支援体制の構築に向けた検討を行う</a:t>
            </a:r>
            <a:r>
              <a:rPr sz="1667" spc="-43" dirty="0">
                <a:latin typeface="ＭＳ Ｐゴシック"/>
                <a:cs typeface="ＭＳ Ｐゴシック"/>
              </a:rPr>
              <a:t>。</a:t>
            </a:r>
            <a:endParaRPr sz="1667">
              <a:latin typeface="ＭＳ Ｐゴシック"/>
              <a:cs typeface="ＭＳ Ｐゴシック"/>
            </a:endParaRPr>
          </a:p>
        </p:txBody>
      </p:sp>
      <p:grpSp>
        <p:nvGrpSpPr>
          <p:cNvPr id="4" name="object 4"/>
          <p:cNvGrpSpPr/>
          <p:nvPr/>
        </p:nvGrpSpPr>
        <p:grpSpPr>
          <a:xfrm>
            <a:off x="513453" y="3527048"/>
            <a:ext cx="8079734" cy="1987354"/>
            <a:chOff x="742759" y="3764851"/>
            <a:chExt cx="9448800" cy="2324100"/>
          </a:xfrm>
        </p:grpSpPr>
        <p:sp>
          <p:nvSpPr>
            <p:cNvPr id="5" name="object 5"/>
            <p:cNvSpPr/>
            <p:nvPr/>
          </p:nvSpPr>
          <p:spPr>
            <a:xfrm>
              <a:off x="6701028" y="3767328"/>
              <a:ext cx="3489960" cy="2321560"/>
            </a:xfrm>
            <a:custGeom>
              <a:avLst/>
              <a:gdLst/>
              <a:ahLst/>
              <a:cxnLst/>
              <a:rect l="l" t="t" r="r" b="b"/>
              <a:pathLst>
                <a:path w="3489959" h="2321560">
                  <a:moveTo>
                    <a:pt x="27432" y="2307336"/>
                  </a:moveTo>
                  <a:lnTo>
                    <a:pt x="0" y="2307336"/>
                  </a:lnTo>
                  <a:lnTo>
                    <a:pt x="0" y="2196084"/>
                  </a:lnTo>
                  <a:lnTo>
                    <a:pt x="27432" y="2196084"/>
                  </a:lnTo>
                  <a:lnTo>
                    <a:pt x="27432" y="2307336"/>
                  </a:lnTo>
                  <a:close/>
                </a:path>
                <a:path w="3489959" h="2321560">
                  <a:moveTo>
                    <a:pt x="27432" y="2110740"/>
                  </a:moveTo>
                  <a:lnTo>
                    <a:pt x="0" y="2110740"/>
                  </a:lnTo>
                  <a:lnTo>
                    <a:pt x="0" y="1999488"/>
                  </a:lnTo>
                  <a:lnTo>
                    <a:pt x="27432" y="1999488"/>
                  </a:lnTo>
                  <a:lnTo>
                    <a:pt x="27432" y="2110740"/>
                  </a:lnTo>
                  <a:close/>
                </a:path>
                <a:path w="3489959" h="2321560">
                  <a:moveTo>
                    <a:pt x="27432" y="1915668"/>
                  </a:moveTo>
                  <a:lnTo>
                    <a:pt x="0" y="1915668"/>
                  </a:lnTo>
                  <a:lnTo>
                    <a:pt x="0" y="1802892"/>
                  </a:lnTo>
                  <a:lnTo>
                    <a:pt x="27432" y="1802892"/>
                  </a:lnTo>
                  <a:lnTo>
                    <a:pt x="27432" y="1915668"/>
                  </a:lnTo>
                  <a:close/>
                </a:path>
                <a:path w="3489959" h="2321560">
                  <a:moveTo>
                    <a:pt x="27432" y="1719072"/>
                  </a:moveTo>
                  <a:lnTo>
                    <a:pt x="0" y="1719072"/>
                  </a:lnTo>
                  <a:lnTo>
                    <a:pt x="0" y="1607820"/>
                  </a:lnTo>
                  <a:lnTo>
                    <a:pt x="27432" y="1607820"/>
                  </a:lnTo>
                  <a:lnTo>
                    <a:pt x="27432" y="1719072"/>
                  </a:lnTo>
                  <a:close/>
                </a:path>
                <a:path w="3489959" h="2321560">
                  <a:moveTo>
                    <a:pt x="27432" y="1524000"/>
                  </a:moveTo>
                  <a:lnTo>
                    <a:pt x="0" y="1524000"/>
                  </a:lnTo>
                  <a:lnTo>
                    <a:pt x="0" y="1411224"/>
                  </a:lnTo>
                  <a:lnTo>
                    <a:pt x="27432" y="1411224"/>
                  </a:lnTo>
                  <a:lnTo>
                    <a:pt x="27432" y="1524000"/>
                  </a:lnTo>
                  <a:close/>
                </a:path>
                <a:path w="3489959" h="2321560">
                  <a:moveTo>
                    <a:pt x="27432" y="1327404"/>
                  </a:moveTo>
                  <a:lnTo>
                    <a:pt x="0" y="1327404"/>
                  </a:lnTo>
                  <a:lnTo>
                    <a:pt x="0" y="1214628"/>
                  </a:lnTo>
                  <a:lnTo>
                    <a:pt x="27432" y="1214628"/>
                  </a:lnTo>
                  <a:lnTo>
                    <a:pt x="27432" y="1327404"/>
                  </a:lnTo>
                  <a:close/>
                </a:path>
                <a:path w="3489959" h="2321560">
                  <a:moveTo>
                    <a:pt x="27432" y="1130808"/>
                  </a:moveTo>
                  <a:lnTo>
                    <a:pt x="0" y="1130808"/>
                  </a:lnTo>
                  <a:lnTo>
                    <a:pt x="0" y="1019556"/>
                  </a:lnTo>
                  <a:lnTo>
                    <a:pt x="27432" y="1019556"/>
                  </a:lnTo>
                  <a:lnTo>
                    <a:pt x="27432" y="1130808"/>
                  </a:lnTo>
                  <a:close/>
                </a:path>
                <a:path w="3489959" h="2321560">
                  <a:moveTo>
                    <a:pt x="27432" y="935736"/>
                  </a:moveTo>
                  <a:lnTo>
                    <a:pt x="0" y="935736"/>
                  </a:lnTo>
                  <a:lnTo>
                    <a:pt x="0" y="822960"/>
                  </a:lnTo>
                  <a:lnTo>
                    <a:pt x="27432" y="822960"/>
                  </a:lnTo>
                  <a:lnTo>
                    <a:pt x="27432" y="935736"/>
                  </a:lnTo>
                  <a:close/>
                </a:path>
                <a:path w="3489959" h="2321560">
                  <a:moveTo>
                    <a:pt x="27432" y="739140"/>
                  </a:moveTo>
                  <a:lnTo>
                    <a:pt x="0" y="739140"/>
                  </a:lnTo>
                  <a:lnTo>
                    <a:pt x="0" y="627887"/>
                  </a:lnTo>
                  <a:lnTo>
                    <a:pt x="27432" y="627887"/>
                  </a:lnTo>
                  <a:lnTo>
                    <a:pt x="27432" y="739140"/>
                  </a:lnTo>
                  <a:close/>
                </a:path>
                <a:path w="3489959" h="2321560">
                  <a:moveTo>
                    <a:pt x="27432" y="542544"/>
                  </a:moveTo>
                  <a:lnTo>
                    <a:pt x="0" y="542544"/>
                  </a:lnTo>
                  <a:lnTo>
                    <a:pt x="0" y="431291"/>
                  </a:lnTo>
                  <a:lnTo>
                    <a:pt x="27432" y="431291"/>
                  </a:lnTo>
                  <a:lnTo>
                    <a:pt x="27432" y="542544"/>
                  </a:lnTo>
                  <a:close/>
                </a:path>
                <a:path w="3489959" h="2321560">
                  <a:moveTo>
                    <a:pt x="27432" y="347472"/>
                  </a:moveTo>
                  <a:lnTo>
                    <a:pt x="0" y="347472"/>
                  </a:lnTo>
                  <a:lnTo>
                    <a:pt x="0" y="234695"/>
                  </a:lnTo>
                  <a:lnTo>
                    <a:pt x="27432" y="234695"/>
                  </a:lnTo>
                  <a:lnTo>
                    <a:pt x="27432" y="347472"/>
                  </a:lnTo>
                  <a:close/>
                </a:path>
                <a:path w="3489959" h="2321560">
                  <a:moveTo>
                    <a:pt x="27432" y="150876"/>
                  </a:moveTo>
                  <a:lnTo>
                    <a:pt x="0" y="150876"/>
                  </a:lnTo>
                  <a:lnTo>
                    <a:pt x="0" y="39624"/>
                  </a:lnTo>
                  <a:lnTo>
                    <a:pt x="27432" y="39624"/>
                  </a:lnTo>
                  <a:lnTo>
                    <a:pt x="27432" y="150876"/>
                  </a:lnTo>
                  <a:close/>
                </a:path>
                <a:path w="3489959" h="2321560">
                  <a:moveTo>
                    <a:pt x="184404" y="27432"/>
                  </a:moveTo>
                  <a:lnTo>
                    <a:pt x="73152" y="27432"/>
                  </a:lnTo>
                  <a:lnTo>
                    <a:pt x="73152" y="0"/>
                  </a:lnTo>
                  <a:lnTo>
                    <a:pt x="184404" y="0"/>
                  </a:lnTo>
                  <a:lnTo>
                    <a:pt x="184404" y="27432"/>
                  </a:lnTo>
                  <a:close/>
                </a:path>
                <a:path w="3489959" h="2321560">
                  <a:moveTo>
                    <a:pt x="381000" y="27432"/>
                  </a:moveTo>
                  <a:lnTo>
                    <a:pt x="268224" y="27432"/>
                  </a:lnTo>
                  <a:lnTo>
                    <a:pt x="268224" y="0"/>
                  </a:lnTo>
                  <a:lnTo>
                    <a:pt x="381000" y="0"/>
                  </a:lnTo>
                  <a:lnTo>
                    <a:pt x="381000" y="27432"/>
                  </a:lnTo>
                  <a:close/>
                </a:path>
                <a:path w="3489959" h="2321560">
                  <a:moveTo>
                    <a:pt x="576072" y="27432"/>
                  </a:moveTo>
                  <a:lnTo>
                    <a:pt x="464820" y="27432"/>
                  </a:lnTo>
                  <a:lnTo>
                    <a:pt x="464820" y="0"/>
                  </a:lnTo>
                  <a:lnTo>
                    <a:pt x="576072" y="0"/>
                  </a:lnTo>
                  <a:lnTo>
                    <a:pt x="576072" y="27432"/>
                  </a:lnTo>
                  <a:close/>
                </a:path>
                <a:path w="3489959" h="2321560">
                  <a:moveTo>
                    <a:pt x="772668" y="27432"/>
                  </a:moveTo>
                  <a:lnTo>
                    <a:pt x="659892" y="27432"/>
                  </a:lnTo>
                  <a:lnTo>
                    <a:pt x="659892" y="0"/>
                  </a:lnTo>
                  <a:lnTo>
                    <a:pt x="772668" y="0"/>
                  </a:lnTo>
                  <a:lnTo>
                    <a:pt x="772668" y="27432"/>
                  </a:lnTo>
                  <a:close/>
                </a:path>
                <a:path w="3489959" h="2321560">
                  <a:moveTo>
                    <a:pt x="969264" y="27432"/>
                  </a:moveTo>
                  <a:lnTo>
                    <a:pt x="856488" y="27432"/>
                  </a:lnTo>
                  <a:lnTo>
                    <a:pt x="856488" y="0"/>
                  </a:lnTo>
                  <a:lnTo>
                    <a:pt x="969264" y="0"/>
                  </a:lnTo>
                  <a:lnTo>
                    <a:pt x="969264" y="27432"/>
                  </a:lnTo>
                  <a:close/>
                </a:path>
                <a:path w="3489959" h="2321560">
                  <a:moveTo>
                    <a:pt x="1164336" y="27432"/>
                  </a:moveTo>
                  <a:lnTo>
                    <a:pt x="1053084" y="27432"/>
                  </a:lnTo>
                  <a:lnTo>
                    <a:pt x="1053084" y="0"/>
                  </a:lnTo>
                  <a:lnTo>
                    <a:pt x="1164336" y="0"/>
                  </a:lnTo>
                  <a:lnTo>
                    <a:pt x="1164336" y="27432"/>
                  </a:lnTo>
                  <a:close/>
                </a:path>
                <a:path w="3489959" h="2321560">
                  <a:moveTo>
                    <a:pt x="1360932" y="27432"/>
                  </a:moveTo>
                  <a:lnTo>
                    <a:pt x="1248155" y="27432"/>
                  </a:lnTo>
                  <a:lnTo>
                    <a:pt x="1248155" y="0"/>
                  </a:lnTo>
                  <a:lnTo>
                    <a:pt x="1360932" y="0"/>
                  </a:lnTo>
                  <a:lnTo>
                    <a:pt x="1360932" y="27432"/>
                  </a:lnTo>
                  <a:close/>
                </a:path>
                <a:path w="3489959" h="2321560">
                  <a:moveTo>
                    <a:pt x="1556004" y="27432"/>
                  </a:moveTo>
                  <a:lnTo>
                    <a:pt x="1444751" y="27432"/>
                  </a:lnTo>
                  <a:lnTo>
                    <a:pt x="1444751" y="0"/>
                  </a:lnTo>
                  <a:lnTo>
                    <a:pt x="1556004" y="0"/>
                  </a:lnTo>
                  <a:lnTo>
                    <a:pt x="1556004" y="27432"/>
                  </a:lnTo>
                  <a:close/>
                </a:path>
                <a:path w="3489959" h="2321560">
                  <a:moveTo>
                    <a:pt x="1752600" y="27432"/>
                  </a:moveTo>
                  <a:lnTo>
                    <a:pt x="1641348" y="27432"/>
                  </a:lnTo>
                  <a:lnTo>
                    <a:pt x="1641348" y="0"/>
                  </a:lnTo>
                  <a:lnTo>
                    <a:pt x="1752600" y="0"/>
                  </a:lnTo>
                  <a:lnTo>
                    <a:pt x="1752600" y="27432"/>
                  </a:lnTo>
                  <a:close/>
                </a:path>
                <a:path w="3489959" h="2321560">
                  <a:moveTo>
                    <a:pt x="1949196" y="27432"/>
                  </a:moveTo>
                  <a:lnTo>
                    <a:pt x="1836420" y="27432"/>
                  </a:lnTo>
                  <a:lnTo>
                    <a:pt x="1836420" y="0"/>
                  </a:lnTo>
                  <a:lnTo>
                    <a:pt x="1949196" y="0"/>
                  </a:lnTo>
                  <a:lnTo>
                    <a:pt x="1949196" y="27432"/>
                  </a:lnTo>
                  <a:close/>
                </a:path>
                <a:path w="3489959" h="2321560">
                  <a:moveTo>
                    <a:pt x="2144268" y="27432"/>
                  </a:moveTo>
                  <a:lnTo>
                    <a:pt x="2033016" y="27432"/>
                  </a:lnTo>
                  <a:lnTo>
                    <a:pt x="2033016" y="0"/>
                  </a:lnTo>
                  <a:lnTo>
                    <a:pt x="2144268" y="0"/>
                  </a:lnTo>
                  <a:lnTo>
                    <a:pt x="2144268" y="27432"/>
                  </a:lnTo>
                  <a:close/>
                </a:path>
                <a:path w="3489959" h="2321560">
                  <a:moveTo>
                    <a:pt x="2340864" y="27432"/>
                  </a:moveTo>
                  <a:lnTo>
                    <a:pt x="2228088" y="27432"/>
                  </a:lnTo>
                  <a:lnTo>
                    <a:pt x="2228088" y="0"/>
                  </a:lnTo>
                  <a:lnTo>
                    <a:pt x="2340864" y="0"/>
                  </a:lnTo>
                  <a:lnTo>
                    <a:pt x="2340864" y="27432"/>
                  </a:lnTo>
                  <a:close/>
                </a:path>
                <a:path w="3489959" h="2321560">
                  <a:moveTo>
                    <a:pt x="2537460" y="27432"/>
                  </a:moveTo>
                  <a:lnTo>
                    <a:pt x="2424684" y="27432"/>
                  </a:lnTo>
                  <a:lnTo>
                    <a:pt x="2424684" y="0"/>
                  </a:lnTo>
                  <a:lnTo>
                    <a:pt x="2537460" y="0"/>
                  </a:lnTo>
                  <a:lnTo>
                    <a:pt x="2537460" y="27432"/>
                  </a:lnTo>
                  <a:close/>
                </a:path>
                <a:path w="3489959" h="2321560">
                  <a:moveTo>
                    <a:pt x="2732532" y="27432"/>
                  </a:moveTo>
                  <a:lnTo>
                    <a:pt x="2621280" y="27432"/>
                  </a:lnTo>
                  <a:lnTo>
                    <a:pt x="2621280" y="0"/>
                  </a:lnTo>
                  <a:lnTo>
                    <a:pt x="2732532" y="0"/>
                  </a:lnTo>
                  <a:lnTo>
                    <a:pt x="2732532" y="27432"/>
                  </a:lnTo>
                  <a:close/>
                </a:path>
                <a:path w="3489959" h="2321560">
                  <a:moveTo>
                    <a:pt x="2929127" y="27432"/>
                  </a:moveTo>
                  <a:lnTo>
                    <a:pt x="2816352" y="27432"/>
                  </a:lnTo>
                  <a:lnTo>
                    <a:pt x="2816352" y="0"/>
                  </a:lnTo>
                  <a:lnTo>
                    <a:pt x="2929127" y="0"/>
                  </a:lnTo>
                  <a:lnTo>
                    <a:pt x="2929127" y="27432"/>
                  </a:lnTo>
                  <a:close/>
                </a:path>
                <a:path w="3489959" h="2321560">
                  <a:moveTo>
                    <a:pt x="3125724" y="27432"/>
                  </a:moveTo>
                  <a:lnTo>
                    <a:pt x="3012948" y="27432"/>
                  </a:lnTo>
                  <a:lnTo>
                    <a:pt x="3012948" y="0"/>
                  </a:lnTo>
                  <a:lnTo>
                    <a:pt x="3125724" y="0"/>
                  </a:lnTo>
                  <a:lnTo>
                    <a:pt x="3125724" y="27432"/>
                  </a:lnTo>
                  <a:close/>
                </a:path>
                <a:path w="3489959" h="2321560">
                  <a:moveTo>
                    <a:pt x="3320796" y="27432"/>
                  </a:moveTo>
                  <a:lnTo>
                    <a:pt x="3209544" y="27432"/>
                  </a:lnTo>
                  <a:lnTo>
                    <a:pt x="3209544" y="0"/>
                  </a:lnTo>
                  <a:lnTo>
                    <a:pt x="3320796" y="0"/>
                  </a:lnTo>
                  <a:lnTo>
                    <a:pt x="3320796" y="27432"/>
                  </a:lnTo>
                  <a:close/>
                </a:path>
                <a:path w="3489959" h="2321560">
                  <a:moveTo>
                    <a:pt x="3462527" y="27432"/>
                  </a:moveTo>
                  <a:lnTo>
                    <a:pt x="3404616" y="27432"/>
                  </a:lnTo>
                  <a:lnTo>
                    <a:pt x="3404616" y="0"/>
                  </a:lnTo>
                  <a:lnTo>
                    <a:pt x="3483864" y="0"/>
                  </a:lnTo>
                  <a:lnTo>
                    <a:pt x="3489960" y="6095"/>
                  </a:lnTo>
                  <a:lnTo>
                    <a:pt x="3489960" y="13716"/>
                  </a:lnTo>
                  <a:lnTo>
                    <a:pt x="3462527" y="13716"/>
                  </a:lnTo>
                  <a:lnTo>
                    <a:pt x="3462527" y="27432"/>
                  </a:lnTo>
                  <a:close/>
                </a:path>
                <a:path w="3489959" h="2321560">
                  <a:moveTo>
                    <a:pt x="3489960" y="54864"/>
                  </a:moveTo>
                  <a:lnTo>
                    <a:pt x="3462527" y="54864"/>
                  </a:lnTo>
                  <a:lnTo>
                    <a:pt x="3462527" y="13716"/>
                  </a:lnTo>
                  <a:lnTo>
                    <a:pt x="3476244" y="27432"/>
                  </a:lnTo>
                  <a:lnTo>
                    <a:pt x="3489960" y="27432"/>
                  </a:lnTo>
                  <a:lnTo>
                    <a:pt x="3489960" y="54864"/>
                  </a:lnTo>
                  <a:close/>
                </a:path>
                <a:path w="3489959" h="2321560">
                  <a:moveTo>
                    <a:pt x="3489960" y="27432"/>
                  </a:moveTo>
                  <a:lnTo>
                    <a:pt x="3476244" y="27432"/>
                  </a:lnTo>
                  <a:lnTo>
                    <a:pt x="3462527" y="13716"/>
                  </a:lnTo>
                  <a:lnTo>
                    <a:pt x="3489960" y="13716"/>
                  </a:lnTo>
                  <a:lnTo>
                    <a:pt x="3489960" y="27432"/>
                  </a:lnTo>
                  <a:close/>
                </a:path>
                <a:path w="3489959" h="2321560">
                  <a:moveTo>
                    <a:pt x="3489960" y="251460"/>
                  </a:moveTo>
                  <a:lnTo>
                    <a:pt x="3462527" y="251460"/>
                  </a:lnTo>
                  <a:lnTo>
                    <a:pt x="3462527" y="138684"/>
                  </a:lnTo>
                  <a:lnTo>
                    <a:pt x="3489960" y="138684"/>
                  </a:lnTo>
                  <a:lnTo>
                    <a:pt x="3489960" y="251460"/>
                  </a:lnTo>
                  <a:close/>
                </a:path>
                <a:path w="3489959" h="2321560">
                  <a:moveTo>
                    <a:pt x="3489960" y="446532"/>
                  </a:moveTo>
                  <a:lnTo>
                    <a:pt x="3462527" y="446532"/>
                  </a:lnTo>
                  <a:lnTo>
                    <a:pt x="3462527" y="335280"/>
                  </a:lnTo>
                  <a:lnTo>
                    <a:pt x="3489960" y="335280"/>
                  </a:lnTo>
                  <a:lnTo>
                    <a:pt x="3489960" y="446532"/>
                  </a:lnTo>
                  <a:close/>
                </a:path>
                <a:path w="3489959" h="2321560">
                  <a:moveTo>
                    <a:pt x="3489960" y="643128"/>
                  </a:moveTo>
                  <a:lnTo>
                    <a:pt x="3462527" y="643128"/>
                  </a:lnTo>
                  <a:lnTo>
                    <a:pt x="3462527" y="531876"/>
                  </a:lnTo>
                  <a:lnTo>
                    <a:pt x="3489960" y="531876"/>
                  </a:lnTo>
                  <a:lnTo>
                    <a:pt x="3489960" y="643128"/>
                  </a:lnTo>
                  <a:close/>
                </a:path>
                <a:path w="3489959" h="2321560">
                  <a:moveTo>
                    <a:pt x="3489960" y="839724"/>
                  </a:moveTo>
                  <a:lnTo>
                    <a:pt x="3462527" y="839724"/>
                  </a:lnTo>
                  <a:lnTo>
                    <a:pt x="3462527" y="726948"/>
                  </a:lnTo>
                  <a:lnTo>
                    <a:pt x="3489960" y="726948"/>
                  </a:lnTo>
                  <a:lnTo>
                    <a:pt x="3489960" y="839724"/>
                  </a:lnTo>
                  <a:close/>
                </a:path>
                <a:path w="3489959" h="2321560">
                  <a:moveTo>
                    <a:pt x="3489960" y="1034796"/>
                  </a:moveTo>
                  <a:lnTo>
                    <a:pt x="3462527" y="1034796"/>
                  </a:lnTo>
                  <a:lnTo>
                    <a:pt x="3462527" y="923544"/>
                  </a:lnTo>
                  <a:lnTo>
                    <a:pt x="3489960" y="923544"/>
                  </a:lnTo>
                  <a:lnTo>
                    <a:pt x="3489960" y="1034796"/>
                  </a:lnTo>
                  <a:close/>
                </a:path>
                <a:path w="3489959" h="2321560">
                  <a:moveTo>
                    <a:pt x="3489960" y="1231392"/>
                  </a:moveTo>
                  <a:lnTo>
                    <a:pt x="3462527" y="1231392"/>
                  </a:lnTo>
                  <a:lnTo>
                    <a:pt x="3462527" y="1118616"/>
                  </a:lnTo>
                  <a:lnTo>
                    <a:pt x="3489960" y="1118616"/>
                  </a:lnTo>
                  <a:lnTo>
                    <a:pt x="3489960" y="1231392"/>
                  </a:lnTo>
                  <a:close/>
                </a:path>
                <a:path w="3489959" h="2321560">
                  <a:moveTo>
                    <a:pt x="3489960" y="1427988"/>
                  </a:moveTo>
                  <a:lnTo>
                    <a:pt x="3462527" y="1427988"/>
                  </a:lnTo>
                  <a:lnTo>
                    <a:pt x="3462527" y="1315212"/>
                  </a:lnTo>
                  <a:lnTo>
                    <a:pt x="3489960" y="1315212"/>
                  </a:lnTo>
                  <a:lnTo>
                    <a:pt x="3489960" y="1427988"/>
                  </a:lnTo>
                  <a:close/>
                </a:path>
                <a:path w="3489959" h="2321560">
                  <a:moveTo>
                    <a:pt x="3489960" y="1623060"/>
                  </a:moveTo>
                  <a:lnTo>
                    <a:pt x="3462527" y="1623060"/>
                  </a:lnTo>
                  <a:lnTo>
                    <a:pt x="3462527" y="1511808"/>
                  </a:lnTo>
                  <a:lnTo>
                    <a:pt x="3489960" y="1511808"/>
                  </a:lnTo>
                  <a:lnTo>
                    <a:pt x="3489960" y="1623060"/>
                  </a:lnTo>
                  <a:close/>
                </a:path>
                <a:path w="3489959" h="2321560">
                  <a:moveTo>
                    <a:pt x="3489960" y="1819656"/>
                  </a:moveTo>
                  <a:lnTo>
                    <a:pt x="3462527" y="1819656"/>
                  </a:lnTo>
                  <a:lnTo>
                    <a:pt x="3462527" y="1706880"/>
                  </a:lnTo>
                  <a:lnTo>
                    <a:pt x="3489960" y="1706880"/>
                  </a:lnTo>
                  <a:lnTo>
                    <a:pt x="3489960" y="1819656"/>
                  </a:lnTo>
                  <a:close/>
                </a:path>
                <a:path w="3489959" h="2321560">
                  <a:moveTo>
                    <a:pt x="3489960" y="2014728"/>
                  </a:moveTo>
                  <a:lnTo>
                    <a:pt x="3462527" y="2014728"/>
                  </a:lnTo>
                  <a:lnTo>
                    <a:pt x="3462527" y="1903476"/>
                  </a:lnTo>
                  <a:lnTo>
                    <a:pt x="3489960" y="1903476"/>
                  </a:lnTo>
                  <a:lnTo>
                    <a:pt x="3489960" y="2014728"/>
                  </a:lnTo>
                  <a:close/>
                </a:path>
                <a:path w="3489959" h="2321560">
                  <a:moveTo>
                    <a:pt x="3489960" y="2211324"/>
                  </a:moveTo>
                  <a:lnTo>
                    <a:pt x="3462527" y="2211324"/>
                  </a:lnTo>
                  <a:lnTo>
                    <a:pt x="3462527" y="2100072"/>
                  </a:lnTo>
                  <a:lnTo>
                    <a:pt x="3489960" y="2100072"/>
                  </a:lnTo>
                  <a:lnTo>
                    <a:pt x="3489960" y="2211324"/>
                  </a:lnTo>
                  <a:close/>
                </a:path>
                <a:path w="3489959" h="2321560">
                  <a:moveTo>
                    <a:pt x="3483864" y="2321052"/>
                  </a:moveTo>
                  <a:lnTo>
                    <a:pt x="3375660" y="2321052"/>
                  </a:lnTo>
                  <a:lnTo>
                    <a:pt x="3375660" y="2293620"/>
                  </a:lnTo>
                  <a:lnTo>
                    <a:pt x="3476244" y="2293620"/>
                  </a:lnTo>
                  <a:lnTo>
                    <a:pt x="3474720" y="2295144"/>
                  </a:lnTo>
                  <a:lnTo>
                    <a:pt x="3462527" y="2295144"/>
                  </a:lnTo>
                  <a:lnTo>
                    <a:pt x="3462527" y="2307336"/>
                  </a:lnTo>
                  <a:lnTo>
                    <a:pt x="3489960" y="2307336"/>
                  </a:lnTo>
                  <a:lnTo>
                    <a:pt x="3489960" y="2314956"/>
                  </a:lnTo>
                  <a:lnTo>
                    <a:pt x="3483864" y="2321052"/>
                  </a:lnTo>
                  <a:close/>
                </a:path>
                <a:path w="3489959" h="2321560">
                  <a:moveTo>
                    <a:pt x="3462527" y="2307336"/>
                  </a:moveTo>
                  <a:lnTo>
                    <a:pt x="3462527" y="2295144"/>
                  </a:lnTo>
                  <a:lnTo>
                    <a:pt x="3474720" y="2295144"/>
                  </a:lnTo>
                  <a:lnTo>
                    <a:pt x="3462527" y="2307336"/>
                  </a:lnTo>
                  <a:close/>
                </a:path>
                <a:path w="3489959" h="2321560">
                  <a:moveTo>
                    <a:pt x="3489960" y="2307336"/>
                  </a:moveTo>
                  <a:lnTo>
                    <a:pt x="3462527" y="2307336"/>
                  </a:lnTo>
                  <a:lnTo>
                    <a:pt x="3474720" y="2295144"/>
                  </a:lnTo>
                  <a:lnTo>
                    <a:pt x="3489960" y="2295144"/>
                  </a:lnTo>
                  <a:lnTo>
                    <a:pt x="3489960" y="2307336"/>
                  </a:lnTo>
                  <a:close/>
                </a:path>
                <a:path w="3489959" h="2321560">
                  <a:moveTo>
                    <a:pt x="3291840" y="2321052"/>
                  </a:moveTo>
                  <a:lnTo>
                    <a:pt x="3180588" y="2321052"/>
                  </a:lnTo>
                  <a:lnTo>
                    <a:pt x="3180588" y="2293620"/>
                  </a:lnTo>
                  <a:lnTo>
                    <a:pt x="3291840" y="2293620"/>
                  </a:lnTo>
                  <a:lnTo>
                    <a:pt x="3291840" y="2321052"/>
                  </a:lnTo>
                  <a:close/>
                </a:path>
                <a:path w="3489959" h="2321560">
                  <a:moveTo>
                    <a:pt x="3095244" y="2321052"/>
                  </a:moveTo>
                  <a:lnTo>
                    <a:pt x="2983992" y="2321052"/>
                  </a:lnTo>
                  <a:lnTo>
                    <a:pt x="2983992" y="2293620"/>
                  </a:lnTo>
                  <a:lnTo>
                    <a:pt x="3095244" y="2293620"/>
                  </a:lnTo>
                  <a:lnTo>
                    <a:pt x="3095244" y="2321052"/>
                  </a:lnTo>
                  <a:close/>
                </a:path>
                <a:path w="3489959" h="2321560">
                  <a:moveTo>
                    <a:pt x="2900172" y="2321052"/>
                  </a:moveTo>
                  <a:lnTo>
                    <a:pt x="2787396" y="2321052"/>
                  </a:lnTo>
                  <a:lnTo>
                    <a:pt x="2787396" y="2293620"/>
                  </a:lnTo>
                  <a:lnTo>
                    <a:pt x="2900172" y="2293620"/>
                  </a:lnTo>
                  <a:lnTo>
                    <a:pt x="2900172" y="2321052"/>
                  </a:lnTo>
                  <a:close/>
                </a:path>
                <a:path w="3489959" h="2321560">
                  <a:moveTo>
                    <a:pt x="2703576" y="2321052"/>
                  </a:moveTo>
                  <a:lnTo>
                    <a:pt x="2592324" y="2321052"/>
                  </a:lnTo>
                  <a:lnTo>
                    <a:pt x="2592324" y="2293620"/>
                  </a:lnTo>
                  <a:lnTo>
                    <a:pt x="2703576" y="2293620"/>
                  </a:lnTo>
                  <a:lnTo>
                    <a:pt x="2703576" y="2321052"/>
                  </a:lnTo>
                  <a:close/>
                </a:path>
                <a:path w="3489959" h="2321560">
                  <a:moveTo>
                    <a:pt x="2508503" y="2321052"/>
                  </a:moveTo>
                  <a:lnTo>
                    <a:pt x="2395728" y="2321052"/>
                  </a:lnTo>
                  <a:lnTo>
                    <a:pt x="2395728" y="2293620"/>
                  </a:lnTo>
                  <a:lnTo>
                    <a:pt x="2508503" y="2293620"/>
                  </a:lnTo>
                  <a:lnTo>
                    <a:pt x="2508503" y="2321052"/>
                  </a:lnTo>
                  <a:close/>
                </a:path>
                <a:path w="3489959" h="2321560">
                  <a:moveTo>
                    <a:pt x="2311908" y="2321052"/>
                  </a:moveTo>
                  <a:lnTo>
                    <a:pt x="2199132" y="2321052"/>
                  </a:lnTo>
                  <a:lnTo>
                    <a:pt x="2199132" y="2293620"/>
                  </a:lnTo>
                  <a:lnTo>
                    <a:pt x="2311908" y="2293620"/>
                  </a:lnTo>
                  <a:lnTo>
                    <a:pt x="2311908" y="2321052"/>
                  </a:lnTo>
                  <a:close/>
                </a:path>
                <a:path w="3489959" h="2321560">
                  <a:moveTo>
                    <a:pt x="2115312" y="2321052"/>
                  </a:moveTo>
                  <a:lnTo>
                    <a:pt x="2004060" y="2321052"/>
                  </a:lnTo>
                  <a:lnTo>
                    <a:pt x="2004060" y="2293620"/>
                  </a:lnTo>
                  <a:lnTo>
                    <a:pt x="2115312" y="2293620"/>
                  </a:lnTo>
                  <a:lnTo>
                    <a:pt x="2115312" y="2321052"/>
                  </a:lnTo>
                  <a:close/>
                </a:path>
                <a:path w="3489959" h="2321560">
                  <a:moveTo>
                    <a:pt x="1920240" y="2321052"/>
                  </a:moveTo>
                  <a:lnTo>
                    <a:pt x="1807464" y="2321052"/>
                  </a:lnTo>
                  <a:lnTo>
                    <a:pt x="1807464" y="2293620"/>
                  </a:lnTo>
                  <a:lnTo>
                    <a:pt x="1920240" y="2293620"/>
                  </a:lnTo>
                  <a:lnTo>
                    <a:pt x="1920240" y="2321052"/>
                  </a:lnTo>
                  <a:close/>
                </a:path>
                <a:path w="3489959" h="2321560">
                  <a:moveTo>
                    <a:pt x="1723644" y="2321052"/>
                  </a:moveTo>
                  <a:lnTo>
                    <a:pt x="1612392" y="2321052"/>
                  </a:lnTo>
                  <a:lnTo>
                    <a:pt x="1612392" y="2293620"/>
                  </a:lnTo>
                  <a:lnTo>
                    <a:pt x="1723644" y="2293620"/>
                  </a:lnTo>
                  <a:lnTo>
                    <a:pt x="1723644" y="2321052"/>
                  </a:lnTo>
                  <a:close/>
                </a:path>
                <a:path w="3489959" h="2321560">
                  <a:moveTo>
                    <a:pt x="1527048" y="2321052"/>
                  </a:moveTo>
                  <a:lnTo>
                    <a:pt x="1415796" y="2321052"/>
                  </a:lnTo>
                  <a:lnTo>
                    <a:pt x="1415796" y="2293620"/>
                  </a:lnTo>
                  <a:lnTo>
                    <a:pt x="1527048" y="2293620"/>
                  </a:lnTo>
                  <a:lnTo>
                    <a:pt x="1527048" y="2321052"/>
                  </a:lnTo>
                  <a:close/>
                </a:path>
                <a:path w="3489959" h="2321560">
                  <a:moveTo>
                    <a:pt x="1331976" y="2321052"/>
                  </a:moveTo>
                  <a:lnTo>
                    <a:pt x="1219200" y="2321052"/>
                  </a:lnTo>
                  <a:lnTo>
                    <a:pt x="1219200" y="2293620"/>
                  </a:lnTo>
                  <a:lnTo>
                    <a:pt x="1331976" y="2293620"/>
                  </a:lnTo>
                  <a:lnTo>
                    <a:pt x="1331976" y="2321052"/>
                  </a:lnTo>
                  <a:close/>
                </a:path>
                <a:path w="3489959" h="2321560">
                  <a:moveTo>
                    <a:pt x="1135380" y="2321052"/>
                  </a:moveTo>
                  <a:lnTo>
                    <a:pt x="1024128" y="2321052"/>
                  </a:lnTo>
                  <a:lnTo>
                    <a:pt x="1024128" y="2293620"/>
                  </a:lnTo>
                  <a:lnTo>
                    <a:pt x="1135380" y="2293620"/>
                  </a:lnTo>
                  <a:lnTo>
                    <a:pt x="1135380" y="2321052"/>
                  </a:lnTo>
                  <a:close/>
                </a:path>
                <a:path w="3489959" h="2321560">
                  <a:moveTo>
                    <a:pt x="940308" y="2321052"/>
                  </a:moveTo>
                  <a:lnTo>
                    <a:pt x="827531" y="2321052"/>
                  </a:lnTo>
                  <a:lnTo>
                    <a:pt x="827531" y="2293620"/>
                  </a:lnTo>
                  <a:lnTo>
                    <a:pt x="940308" y="2293620"/>
                  </a:lnTo>
                  <a:lnTo>
                    <a:pt x="940308" y="2321052"/>
                  </a:lnTo>
                  <a:close/>
                </a:path>
                <a:path w="3489959" h="2321560">
                  <a:moveTo>
                    <a:pt x="743712" y="2321052"/>
                  </a:moveTo>
                  <a:lnTo>
                    <a:pt x="630935" y="2321052"/>
                  </a:lnTo>
                  <a:lnTo>
                    <a:pt x="630935" y="2293620"/>
                  </a:lnTo>
                  <a:lnTo>
                    <a:pt x="743712" y="2293620"/>
                  </a:lnTo>
                  <a:lnTo>
                    <a:pt x="743712" y="2321052"/>
                  </a:lnTo>
                  <a:close/>
                </a:path>
                <a:path w="3489959" h="2321560">
                  <a:moveTo>
                    <a:pt x="547116" y="2321052"/>
                  </a:moveTo>
                  <a:lnTo>
                    <a:pt x="435863" y="2321052"/>
                  </a:lnTo>
                  <a:lnTo>
                    <a:pt x="435863" y="2293620"/>
                  </a:lnTo>
                  <a:lnTo>
                    <a:pt x="547116" y="2293620"/>
                  </a:lnTo>
                  <a:lnTo>
                    <a:pt x="547116" y="2321052"/>
                  </a:lnTo>
                  <a:close/>
                </a:path>
                <a:path w="3489959" h="2321560">
                  <a:moveTo>
                    <a:pt x="352044" y="2321052"/>
                  </a:moveTo>
                  <a:lnTo>
                    <a:pt x="239268" y="2321052"/>
                  </a:lnTo>
                  <a:lnTo>
                    <a:pt x="239268" y="2293620"/>
                  </a:lnTo>
                  <a:lnTo>
                    <a:pt x="352044" y="2293620"/>
                  </a:lnTo>
                  <a:lnTo>
                    <a:pt x="352044" y="2321052"/>
                  </a:lnTo>
                  <a:close/>
                </a:path>
                <a:path w="3489959" h="2321560">
                  <a:moveTo>
                    <a:pt x="155448" y="2321052"/>
                  </a:moveTo>
                  <a:lnTo>
                    <a:pt x="44196" y="2321052"/>
                  </a:lnTo>
                  <a:lnTo>
                    <a:pt x="44196" y="2293620"/>
                  </a:lnTo>
                  <a:lnTo>
                    <a:pt x="155448" y="2293620"/>
                  </a:lnTo>
                  <a:lnTo>
                    <a:pt x="155448" y="2321052"/>
                  </a:lnTo>
                  <a:close/>
                </a:path>
              </a:pathLst>
            </a:custGeom>
            <a:solidFill>
              <a:srgbClr val="ED7C31"/>
            </a:solidFill>
          </p:spPr>
          <p:txBody>
            <a:bodyPr wrap="square" lIns="0" tIns="0" rIns="0" bIns="0" rtlCol="0"/>
            <a:lstStyle/>
            <a:p>
              <a:endParaRPr sz="1749"/>
            </a:p>
          </p:txBody>
        </p:sp>
        <p:sp>
          <p:nvSpPr>
            <p:cNvPr id="6" name="object 6"/>
            <p:cNvSpPr/>
            <p:nvPr/>
          </p:nvSpPr>
          <p:spPr>
            <a:xfrm>
              <a:off x="758952" y="3781044"/>
              <a:ext cx="1927860" cy="1251585"/>
            </a:xfrm>
            <a:custGeom>
              <a:avLst/>
              <a:gdLst/>
              <a:ahLst/>
              <a:cxnLst/>
              <a:rect l="l" t="t" r="r" b="b"/>
              <a:pathLst>
                <a:path w="1927860" h="1251585">
                  <a:moveTo>
                    <a:pt x="0" y="0"/>
                  </a:moveTo>
                  <a:lnTo>
                    <a:pt x="1927859" y="0"/>
                  </a:lnTo>
                  <a:lnTo>
                    <a:pt x="1927859" y="1251204"/>
                  </a:lnTo>
                  <a:lnTo>
                    <a:pt x="0" y="1251204"/>
                  </a:lnTo>
                  <a:lnTo>
                    <a:pt x="0" y="0"/>
                  </a:lnTo>
                  <a:close/>
                </a:path>
              </a:pathLst>
            </a:custGeom>
            <a:ln w="32004">
              <a:solidFill>
                <a:srgbClr val="70AC46"/>
              </a:solidFill>
            </a:ln>
          </p:spPr>
          <p:txBody>
            <a:bodyPr wrap="square" lIns="0" tIns="0" rIns="0" bIns="0" rtlCol="0"/>
            <a:lstStyle/>
            <a:p>
              <a:endParaRPr sz="1749"/>
            </a:p>
          </p:txBody>
        </p:sp>
      </p:grpSp>
      <p:sp>
        <p:nvSpPr>
          <p:cNvPr id="7" name="object 7"/>
          <p:cNvSpPr txBox="1"/>
          <p:nvPr/>
        </p:nvSpPr>
        <p:spPr>
          <a:xfrm>
            <a:off x="584206" y="3601846"/>
            <a:ext cx="1240196" cy="1015511"/>
          </a:xfrm>
          <a:prstGeom prst="rect">
            <a:avLst/>
          </a:prstGeom>
        </p:spPr>
        <p:txBody>
          <a:bodyPr vert="horz" wrap="square" lIns="0" tIns="43982" rIns="0" bIns="0" rtlCol="0">
            <a:spAutoFit/>
          </a:bodyPr>
          <a:lstStyle/>
          <a:p>
            <a:pPr marL="10860">
              <a:spcBef>
                <a:spcPts val="346"/>
              </a:spcBef>
            </a:pPr>
            <a:r>
              <a:rPr sz="1112" spc="-9" dirty="0">
                <a:latin typeface="ＭＳ Ｐゴシック"/>
                <a:cs typeface="ＭＳ Ｐゴシック"/>
              </a:rPr>
              <a:t>・ニーズの具体化</a:t>
            </a:r>
            <a:endParaRPr sz="1112" dirty="0">
              <a:latin typeface="ＭＳ Ｐゴシック"/>
              <a:cs typeface="ＭＳ Ｐゴシック"/>
            </a:endParaRPr>
          </a:p>
          <a:p>
            <a:pPr marL="10860">
              <a:spcBef>
                <a:spcPts val="269"/>
              </a:spcBef>
            </a:pPr>
            <a:r>
              <a:rPr sz="1112" spc="-9" dirty="0">
                <a:latin typeface="ＭＳ Ｐゴシック"/>
                <a:cs typeface="ＭＳ Ｐゴシック"/>
              </a:rPr>
              <a:t>・新技術の導入検討</a:t>
            </a:r>
            <a:endParaRPr sz="1112" dirty="0">
              <a:latin typeface="ＭＳ Ｐゴシック"/>
              <a:cs typeface="ＭＳ Ｐゴシック"/>
            </a:endParaRPr>
          </a:p>
          <a:p>
            <a:pPr marL="10860">
              <a:spcBef>
                <a:spcPts val="274"/>
              </a:spcBef>
            </a:pPr>
            <a:r>
              <a:rPr sz="1112" spc="-9" dirty="0">
                <a:latin typeface="ＭＳ Ｐゴシック"/>
                <a:cs typeface="ＭＳ Ｐゴシック"/>
              </a:rPr>
              <a:t>・庁内調整</a:t>
            </a:r>
            <a:endParaRPr sz="1112" dirty="0">
              <a:latin typeface="ＭＳ Ｐゴシック"/>
              <a:cs typeface="ＭＳ Ｐゴシック"/>
            </a:endParaRPr>
          </a:p>
          <a:p>
            <a:pPr marL="10860">
              <a:spcBef>
                <a:spcPts val="265"/>
              </a:spcBef>
            </a:pPr>
            <a:r>
              <a:rPr sz="1112" spc="-9" dirty="0">
                <a:latin typeface="ＭＳ Ｐゴシック"/>
                <a:cs typeface="ＭＳ Ｐゴシック"/>
              </a:rPr>
              <a:t>・予算措置</a:t>
            </a:r>
            <a:endParaRPr sz="1112" dirty="0">
              <a:latin typeface="ＭＳ Ｐゴシック"/>
              <a:cs typeface="ＭＳ Ｐゴシック"/>
            </a:endParaRPr>
          </a:p>
        </p:txBody>
      </p:sp>
      <p:sp>
        <p:nvSpPr>
          <p:cNvPr id="8" name="object 8"/>
          <p:cNvSpPr txBox="1"/>
          <p:nvPr/>
        </p:nvSpPr>
        <p:spPr>
          <a:xfrm>
            <a:off x="1954993" y="4412559"/>
            <a:ext cx="165070" cy="184296"/>
          </a:xfrm>
          <a:prstGeom prst="rect">
            <a:avLst/>
          </a:prstGeom>
        </p:spPr>
        <p:txBody>
          <a:bodyPr vert="horz" wrap="square" lIns="0" tIns="13032" rIns="0" bIns="0" rtlCol="0">
            <a:spAutoFit/>
          </a:bodyPr>
          <a:lstStyle/>
          <a:p>
            <a:pPr marL="10860">
              <a:spcBef>
                <a:spcPts val="103"/>
              </a:spcBef>
            </a:pPr>
            <a:r>
              <a:rPr sz="1112" spc="-43" dirty="0">
                <a:latin typeface="ＭＳ Ｐゴシック"/>
                <a:cs typeface="ＭＳ Ｐゴシック"/>
              </a:rPr>
              <a:t>等</a:t>
            </a:r>
            <a:endParaRPr sz="1112">
              <a:latin typeface="ＭＳ Ｐゴシック"/>
              <a:cs typeface="ＭＳ Ｐゴシック"/>
            </a:endParaRPr>
          </a:p>
        </p:txBody>
      </p:sp>
      <p:sp>
        <p:nvSpPr>
          <p:cNvPr id="9" name="object 9"/>
          <p:cNvSpPr/>
          <p:nvPr/>
        </p:nvSpPr>
        <p:spPr>
          <a:xfrm>
            <a:off x="2926459" y="3540895"/>
            <a:ext cx="1650154" cy="1029514"/>
          </a:xfrm>
          <a:custGeom>
            <a:avLst/>
            <a:gdLst/>
            <a:ahLst/>
            <a:cxnLst/>
            <a:rect l="l" t="t" r="r" b="b"/>
            <a:pathLst>
              <a:path w="1929764" h="1203960">
                <a:moveTo>
                  <a:pt x="0" y="0"/>
                </a:moveTo>
                <a:lnTo>
                  <a:pt x="1929383" y="0"/>
                </a:lnTo>
                <a:lnTo>
                  <a:pt x="1929383" y="1203959"/>
                </a:lnTo>
                <a:lnTo>
                  <a:pt x="0" y="1203959"/>
                </a:lnTo>
                <a:lnTo>
                  <a:pt x="0" y="0"/>
                </a:lnTo>
                <a:close/>
              </a:path>
            </a:pathLst>
          </a:custGeom>
          <a:ln w="32004">
            <a:solidFill>
              <a:srgbClr val="5B9AD4"/>
            </a:solidFill>
          </a:ln>
        </p:spPr>
        <p:txBody>
          <a:bodyPr wrap="square" lIns="0" tIns="0" rIns="0" bIns="0" rtlCol="0"/>
          <a:lstStyle/>
          <a:p>
            <a:endParaRPr sz="1749"/>
          </a:p>
        </p:txBody>
      </p:sp>
      <p:sp>
        <p:nvSpPr>
          <p:cNvPr id="10" name="object 10"/>
          <p:cNvSpPr txBox="1"/>
          <p:nvPr/>
        </p:nvSpPr>
        <p:spPr>
          <a:xfrm>
            <a:off x="2983643" y="3601847"/>
            <a:ext cx="1240196" cy="977039"/>
          </a:xfrm>
          <a:prstGeom prst="rect">
            <a:avLst/>
          </a:prstGeom>
        </p:spPr>
        <p:txBody>
          <a:bodyPr vert="horz" wrap="square" lIns="0" tIns="43982" rIns="0" bIns="0" rtlCol="0">
            <a:spAutoFit/>
          </a:bodyPr>
          <a:lstStyle/>
          <a:p>
            <a:pPr marL="10860">
              <a:spcBef>
                <a:spcPts val="346"/>
              </a:spcBef>
            </a:pPr>
            <a:r>
              <a:rPr sz="1112" spc="-9" dirty="0">
                <a:latin typeface="ＭＳ Ｐゴシック"/>
                <a:cs typeface="ＭＳ Ｐゴシック"/>
              </a:rPr>
              <a:t>・ニーズ精査へ助言</a:t>
            </a:r>
            <a:endParaRPr sz="1112">
              <a:latin typeface="ＭＳ Ｐゴシック"/>
              <a:cs typeface="ＭＳ Ｐゴシック"/>
            </a:endParaRPr>
          </a:p>
          <a:p>
            <a:pPr marL="10860">
              <a:spcBef>
                <a:spcPts val="269"/>
              </a:spcBef>
            </a:pPr>
            <a:r>
              <a:rPr sz="1112" spc="-9" dirty="0">
                <a:latin typeface="ＭＳ Ｐゴシック"/>
                <a:cs typeface="ＭＳ Ｐゴシック"/>
              </a:rPr>
              <a:t>・新技術選定へ助言</a:t>
            </a:r>
            <a:endParaRPr sz="1112">
              <a:latin typeface="ＭＳ Ｐゴシック"/>
              <a:cs typeface="ＭＳ Ｐゴシック"/>
            </a:endParaRPr>
          </a:p>
          <a:p>
            <a:pPr marL="10860">
              <a:spcBef>
                <a:spcPts val="274"/>
              </a:spcBef>
            </a:pPr>
            <a:r>
              <a:rPr sz="1112" spc="-9" dirty="0">
                <a:latin typeface="ＭＳ Ｐゴシック"/>
                <a:cs typeface="ＭＳ Ｐゴシック"/>
              </a:rPr>
              <a:t>・効果検証へ助言</a:t>
            </a:r>
            <a:endParaRPr sz="1112">
              <a:latin typeface="ＭＳ Ｐゴシック"/>
              <a:cs typeface="ＭＳ Ｐゴシック"/>
            </a:endParaRPr>
          </a:p>
        </p:txBody>
      </p:sp>
      <p:sp>
        <p:nvSpPr>
          <p:cNvPr id="11" name="object 11"/>
          <p:cNvSpPr txBox="1"/>
          <p:nvPr/>
        </p:nvSpPr>
        <p:spPr>
          <a:xfrm>
            <a:off x="4354430" y="4244011"/>
            <a:ext cx="165070" cy="184296"/>
          </a:xfrm>
          <a:prstGeom prst="rect">
            <a:avLst/>
          </a:prstGeom>
        </p:spPr>
        <p:txBody>
          <a:bodyPr vert="horz" wrap="square" lIns="0" tIns="13032" rIns="0" bIns="0" rtlCol="0">
            <a:spAutoFit/>
          </a:bodyPr>
          <a:lstStyle/>
          <a:p>
            <a:pPr marL="10860">
              <a:spcBef>
                <a:spcPts val="103"/>
              </a:spcBef>
            </a:pPr>
            <a:r>
              <a:rPr sz="1112" spc="-43" dirty="0">
                <a:latin typeface="ＭＳ Ｐゴシック"/>
                <a:cs typeface="ＭＳ Ｐゴシック"/>
              </a:rPr>
              <a:t>等</a:t>
            </a:r>
            <a:endParaRPr sz="1112">
              <a:latin typeface="ＭＳ Ｐゴシック"/>
              <a:cs typeface="ＭＳ Ｐゴシック"/>
            </a:endParaRPr>
          </a:p>
        </p:txBody>
      </p:sp>
      <p:grpSp>
        <p:nvGrpSpPr>
          <p:cNvPr id="12" name="object 12"/>
          <p:cNvGrpSpPr/>
          <p:nvPr/>
        </p:nvGrpSpPr>
        <p:grpSpPr>
          <a:xfrm>
            <a:off x="2311846" y="3077412"/>
            <a:ext cx="6128761" cy="709691"/>
            <a:chOff x="2703575" y="3370262"/>
            <a:chExt cx="7167245" cy="829944"/>
          </a:xfrm>
        </p:grpSpPr>
        <p:sp>
          <p:nvSpPr>
            <p:cNvPr id="13" name="object 13"/>
            <p:cNvSpPr/>
            <p:nvPr/>
          </p:nvSpPr>
          <p:spPr>
            <a:xfrm>
              <a:off x="2703575" y="4041648"/>
              <a:ext cx="681355" cy="158750"/>
            </a:xfrm>
            <a:custGeom>
              <a:avLst/>
              <a:gdLst/>
              <a:ahLst/>
              <a:cxnLst/>
              <a:rect l="l" t="t" r="r" b="b"/>
              <a:pathLst>
                <a:path w="681354" h="158750">
                  <a:moveTo>
                    <a:pt x="158495" y="158496"/>
                  </a:moveTo>
                  <a:lnTo>
                    <a:pt x="0" y="79248"/>
                  </a:lnTo>
                  <a:lnTo>
                    <a:pt x="158495" y="0"/>
                  </a:lnTo>
                  <a:lnTo>
                    <a:pt x="158495" y="64008"/>
                  </a:lnTo>
                  <a:lnTo>
                    <a:pt x="141731" y="64008"/>
                  </a:lnTo>
                  <a:lnTo>
                    <a:pt x="141731" y="94488"/>
                  </a:lnTo>
                  <a:lnTo>
                    <a:pt x="158495" y="94488"/>
                  </a:lnTo>
                  <a:lnTo>
                    <a:pt x="158495" y="158496"/>
                  </a:lnTo>
                  <a:close/>
                </a:path>
                <a:path w="681354" h="158750">
                  <a:moveTo>
                    <a:pt x="158495" y="94488"/>
                  </a:moveTo>
                  <a:lnTo>
                    <a:pt x="141731" y="94488"/>
                  </a:lnTo>
                  <a:lnTo>
                    <a:pt x="141731" y="64008"/>
                  </a:lnTo>
                  <a:lnTo>
                    <a:pt x="158495" y="64008"/>
                  </a:lnTo>
                  <a:lnTo>
                    <a:pt x="158495" y="94488"/>
                  </a:lnTo>
                  <a:close/>
                </a:path>
                <a:path w="681354" h="158750">
                  <a:moveTo>
                    <a:pt x="681227" y="94488"/>
                  </a:moveTo>
                  <a:lnTo>
                    <a:pt x="158495" y="94488"/>
                  </a:lnTo>
                  <a:lnTo>
                    <a:pt x="158495" y="64008"/>
                  </a:lnTo>
                  <a:lnTo>
                    <a:pt x="681227" y="64008"/>
                  </a:lnTo>
                  <a:lnTo>
                    <a:pt x="681227" y="94488"/>
                  </a:lnTo>
                  <a:close/>
                </a:path>
              </a:pathLst>
            </a:custGeom>
            <a:solidFill>
              <a:srgbClr val="333F50"/>
            </a:solidFill>
          </p:spPr>
          <p:txBody>
            <a:bodyPr wrap="square" lIns="0" tIns="0" rIns="0" bIns="0" rtlCol="0"/>
            <a:lstStyle/>
            <a:p>
              <a:endParaRPr sz="1749"/>
            </a:p>
          </p:txBody>
        </p:sp>
        <p:pic>
          <p:nvPicPr>
            <p:cNvPr id="14" name="object 14"/>
            <p:cNvPicPr/>
            <p:nvPr/>
          </p:nvPicPr>
          <p:blipFill>
            <a:blip r:embed="rId2" cstate="print"/>
            <a:stretch>
              <a:fillRect/>
            </a:stretch>
          </p:blipFill>
          <p:spPr>
            <a:xfrm>
              <a:off x="7027164" y="3375660"/>
              <a:ext cx="2837688" cy="646175"/>
            </a:xfrm>
            <a:prstGeom prst="rect">
              <a:avLst/>
            </a:prstGeom>
          </p:spPr>
        </p:pic>
        <p:sp>
          <p:nvSpPr>
            <p:cNvPr id="15" name="object 15"/>
            <p:cNvSpPr/>
            <p:nvPr/>
          </p:nvSpPr>
          <p:spPr>
            <a:xfrm>
              <a:off x="7027164" y="3375660"/>
              <a:ext cx="2837815" cy="646430"/>
            </a:xfrm>
            <a:custGeom>
              <a:avLst/>
              <a:gdLst/>
              <a:ahLst/>
              <a:cxnLst/>
              <a:rect l="l" t="t" r="r" b="b"/>
              <a:pathLst>
                <a:path w="2837815" h="646429">
                  <a:moveTo>
                    <a:pt x="0" y="0"/>
                  </a:moveTo>
                  <a:lnTo>
                    <a:pt x="2837688" y="0"/>
                  </a:lnTo>
                  <a:lnTo>
                    <a:pt x="2837688" y="646175"/>
                  </a:lnTo>
                  <a:lnTo>
                    <a:pt x="0" y="646175"/>
                  </a:lnTo>
                  <a:lnTo>
                    <a:pt x="0" y="0"/>
                  </a:lnTo>
                  <a:close/>
                </a:path>
              </a:pathLst>
            </a:custGeom>
            <a:ln w="10668">
              <a:solidFill>
                <a:srgbClr val="EB792A"/>
              </a:solidFill>
            </a:ln>
          </p:spPr>
          <p:txBody>
            <a:bodyPr wrap="square" lIns="0" tIns="0" rIns="0" bIns="0" rtlCol="0"/>
            <a:lstStyle/>
            <a:p>
              <a:endParaRPr sz="1749"/>
            </a:p>
          </p:txBody>
        </p:sp>
      </p:grpSp>
      <p:sp>
        <p:nvSpPr>
          <p:cNvPr id="16" name="object 16"/>
          <p:cNvSpPr txBox="1"/>
          <p:nvPr/>
        </p:nvSpPr>
        <p:spPr>
          <a:xfrm>
            <a:off x="2343607" y="3453344"/>
            <a:ext cx="320366" cy="184296"/>
          </a:xfrm>
          <a:prstGeom prst="rect">
            <a:avLst/>
          </a:prstGeom>
        </p:spPr>
        <p:txBody>
          <a:bodyPr vert="horz" wrap="square" lIns="0" tIns="13032" rIns="0" bIns="0" rtlCol="0">
            <a:spAutoFit/>
          </a:bodyPr>
          <a:lstStyle/>
          <a:p>
            <a:pPr marL="10860">
              <a:spcBef>
                <a:spcPts val="103"/>
              </a:spcBef>
            </a:pPr>
            <a:r>
              <a:rPr sz="1112" spc="26" dirty="0">
                <a:latin typeface="ＭＳ Ｐゴシック"/>
                <a:cs typeface="ＭＳ Ｐゴシック"/>
              </a:rPr>
              <a:t>支援</a:t>
            </a:r>
            <a:endParaRPr sz="1112">
              <a:latin typeface="ＭＳ Ｐゴシック"/>
              <a:cs typeface="ＭＳ Ｐゴシック"/>
            </a:endParaRPr>
          </a:p>
        </p:txBody>
      </p:sp>
      <p:sp>
        <p:nvSpPr>
          <p:cNvPr id="17" name="object 17"/>
          <p:cNvSpPr txBox="1"/>
          <p:nvPr/>
        </p:nvSpPr>
        <p:spPr>
          <a:xfrm>
            <a:off x="6084144" y="3121743"/>
            <a:ext cx="2250162" cy="703185"/>
          </a:xfrm>
          <a:prstGeom prst="rect">
            <a:avLst/>
          </a:prstGeom>
        </p:spPr>
        <p:txBody>
          <a:bodyPr vert="horz" wrap="square" lIns="0" tIns="12489" rIns="0" bIns="0" rtlCol="0">
            <a:spAutoFit/>
          </a:bodyPr>
          <a:lstStyle/>
          <a:p>
            <a:pPr marL="10860">
              <a:spcBef>
                <a:spcPts val="98"/>
              </a:spcBef>
            </a:pPr>
            <a:r>
              <a:rPr sz="1496" spc="-13" dirty="0">
                <a:latin typeface="ＭＳ Ｐゴシック"/>
                <a:cs typeface="ＭＳ Ｐゴシック"/>
              </a:rPr>
              <a:t>新技術導入に関する</a:t>
            </a:r>
            <a:endParaRPr sz="1496">
              <a:latin typeface="ＭＳ Ｐゴシック"/>
              <a:cs typeface="ＭＳ Ｐゴシック"/>
            </a:endParaRPr>
          </a:p>
          <a:p>
            <a:pPr marL="10860">
              <a:spcBef>
                <a:spcPts val="13"/>
              </a:spcBef>
            </a:pPr>
            <a:r>
              <a:rPr sz="1496" spc="-13" dirty="0">
                <a:latin typeface="ＭＳ Ｐゴシック"/>
                <a:cs typeface="ＭＳ Ｐゴシック"/>
              </a:rPr>
              <a:t>ハンズオン支援事業検討会</a:t>
            </a:r>
            <a:endParaRPr sz="1496">
              <a:latin typeface="ＭＳ Ｐゴシック"/>
              <a:cs typeface="ＭＳ Ｐゴシック"/>
            </a:endParaRPr>
          </a:p>
        </p:txBody>
      </p:sp>
      <p:sp>
        <p:nvSpPr>
          <p:cNvPr id="18" name="object 18"/>
          <p:cNvSpPr txBox="1"/>
          <p:nvPr/>
        </p:nvSpPr>
        <p:spPr>
          <a:xfrm>
            <a:off x="5889458" y="4331474"/>
            <a:ext cx="2243647" cy="831155"/>
          </a:xfrm>
          <a:prstGeom prst="rect">
            <a:avLst/>
          </a:prstGeom>
        </p:spPr>
        <p:txBody>
          <a:bodyPr vert="horz" wrap="square" lIns="0" tIns="10317" rIns="0" bIns="0" rtlCol="0">
            <a:spAutoFit/>
          </a:bodyPr>
          <a:lstStyle/>
          <a:p>
            <a:pPr marL="280182" indent="-269322">
              <a:lnSpc>
                <a:spcPts val="1586"/>
              </a:lnSpc>
              <a:spcBef>
                <a:spcPts val="81"/>
              </a:spcBef>
              <a:buFont typeface="Wingdings"/>
              <a:buChar char=""/>
              <a:tabLst>
                <a:tab pos="280182" algn="l"/>
              </a:tabLst>
            </a:pPr>
            <a:r>
              <a:rPr sz="1325" spc="-30" dirty="0">
                <a:latin typeface="ＭＳ Ｐゴシック"/>
                <a:cs typeface="ＭＳ Ｐゴシック"/>
              </a:rPr>
              <a:t>ハンズオン支援事業の実施</a:t>
            </a:r>
            <a:endParaRPr sz="1325">
              <a:latin typeface="ＭＳ Ｐゴシック"/>
              <a:cs typeface="ＭＳ Ｐゴシック"/>
            </a:endParaRPr>
          </a:p>
          <a:p>
            <a:pPr marL="280182" indent="-269322">
              <a:lnSpc>
                <a:spcPts val="1586"/>
              </a:lnSpc>
              <a:buFont typeface="Wingdings"/>
              <a:buChar char=""/>
              <a:tabLst>
                <a:tab pos="280182" algn="l"/>
              </a:tabLst>
            </a:pPr>
            <a:r>
              <a:rPr sz="1325" spc="-30" dirty="0">
                <a:latin typeface="ＭＳ Ｐゴシック"/>
                <a:cs typeface="ＭＳ Ｐゴシック"/>
              </a:rPr>
              <a:t>自立的な体制のあり方</a:t>
            </a:r>
            <a:endParaRPr sz="1325">
              <a:latin typeface="ＭＳ Ｐゴシック"/>
              <a:cs typeface="ＭＳ Ｐゴシック"/>
            </a:endParaRPr>
          </a:p>
          <a:p>
            <a:pPr marL="280182" indent="-269322">
              <a:lnSpc>
                <a:spcPts val="1590"/>
              </a:lnSpc>
              <a:buFont typeface="Wingdings"/>
              <a:buChar char=""/>
              <a:tabLst>
                <a:tab pos="280182" algn="l"/>
              </a:tabLst>
            </a:pPr>
            <a:r>
              <a:rPr sz="1325" spc="-26" dirty="0">
                <a:latin typeface="ＭＳ Ｐゴシック"/>
                <a:cs typeface="ＭＳ Ｐゴシック"/>
              </a:rPr>
              <a:t>その他必要な事項</a:t>
            </a:r>
            <a:endParaRPr sz="1325">
              <a:latin typeface="ＭＳ Ｐゴシック"/>
              <a:cs typeface="ＭＳ Ｐゴシック"/>
            </a:endParaRPr>
          </a:p>
        </p:txBody>
      </p:sp>
      <p:sp>
        <p:nvSpPr>
          <p:cNvPr id="19" name="object 19"/>
          <p:cNvSpPr txBox="1"/>
          <p:nvPr/>
        </p:nvSpPr>
        <p:spPr>
          <a:xfrm>
            <a:off x="5712522" y="4026428"/>
            <a:ext cx="1171236" cy="242802"/>
          </a:xfrm>
          <a:prstGeom prst="rect">
            <a:avLst/>
          </a:prstGeom>
        </p:spPr>
        <p:txBody>
          <a:bodyPr vert="horz" wrap="square" lIns="0" tIns="12489" rIns="0" bIns="0" rtlCol="0">
            <a:spAutoFit/>
          </a:bodyPr>
          <a:lstStyle/>
          <a:p>
            <a:pPr marL="10860">
              <a:spcBef>
                <a:spcPts val="98"/>
              </a:spcBef>
            </a:pPr>
            <a:r>
              <a:rPr sz="1496" spc="-9" dirty="0">
                <a:latin typeface="ＭＳ Ｐゴシック"/>
                <a:cs typeface="ＭＳ Ｐゴシック"/>
              </a:rPr>
              <a:t>＜検討事項＞</a:t>
            </a:r>
            <a:endParaRPr sz="1496">
              <a:latin typeface="ＭＳ Ｐゴシック"/>
              <a:cs typeface="ＭＳ Ｐゴシック"/>
            </a:endParaRPr>
          </a:p>
        </p:txBody>
      </p:sp>
      <p:grpSp>
        <p:nvGrpSpPr>
          <p:cNvPr id="20" name="object 20"/>
          <p:cNvGrpSpPr/>
          <p:nvPr/>
        </p:nvGrpSpPr>
        <p:grpSpPr>
          <a:xfrm>
            <a:off x="3198608" y="3053955"/>
            <a:ext cx="1359654" cy="328511"/>
            <a:chOff x="3740594" y="3342830"/>
            <a:chExt cx="1590040" cy="384175"/>
          </a:xfrm>
        </p:grpSpPr>
        <p:pic>
          <p:nvPicPr>
            <p:cNvPr id="21" name="object 21"/>
            <p:cNvPicPr/>
            <p:nvPr/>
          </p:nvPicPr>
          <p:blipFill>
            <a:blip r:embed="rId3" cstate="print"/>
            <a:stretch>
              <a:fillRect/>
            </a:stretch>
          </p:blipFill>
          <p:spPr>
            <a:xfrm>
              <a:off x="3745992" y="3348227"/>
              <a:ext cx="1578863" cy="373380"/>
            </a:xfrm>
            <a:prstGeom prst="rect">
              <a:avLst/>
            </a:prstGeom>
          </p:spPr>
        </p:pic>
        <p:sp>
          <p:nvSpPr>
            <p:cNvPr id="22" name="object 22"/>
            <p:cNvSpPr/>
            <p:nvPr/>
          </p:nvSpPr>
          <p:spPr>
            <a:xfrm>
              <a:off x="3745992" y="3348227"/>
              <a:ext cx="1579245" cy="373380"/>
            </a:xfrm>
            <a:custGeom>
              <a:avLst/>
              <a:gdLst/>
              <a:ahLst/>
              <a:cxnLst/>
              <a:rect l="l" t="t" r="r" b="b"/>
              <a:pathLst>
                <a:path w="1579245" h="373379">
                  <a:moveTo>
                    <a:pt x="0" y="0"/>
                  </a:moveTo>
                  <a:lnTo>
                    <a:pt x="1578863" y="0"/>
                  </a:lnTo>
                  <a:lnTo>
                    <a:pt x="1578863" y="373380"/>
                  </a:lnTo>
                  <a:lnTo>
                    <a:pt x="0" y="373380"/>
                  </a:lnTo>
                  <a:lnTo>
                    <a:pt x="0" y="0"/>
                  </a:lnTo>
                  <a:close/>
                </a:path>
              </a:pathLst>
            </a:custGeom>
            <a:ln w="10668">
              <a:solidFill>
                <a:srgbClr val="5697D3"/>
              </a:solidFill>
            </a:ln>
          </p:spPr>
          <p:txBody>
            <a:bodyPr wrap="square" lIns="0" tIns="0" rIns="0" bIns="0" rtlCol="0"/>
            <a:lstStyle/>
            <a:p>
              <a:endParaRPr sz="1749"/>
            </a:p>
          </p:txBody>
        </p:sp>
      </p:grpSp>
      <p:sp>
        <p:nvSpPr>
          <p:cNvPr id="23" name="object 23"/>
          <p:cNvSpPr txBox="1"/>
          <p:nvPr/>
        </p:nvSpPr>
        <p:spPr>
          <a:xfrm>
            <a:off x="3349810" y="3098546"/>
            <a:ext cx="1054492" cy="472993"/>
          </a:xfrm>
          <a:prstGeom prst="rect">
            <a:avLst/>
          </a:prstGeom>
        </p:spPr>
        <p:txBody>
          <a:bodyPr vert="horz" wrap="square" lIns="0" tIns="12489" rIns="0" bIns="0" rtlCol="0">
            <a:spAutoFit/>
          </a:bodyPr>
          <a:lstStyle/>
          <a:p>
            <a:pPr marL="10860">
              <a:spcBef>
                <a:spcPts val="98"/>
              </a:spcBef>
            </a:pPr>
            <a:r>
              <a:rPr sz="1496" u="sng" spc="-9" dirty="0">
                <a:uFill>
                  <a:solidFill>
                    <a:srgbClr val="000000"/>
                  </a:solidFill>
                </a:uFill>
                <a:latin typeface="ＭＳ Ｐゴシック"/>
                <a:cs typeface="ＭＳ Ｐゴシック"/>
              </a:rPr>
              <a:t>アドバイザー</a:t>
            </a:r>
            <a:endParaRPr sz="1496">
              <a:latin typeface="ＭＳ Ｐゴシック"/>
              <a:cs typeface="ＭＳ Ｐゴシック"/>
            </a:endParaRPr>
          </a:p>
        </p:txBody>
      </p:sp>
      <p:sp>
        <p:nvSpPr>
          <p:cNvPr id="24" name="object 24"/>
          <p:cNvSpPr/>
          <p:nvPr/>
        </p:nvSpPr>
        <p:spPr>
          <a:xfrm>
            <a:off x="897404" y="5107322"/>
            <a:ext cx="3607645" cy="1506805"/>
          </a:xfrm>
          <a:custGeom>
            <a:avLst/>
            <a:gdLst/>
            <a:ahLst/>
            <a:cxnLst/>
            <a:rect l="l" t="t" r="r" b="b"/>
            <a:pathLst>
              <a:path w="4218940" h="1762125">
                <a:moveTo>
                  <a:pt x="0" y="0"/>
                </a:moveTo>
                <a:lnTo>
                  <a:pt x="4218431" y="0"/>
                </a:lnTo>
                <a:lnTo>
                  <a:pt x="4218431" y="1761743"/>
                </a:lnTo>
                <a:lnTo>
                  <a:pt x="0" y="1761743"/>
                </a:lnTo>
                <a:lnTo>
                  <a:pt x="0" y="0"/>
                </a:lnTo>
                <a:close/>
              </a:path>
            </a:pathLst>
          </a:custGeom>
          <a:ln w="32004">
            <a:solidFill>
              <a:srgbClr val="5B9AD4"/>
            </a:solidFill>
          </a:ln>
        </p:spPr>
        <p:txBody>
          <a:bodyPr wrap="square" lIns="0" tIns="0" rIns="0" bIns="0" rtlCol="0"/>
          <a:lstStyle/>
          <a:p>
            <a:endParaRPr sz="1749"/>
          </a:p>
        </p:txBody>
      </p:sp>
      <p:sp>
        <p:nvSpPr>
          <p:cNvPr id="25" name="object 25"/>
          <p:cNvSpPr txBox="1"/>
          <p:nvPr/>
        </p:nvSpPr>
        <p:spPr>
          <a:xfrm>
            <a:off x="954342" y="5130541"/>
            <a:ext cx="2853428" cy="1300328"/>
          </a:xfrm>
          <a:prstGeom prst="rect">
            <a:avLst/>
          </a:prstGeom>
        </p:spPr>
        <p:txBody>
          <a:bodyPr vert="horz" wrap="square" lIns="0" tIns="80363" rIns="0" bIns="0" rtlCol="0">
            <a:spAutoFit/>
          </a:bodyPr>
          <a:lstStyle/>
          <a:p>
            <a:pPr marL="1385164">
              <a:spcBef>
                <a:spcPts val="633"/>
              </a:spcBef>
            </a:pPr>
            <a:r>
              <a:rPr sz="1112" b="1" u="sng" spc="-9" dirty="0">
                <a:uFill>
                  <a:solidFill>
                    <a:srgbClr val="000000"/>
                  </a:solidFill>
                </a:uFill>
                <a:latin typeface="メイリオ"/>
                <a:cs typeface="メイリオ"/>
              </a:rPr>
              <a:t>国土交通省</a:t>
            </a:r>
            <a:endParaRPr sz="1112">
              <a:latin typeface="メイリオ"/>
              <a:cs typeface="メイリオ"/>
            </a:endParaRPr>
          </a:p>
          <a:p>
            <a:pPr marL="10860">
              <a:spcBef>
                <a:spcPts val="556"/>
              </a:spcBef>
            </a:pPr>
            <a:r>
              <a:rPr sz="1112" spc="-4" dirty="0">
                <a:latin typeface="ＭＳ Ｐゴシック"/>
                <a:cs typeface="ＭＳ Ｐゴシック"/>
              </a:rPr>
              <a:t>・地方自治体とアドバイザーとの仲介</a:t>
            </a:r>
            <a:endParaRPr sz="1112">
              <a:latin typeface="ＭＳ Ｐゴシック"/>
              <a:cs typeface="ＭＳ Ｐゴシック"/>
            </a:endParaRPr>
          </a:p>
          <a:p>
            <a:pPr marL="10860">
              <a:spcBef>
                <a:spcPts val="265"/>
              </a:spcBef>
            </a:pPr>
            <a:r>
              <a:rPr sz="1112" spc="-9" dirty="0">
                <a:latin typeface="ＭＳ Ｐゴシック"/>
                <a:cs typeface="ＭＳ Ｐゴシック"/>
              </a:rPr>
              <a:t>・支援に必要な各種資料作成</a:t>
            </a:r>
            <a:endParaRPr sz="1112">
              <a:latin typeface="ＭＳ Ｐゴシック"/>
              <a:cs typeface="ＭＳ Ｐゴシック"/>
            </a:endParaRPr>
          </a:p>
          <a:p>
            <a:pPr marL="141177">
              <a:spcBef>
                <a:spcPts val="278"/>
              </a:spcBef>
            </a:pPr>
            <a:r>
              <a:rPr sz="1112" dirty="0">
                <a:latin typeface="ＭＳ Ｐゴシック"/>
                <a:cs typeface="ＭＳ Ｐゴシック"/>
              </a:rPr>
              <a:t>（</a:t>
            </a:r>
            <a:r>
              <a:rPr sz="1112" spc="-9" dirty="0">
                <a:latin typeface="ＭＳ Ｐゴシック"/>
                <a:cs typeface="ＭＳ Ｐゴシック"/>
              </a:rPr>
              <a:t>ニーズ、技術選定、庁内調整、効果検証等</a:t>
            </a:r>
            <a:r>
              <a:rPr sz="1112" spc="-43" dirty="0">
                <a:latin typeface="ＭＳ Ｐゴシック"/>
                <a:cs typeface="ＭＳ Ｐゴシック"/>
              </a:rPr>
              <a:t>）</a:t>
            </a:r>
            <a:endParaRPr sz="1112">
              <a:latin typeface="ＭＳ Ｐゴシック"/>
              <a:cs typeface="ＭＳ Ｐゴシック"/>
            </a:endParaRPr>
          </a:p>
          <a:p>
            <a:pPr marL="10860">
              <a:spcBef>
                <a:spcPts val="269"/>
              </a:spcBef>
            </a:pPr>
            <a:r>
              <a:rPr sz="1112" spc="-4" dirty="0">
                <a:latin typeface="ＭＳ Ｐゴシック"/>
                <a:cs typeface="ＭＳ Ｐゴシック"/>
              </a:rPr>
              <a:t>・ハンズオン支援事業検討会の運営</a:t>
            </a:r>
            <a:endParaRPr sz="1112">
              <a:latin typeface="ＭＳ Ｐゴシック"/>
              <a:cs typeface="ＭＳ Ｐゴシック"/>
            </a:endParaRPr>
          </a:p>
        </p:txBody>
      </p:sp>
      <p:sp>
        <p:nvSpPr>
          <p:cNvPr id="26" name="object 26"/>
          <p:cNvSpPr txBox="1"/>
          <p:nvPr/>
        </p:nvSpPr>
        <p:spPr>
          <a:xfrm>
            <a:off x="4283875" y="6252595"/>
            <a:ext cx="165070" cy="184296"/>
          </a:xfrm>
          <a:prstGeom prst="rect">
            <a:avLst/>
          </a:prstGeom>
        </p:spPr>
        <p:txBody>
          <a:bodyPr vert="horz" wrap="square" lIns="0" tIns="13032" rIns="0" bIns="0" rtlCol="0">
            <a:spAutoFit/>
          </a:bodyPr>
          <a:lstStyle/>
          <a:p>
            <a:pPr marL="10860">
              <a:spcBef>
                <a:spcPts val="103"/>
              </a:spcBef>
            </a:pPr>
            <a:r>
              <a:rPr sz="1112" spc="-43" dirty="0">
                <a:latin typeface="ＭＳ Ｐゴシック"/>
                <a:cs typeface="ＭＳ Ｐゴシック"/>
              </a:rPr>
              <a:t>等</a:t>
            </a:r>
            <a:endParaRPr sz="1112">
              <a:latin typeface="ＭＳ Ｐゴシック"/>
              <a:cs typeface="ＭＳ Ｐゴシック"/>
            </a:endParaRPr>
          </a:p>
        </p:txBody>
      </p:sp>
      <p:grpSp>
        <p:nvGrpSpPr>
          <p:cNvPr id="27" name="object 27"/>
          <p:cNvGrpSpPr/>
          <p:nvPr/>
        </p:nvGrpSpPr>
        <p:grpSpPr>
          <a:xfrm>
            <a:off x="3613237" y="4600383"/>
            <a:ext cx="1893959" cy="1199471"/>
            <a:chOff x="4367784" y="5020055"/>
            <a:chExt cx="2214880" cy="1402715"/>
          </a:xfrm>
        </p:grpSpPr>
        <p:sp>
          <p:nvSpPr>
            <p:cNvPr id="28" name="object 28"/>
            <p:cNvSpPr/>
            <p:nvPr/>
          </p:nvSpPr>
          <p:spPr>
            <a:xfrm>
              <a:off x="4367784" y="5020055"/>
              <a:ext cx="157480" cy="608330"/>
            </a:xfrm>
            <a:custGeom>
              <a:avLst/>
              <a:gdLst/>
              <a:ahLst/>
              <a:cxnLst/>
              <a:rect l="l" t="t" r="r" b="b"/>
              <a:pathLst>
                <a:path w="157479" h="608329">
                  <a:moveTo>
                    <a:pt x="62484" y="156971"/>
                  </a:moveTo>
                  <a:lnTo>
                    <a:pt x="0" y="156971"/>
                  </a:lnTo>
                  <a:lnTo>
                    <a:pt x="77724" y="0"/>
                  </a:lnTo>
                  <a:lnTo>
                    <a:pt x="149278" y="141732"/>
                  </a:lnTo>
                  <a:lnTo>
                    <a:pt x="62484" y="141732"/>
                  </a:lnTo>
                  <a:lnTo>
                    <a:pt x="62484" y="156971"/>
                  </a:lnTo>
                  <a:close/>
                </a:path>
                <a:path w="157479" h="608329">
                  <a:moveTo>
                    <a:pt x="94488" y="608076"/>
                  </a:moveTo>
                  <a:lnTo>
                    <a:pt x="62484" y="608076"/>
                  </a:lnTo>
                  <a:lnTo>
                    <a:pt x="62484" y="141732"/>
                  </a:lnTo>
                  <a:lnTo>
                    <a:pt x="94488" y="141732"/>
                  </a:lnTo>
                  <a:lnTo>
                    <a:pt x="94488" y="608076"/>
                  </a:lnTo>
                  <a:close/>
                </a:path>
                <a:path w="157479" h="608329">
                  <a:moveTo>
                    <a:pt x="156972" y="156971"/>
                  </a:moveTo>
                  <a:lnTo>
                    <a:pt x="94488" y="156971"/>
                  </a:lnTo>
                  <a:lnTo>
                    <a:pt x="94488" y="141732"/>
                  </a:lnTo>
                  <a:lnTo>
                    <a:pt x="149278" y="141732"/>
                  </a:lnTo>
                  <a:lnTo>
                    <a:pt x="156972" y="156971"/>
                  </a:lnTo>
                  <a:close/>
                </a:path>
              </a:pathLst>
            </a:custGeom>
            <a:solidFill>
              <a:srgbClr val="333F50"/>
            </a:solidFill>
          </p:spPr>
          <p:txBody>
            <a:bodyPr wrap="square" lIns="0" tIns="0" rIns="0" bIns="0" rtlCol="0"/>
            <a:lstStyle/>
            <a:p>
              <a:endParaRPr sz="1749"/>
            </a:p>
          </p:txBody>
        </p:sp>
        <p:sp>
          <p:nvSpPr>
            <p:cNvPr id="29" name="object 29"/>
            <p:cNvSpPr/>
            <p:nvPr/>
          </p:nvSpPr>
          <p:spPr>
            <a:xfrm>
              <a:off x="5416296" y="5070348"/>
              <a:ext cx="1152525" cy="1338580"/>
            </a:xfrm>
            <a:custGeom>
              <a:avLst/>
              <a:gdLst/>
              <a:ahLst/>
              <a:cxnLst/>
              <a:rect l="l" t="t" r="r" b="b"/>
              <a:pathLst>
                <a:path w="1152525" h="1338579">
                  <a:moveTo>
                    <a:pt x="536448" y="1338071"/>
                  </a:moveTo>
                  <a:lnTo>
                    <a:pt x="0" y="669035"/>
                  </a:lnTo>
                  <a:lnTo>
                    <a:pt x="536448" y="0"/>
                  </a:lnTo>
                  <a:lnTo>
                    <a:pt x="536448" y="309371"/>
                  </a:lnTo>
                  <a:lnTo>
                    <a:pt x="1152143" y="309371"/>
                  </a:lnTo>
                  <a:lnTo>
                    <a:pt x="1152143" y="1027175"/>
                  </a:lnTo>
                  <a:lnTo>
                    <a:pt x="536448" y="1027175"/>
                  </a:lnTo>
                  <a:lnTo>
                    <a:pt x="536448" y="1338071"/>
                  </a:lnTo>
                  <a:close/>
                </a:path>
              </a:pathLst>
            </a:custGeom>
            <a:solidFill>
              <a:srgbClr val="ED7C31"/>
            </a:solidFill>
          </p:spPr>
          <p:txBody>
            <a:bodyPr wrap="square" lIns="0" tIns="0" rIns="0" bIns="0" rtlCol="0"/>
            <a:lstStyle/>
            <a:p>
              <a:endParaRPr sz="1749"/>
            </a:p>
          </p:txBody>
        </p:sp>
        <p:sp>
          <p:nvSpPr>
            <p:cNvPr id="30" name="object 30"/>
            <p:cNvSpPr/>
            <p:nvPr/>
          </p:nvSpPr>
          <p:spPr>
            <a:xfrm>
              <a:off x="5416296" y="5070348"/>
              <a:ext cx="1152525" cy="1338580"/>
            </a:xfrm>
            <a:custGeom>
              <a:avLst/>
              <a:gdLst/>
              <a:ahLst/>
              <a:cxnLst/>
              <a:rect l="l" t="t" r="r" b="b"/>
              <a:pathLst>
                <a:path w="1152525" h="1338579">
                  <a:moveTo>
                    <a:pt x="0" y="669035"/>
                  </a:moveTo>
                  <a:lnTo>
                    <a:pt x="536448" y="0"/>
                  </a:lnTo>
                  <a:lnTo>
                    <a:pt x="536448" y="309371"/>
                  </a:lnTo>
                  <a:lnTo>
                    <a:pt x="1152143" y="309371"/>
                  </a:lnTo>
                  <a:lnTo>
                    <a:pt x="1152143" y="1027175"/>
                  </a:lnTo>
                  <a:lnTo>
                    <a:pt x="536448" y="1027175"/>
                  </a:lnTo>
                  <a:lnTo>
                    <a:pt x="536448" y="1338071"/>
                  </a:lnTo>
                  <a:lnTo>
                    <a:pt x="0" y="669035"/>
                  </a:lnTo>
                  <a:close/>
                </a:path>
              </a:pathLst>
            </a:custGeom>
            <a:ln w="27432">
              <a:solidFill>
                <a:srgbClr val="C45911"/>
              </a:solidFill>
            </a:ln>
          </p:spPr>
          <p:txBody>
            <a:bodyPr wrap="square" lIns="0" tIns="0" rIns="0" bIns="0" rtlCol="0"/>
            <a:lstStyle/>
            <a:p>
              <a:endParaRPr sz="1749"/>
            </a:p>
          </p:txBody>
        </p:sp>
      </p:grpSp>
      <p:sp>
        <p:nvSpPr>
          <p:cNvPr id="31" name="object 31"/>
          <p:cNvSpPr txBox="1"/>
          <p:nvPr/>
        </p:nvSpPr>
        <p:spPr>
          <a:xfrm>
            <a:off x="3817427" y="4756376"/>
            <a:ext cx="320366" cy="184296"/>
          </a:xfrm>
          <a:prstGeom prst="rect">
            <a:avLst/>
          </a:prstGeom>
        </p:spPr>
        <p:txBody>
          <a:bodyPr vert="horz" wrap="square" lIns="0" tIns="13032" rIns="0" bIns="0" rtlCol="0">
            <a:spAutoFit/>
          </a:bodyPr>
          <a:lstStyle/>
          <a:p>
            <a:pPr marL="10860">
              <a:spcBef>
                <a:spcPts val="103"/>
              </a:spcBef>
            </a:pPr>
            <a:r>
              <a:rPr sz="1112" spc="26" dirty="0">
                <a:latin typeface="ＭＳ Ｐゴシック"/>
                <a:cs typeface="ＭＳ Ｐゴシック"/>
              </a:rPr>
              <a:t>支援</a:t>
            </a:r>
            <a:endParaRPr sz="1112">
              <a:latin typeface="ＭＳ Ｐゴシック"/>
              <a:cs typeface="ＭＳ Ｐゴシック"/>
            </a:endParaRPr>
          </a:p>
        </p:txBody>
      </p:sp>
      <p:grpSp>
        <p:nvGrpSpPr>
          <p:cNvPr id="32" name="object 32"/>
          <p:cNvGrpSpPr/>
          <p:nvPr/>
        </p:nvGrpSpPr>
        <p:grpSpPr>
          <a:xfrm>
            <a:off x="4754012" y="3085937"/>
            <a:ext cx="843268" cy="1178295"/>
            <a:chOff x="5559552" y="3380232"/>
            <a:chExt cx="986155" cy="1377950"/>
          </a:xfrm>
        </p:grpSpPr>
        <p:sp>
          <p:nvSpPr>
            <p:cNvPr id="33" name="object 33"/>
            <p:cNvSpPr/>
            <p:nvPr/>
          </p:nvSpPr>
          <p:spPr>
            <a:xfrm>
              <a:off x="5573268" y="3393948"/>
              <a:ext cx="958850" cy="1350645"/>
            </a:xfrm>
            <a:custGeom>
              <a:avLst/>
              <a:gdLst/>
              <a:ahLst/>
              <a:cxnLst/>
              <a:rect l="l" t="t" r="r" b="b"/>
              <a:pathLst>
                <a:path w="958850" h="1350645">
                  <a:moveTo>
                    <a:pt x="463296" y="1350263"/>
                  </a:moveTo>
                  <a:lnTo>
                    <a:pt x="463296" y="1054608"/>
                  </a:lnTo>
                  <a:lnTo>
                    <a:pt x="0" y="1054608"/>
                  </a:lnTo>
                  <a:lnTo>
                    <a:pt x="0" y="295655"/>
                  </a:lnTo>
                  <a:lnTo>
                    <a:pt x="463296" y="295655"/>
                  </a:lnTo>
                  <a:lnTo>
                    <a:pt x="463296" y="0"/>
                  </a:lnTo>
                  <a:lnTo>
                    <a:pt x="958596" y="675132"/>
                  </a:lnTo>
                  <a:lnTo>
                    <a:pt x="463296" y="1350263"/>
                  </a:lnTo>
                  <a:close/>
                </a:path>
              </a:pathLst>
            </a:custGeom>
            <a:solidFill>
              <a:srgbClr val="5B9AD4"/>
            </a:solidFill>
          </p:spPr>
          <p:txBody>
            <a:bodyPr wrap="square" lIns="0" tIns="0" rIns="0" bIns="0" rtlCol="0"/>
            <a:lstStyle/>
            <a:p>
              <a:endParaRPr sz="1749"/>
            </a:p>
          </p:txBody>
        </p:sp>
        <p:sp>
          <p:nvSpPr>
            <p:cNvPr id="34" name="object 34"/>
            <p:cNvSpPr/>
            <p:nvPr/>
          </p:nvSpPr>
          <p:spPr>
            <a:xfrm>
              <a:off x="5573268" y="3393948"/>
              <a:ext cx="958850" cy="1350645"/>
            </a:xfrm>
            <a:custGeom>
              <a:avLst/>
              <a:gdLst/>
              <a:ahLst/>
              <a:cxnLst/>
              <a:rect l="l" t="t" r="r" b="b"/>
              <a:pathLst>
                <a:path w="958850" h="1350645">
                  <a:moveTo>
                    <a:pt x="0" y="295655"/>
                  </a:moveTo>
                  <a:lnTo>
                    <a:pt x="463296" y="295655"/>
                  </a:lnTo>
                  <a:lnTo>
                    <a:pt x="463296" y="0"/>
                  </a:lnTo>
                  <a:lnTo>
                    <a:pt x="958596" y="675132"/>
                  </a:lnTo>
                  <a:lnTo>
                    <a:pt x="463296" y="1350263"/>
                  </a:lnTo>
                  <a:lnTo>
                    <a:pt x="463296" y="1054608"/>
                  </a:lnTo>
                  <a:lnTo>
                    <a:pt x="0" y="1054608"/>
                  </a:lnTo>
                  <a:lnTo>
                    <a:pt x="0" y="295655"/>
                  </a:lnTo>
                  <a:close/>
                </a:path>
              </a:pathLst>
            </a:custGeom>
            <a:ln w="27432">
              <a:solidFill>
                <a:srgbClr val="41709C"/>
              </a:solidFill>
            </a:ln>
          </p:spPr>
          <p:txBody>
            <a:bodyPr wrap="square" lIns="0" tIns="0" rIns="0" bIns="0" rtlCol="0"/>
            <a:lstStyle/>
            <a:p>
              <a:endParaRPr sz="1749"/>
            </a:p>
          </p:txBody>
        </p:sp>
      </p:grpSp>
      <p:sp>
        <p:nvSpPr>
          <p:cNvPr id="35" name="object 35"/>
          <p:cNvSpPr txBox="1"/>
          <p:nvPr/>
        </p:nvSpPr>
        <p:spPr>
          <a:xfrm>
            <a:off x="4801078" y="3523561"/>
            <a:ext cx="405072" cy="472993"/>
          </a:xfrm>
          <a:prstGeom prst="rect">
            <a:avLst/>
          </a:prstGeom>
        </p:spPr>
        <p:txBody>
          <a:bodyPr vert="horz" wrap="square" lIns="0" tIns="12489" rIns="0" bIns="0" rtlCol="0">
            <a:spAutoFit/>
          </a:bodyPr>
          <a:lstStyle/>
          <a:p>
            <a:pPr marL="10860" marR="4344">
              <a:spcBef>
                <a:spcPts val="98"/>
              </a:spcBef>
            </a:pPr>
            <a:r>
              <a:rPr sz="1496" spc="-21" dirty="0">
                <a:solidFill>
                  <a:srgbClr val="FFFFFF"/>
                </a:solidFill>
                <a:latin typeface="ＭＳ Ｐゴシック"/>
                <a:cs typeface="ＭＳ Ｐゴシック"/>
              </a:rPr>
              <a:t>状況報告</a:t>
            </a:r>
            <a:endParaRPr sz="1496">
              <a:latin typeface="ＭＳ Ｐゴシック"/>
              <a:cs typeface="ＭＳ Ｐゴシック"/>
            </a:endParaRPr>
          </a:p>
        </p:txBody>
      </p:sp>
      <p:sp>
        <p:nvSpPr>
          <p:cNvPr id="36" name="object 36"/>
          <p:cNvSpPr txBox="1"/>
          <p:nvPr/>
        </p:nvSpPr>
        <p:spPr>
          <a:xfrm>
            <a:off x="4860944" y="4958076"/>
            <a:ext cx="500639" cy="708465"/>
          </a:xfrm>
          <a:prstGeom prst="rect">
            <a:avLst/>
          </a:prstGeom>
        </p:spPr>
        <p:txBody>
          <a:bodyPr vert="horz" wrap="square" lIns="0" tIns="10860" rIns="0" bIns="0" rtlCol="0">
            <a:spAutoFit/>
          </a:bodyPr>
          <a:lstStyle/>
          <a:p>
            <a:pPr marL="10860" marR="4344">
              <a:lnSpc>
                <a:spcPct val="100699"/>
              </a:lnSpc>
              <a:spcBef>
                <a:spcPts val="86"/>
              </a:spcBef>
            </a:pPr>
            <a:r>
              <a:rPr sz="1496" spc="-17" dirty="0">
                <a:latin typeface="ＭＳ Ｐゴシック"/>
                <a:cs typeface="ＭＳ Ｐゴシック"/>
              </a:rPr>
              <a:t>助言・</a:t>
            </a:r>
            <a:r>
              <a:rPr sz="1496" spc="-21" dirty="0">
                <a:latin typeface="ＭＳ Ｐゴシック"/>
                <a:cs typeface="ＭＳ Ｐゴシック"/>
              </a:rPr>
              <a:t>指導</a:t>
            </a:r>
            <a:endParaRPr sz="1496">
              <a:latin typeface="ＭＳ Ｐゴシック"/>
              <a:cs typeface="ＭＳ Ｐゴシック"/>
            </a:endParaRPr>
          </a:p>
        </p:txBody>
      </p:sp>
      <p:grpSp>
        <p:nvGrpSpPr>
          <p:cNvPr id="37" name="object 37"/>
          <p:cNvGrpSpPr/>
          <p:nvPr/>
        </p:nvGrpSpPr>
        <p:grpSpPr>
          <a:xfrm>
            <a:off x="4632108" y="5945051"/>
            <a:ext cx="1000193" cy="533762"/>
            <a:chOff x="5559297" y="6592570"/>
            <a:chExt cx="1169670" cy="624205"/>
          </a:xfrm>
        </p:grpSpPr>
        <p:pic>
          <p:nvPicPr>
            <p:cNvPr id="38" name="object 38"/>
            <p:cNvPicPr/>
            <p:nvPr/>
          </p:nvPicPr>
          <p:blipFill>
            <a:blip r:embed="rId4" cstate="print"/>
            <a:stretch>
              <a:fillRect/>
            </a:stretch>
          </p:blipFill>
          <p:spPr>
            <a:xfrm>
              <a:off x="5573267" y="6606540"/>
              <a:ext cx="1141476" cy="595883"/>
            </a:xfrm>
            <a:prstGeom prst="rect">
              <a:avLst/>
            </a:prstGeom>
          </p:spPr>
        </p:pic>
        <p:sp>
          <p:nvSpPr>
            <p:cNvPr id="39" name="object 39"/>
            <p:cNvSpPr/>
            <p:nvPr/>
          </p:nvSpPr>
          <p:spPr>
            <a:xfrm>
              <a:off x="5573267" y="6606540"/>
              <a:ext cx="1141730" cy="596265"/>
            </a:xfrm>
            <a:custGeom>
              <a:avLst/>
              <a:gdLst/>
              <a:ahLst/>
              <a:cxnLst/>
              <a:rect l="l" t="t" r="r" b="b"/>
              <a:pathLst>
                <a:path w="1141729" h="596265">
                  <a:moveTo>
                    <a:pt x="0" y="298704"/>
                  </a:moveTo>
                  <a:lnTo>
                    <a:pt x="298704" y="0"/>
                  </a:lnTo>
                  <a:lnTo>
                    <a:pt x="298704" y="149352"/>
                  </a:lnTo>
                  <a:lnTo>
                    <a:pt x="842772" y="149352"/>
                  </a:lnTo>
                  <a:lnTo>
                    <a:pt x="842772" y="0"/>
                  </a:lnTo>
                  <a:lnTo>
                    <a:pt x="1141475" y="298704"/>
                  </a:lnTo>
                  <a:lnTo>
                    <a:pt x="842772" y="595884"/>
                  </a:lnTo>
                  <a:lnTo>
                    <a:pt x="842772" y="446532"/>
                  </a:lnTo>
                  <a:lnTo>
                    <a:pt x="298704" y="446532"/>
                  </a:lnTo>
                  <a:lnTo>
                    <a:pt x="298704" y="595884"/>
                  </a:lnTo>
                  <a:lnTo>
                    <a:pt x="0" y="298704"/>
                  </a:lnTo>
                  <a:close/>
                </a:path>
              </a:pathLst>
            </a:custGeom>
            <a:ln w="27432">
              <a:solidFill>
                <a:srgbClr val="702FA0"/>
              </a:solidFill>
            </a:ln>
          </p:spPr>
          <p:txBody>
            <a:bodyPr wrap="square" lIns="0" tIns="0" rIns="0" bIns="0" rtlCol="0"/>
            <a:lstStyle/>
            <a:p>
              <a:endParaRPr sz="1749"/>
            </a:p>
          </p:txBody>
        </p:sp>
      </p:grpSp>
      <p:sp>
        <p:nvSpPr>
          <p:cNvPr id="40" name="object 40"/>
          <p:cNvSpPr txBox="1"/>
          <p:nvPr/>
        </p:nvSpPr>
        <p:spPr>
          <a:xfrm>
            <a:off x="4929040" y="6093267"/>
            <a:ext cx="405072" cy="242802"/>
          </a:xfrm>
          <a:prstGeom prst="rect">
            <a:avLst/>
          </a:prstGeom>
        </p:spPr>
        <p:txBody>
          <a:bodyPr vert="horz" wrap="square" lIns="0" tIns="12489" rIns="0" bIns="0" rtlCol="0">
            <a:spAutoFit/>
          </a:bodyPr>
          <a:lstStyle/>
          <a:p>
            <a:pPr marL="10860">
              <a:spcBef>
                <a:spcPts val="98"/>
              </a:spcBef>
            </a:pPr>
            <a:r>
              <a:rPr sz="1496" spc="-21" dirty="0">
                <a:solidFill>
                  <a:srgbClr val="FFFFFF"/>
                </a:solidFill>
                <a:latin typeface="ＭＳ Ｐゴシック"/>
                <a:cs typeface="ＭＳ Ｐゴシック"/>
              </a:rPr>
              <a:t>連携</a:t>
            </a:r>
            <a:endParaRPr sz="1496">
              <a:latin typeface="ＭＳ Ｐゴシック"/>
              <a:cs typeface="ＭＳ Ｐゴシック"/>
            </a:endParaRPr>
          </a:p>
        </p:txBody>
      </p:sp>
      <p:grpSp>
        <p:nvGrpSpPr>
          <p:cNvPr id="41" name="object 41"/>
          <p:cNvGrpSpPr/>
          <p:nvPr/>
        </p:nvGrpSpPr>
        <p:grpSpPr>
          <a:xfrm>
            <a:off x="5625351" y="5527543"/>
            <a:ext cx="2984289" cy="1162005"/>
            <a:chOff x="6720840" y="6104318"/>
            <a:chExt cx="3489960" cy="1358900"/>
          </a:xfrm>
        </p:grpSpPr>
        <p:sp>
          <p:nvSpPr>
            <p:cNvPr id="42" name="object 42"/>
            <p:cNvSpPr/>
            <p:nvPr/>
          </p:nvSpPr>
          <p:spPr>
            <a:xfrm>
              <a:off x="6720840" y="6324600"/>
              <a:ext cx="3489960" cy="1138555"/>
            </a:xfrm>
            <a:custGeom>
              <a:avLst/>
              <a:gdLst/>
              <a:ahLst/>
              <a:cxnLst/>
              <a:rect l="l" t="t" r="r" b="b"/>
              <a:pathLst>
                <a:path w="3489959" h="1138554">
                  <a:moveTo>
                    <a:pt x="27432" y="1124712"/>
                  </a:moveTo>
                  <a:lnTo>
                    <a:pt x="0" y="1124712"/>
                  </a:lnTo>
                  <a:lnTo>
                    <a:pt x="0" y="1013460"/>
                  </a:lnTo>
                  <a:lnTo>
                    <a:pt x="27432" y="1013460"/>
                  </a:lnTo>
                  <a:lnTo>
                    <a:pt x="27432" y="1124712"/>
                  </a:lnTo>
                  <a:close/>
                </a:path>
                <a:path w="3489959" h="1138554">
                  <a:moveTo>
                    <a:pt x="27432" y="928116"/>
                  </a:moveTo>
                  <a:lnTo>
                    <a:pt x="0" y="928116"/>
                  </a:lnTo>
                  <a:lnTo>
                    <a:pt x="0" y="816864"/>
                  </a:lnTo>
                  <a:lnTo>
                    <a:pt x="27432" y="816864"/>
                  </a:lnTo>
                  <a:lnTo>
                    <a:pt x="27432" y="928116"/>
                  </a:lnTo>
                  <a:close/>
                </a:path>
                <a:path w="3489959" h="1138554">
                  <a:moveTo>
                    <a:pt x="27432" y="733044"/>
                  </a:moveTo>
                  <a:lnTo>
                    <a:pt x="0" y="733044"/>
                  </a:lnTo>
                  <a:lnTo>
                    <a:pt x="0" y="620268"/>
                  </a:lnTo>
                  <a:lnTo>
                    <a:pt x="27432" y="620268"/>
                  </a:lnTo>
                  <a:lnTo>
                    <a:pt x="27432" y="733044"/>
                  </a:lnTo>
                  <a:close/>
                </a:path>
                <a:path w="3489959" h="1138554">
                  <a:moveTo>
                    <a:pt x="27432" y="536448"/>
                  </a:moveTo>
                  <a:lnTo>
                    <a:pt x="0" y="536448"/>
                  </a:lnTo>
                  <a:lnTo>
                    <a:pt x="0" y="425196"/>
                  </a:lnTo>
                  <a:lnTo>
                    <a:pt x="27432" y="425196"/>
                  </a:lnTo>
                  <a:lnTo>
                    <a:pt x="27432" y="536448"/>
                  </a:lnTo>
                  <a:close/>
                </a:path>
                <a:path w="3489959" h="1138554">
                  <a:moveTo>
                    <a:pt x="27432" y="341376"/>
                  </a:moveTo>
                  <a:lnTo>
                    <a:pt x="0" y="341376"/>
                  </a:lnTo>
                  <a:lnTo>
                    <a:pt x="0" y="228600"/>
                  </a:lnTo>
                  <a:lnTo>
                    <a:pt x="27432" y="228600"/>
                  </a:lnTo>
                  <a:lnTo>
                    <a:pt x="27432" y="341376"/>
                  </a:lnTo>
                  <a:close/>
                </a:path>
                <a:path w="3489959" h="1138554">
                  <a:moveTo>
                    <a:pt x="27432" y="144780"/>
                  </a:moveTo>
                  <a:lnTo>
                    <a:pt x="0" y="144780"/>
                  </a:lnTo>
                  <a:lnTo>
                    <a:pt x="0" y="32004"/>
                  </a:lnTo>
                  <a:lnTo>
                    <a:pt x="27432" y="32004"/>
                  </a:lnTo>
                  <a:lnTo>
                    <a:pt x="27432" y="144780"/>
                  </a:lnTo>
                  <a:close/>
                </a:path>
                <a:path w="3489959" h="1138554">
                  <a:moveTo>
                    <a:pt x="190500" y="27432"/>
                  </a:moveTo>
                  <a:lnTo>
                    <a:pt x="79248" y="27432"/>
                  </a:lnTo>
                  <a:lnTo>
                    <a:pt x="79248" y="0"/>
                  </a:lnTo>
                  <a:lnTo>
                    <a:pt x="190500" y="0"/>
                  </a:lnTo>
                  <a:lnTo>
                    <a:pt x="190500" y="27432"/>
                  </a:lnTo>
                  <a:close/>
                </a:path>
                <a:path w="3489959" h="1138554">
                  <a:moveTo>
                    <a:pt x="387096" y="27432"/>
                  </a:moveTo>
                  <a:lnTo>
                    <a:pt x="274319" y="27432"/>
                  </a:lnTo>
                  <a:lnTo>
                    <a:pt x="274319" y="0"/>
                  </a:lnTo>
                  <a:lnTo>
                    <a:pt x="387096" y="0"/>
                  </a:lnTo>
                  <a:lnTo>
                    <a:pt x="387096" y="27432"/>
                  </a:lnTo>
                  <a:close/>
                </a:path>
                <a:path w="3489959" h="1138554">
                  <a:moveTo>
                    <a:pt x="582168" y="27432"/>
                  </a:moveTo>
                  <a:lnTo>
                    <a:pt x="470916" y="27432"/>
                  </a:lnTo>
                  <a:lnTo>
                    <a:pt x="470916" y="0"/>
                  </a:lnTo>
                  <a:lnTo>
                    <a:pt x="582168" y="0"/>
                  </a:lnTo>
                  <a:lnTo>
                    <a:pt x="582168" y="27432"/>
                  </a:lnTo>
                  <a:close/>
                </a:path>
                <a:path w="3489959" h="1138554">
                  <a:moveTo>
                    <a:pt x="778764" y="27432"/>
                  </a:moveTo>
                  <a:lnTo>
                    <a:pt x="667512" y="27432"/>
                  </a:lnTo>
                  <a:lnTo>
                    <a:pt x="667512" y="0"/>
                  </a:lnTo>
                  <a:lnTo>
                    <a:pt x="778764" y="0"/>
                  </a:lnTo>
                  <a:lnTo>
                    <a:pt x="778764" y="27432"/>
                  </a:lnTo>
                  <a:close/>
                </a:path>
                <a:path w="3489959" h="1138554">
                  <a:moveTo>
                    <a:pt x="975360" y="27432"/>
                  </a:moveTo>
                  <a:lnTo>
                    <a:pt x="862584" y="27432"/>
                  </a:lnTo>
                  <a:lnTo>
                    <a:pt x="862584" y="0"/>
                  </a:lnTo>
                  <a:lnTo>
                    <a:pt x="975360" y="0"/>
                  </a:lnTo>
                  <a:lnTo>
                    <a:pt x="975360" y="27432"/>
                  </a:lnTo>
                  <a:close/>
                </a:path>
                <a:path w="3489959" h="1138554">
                  <a:moveTo>
                    <a:pt x="1170432" y="27432"/>
                  </a:moveTo>
                  <a:lnTo>
                    <a:pt x="1059180" y="27432"/>
                  </a:lnTo>
                  <a:lnTo>
                    <a:pt x="1059180" y="0"/>
                  </a:lnTo>
                  <a:lnTo>
                    <a:pt x="1170432" y="0"/>
                  </a:lnTo>
                  <a:lnTo>
                    <a:pt x="1170432" y="27432"/>
                  </a:lnTo>
                  <a:close/>
                </a:path>
                <a:path w="3489959" h="1138554">
                  <a:moveTo>
                    <a:pt x="1367028" y="27432"/>
                  </a:moveTo>
                  <a:lnTo>
                    <a:pt x="1254251" y="27432"/>
                  </a:lnTo>
                  <a:lnTo>
                    <a:pt x="1254251" y="0"/>
                  </a:lnTo>
                  <a:lnTo>
                    <a:pt x="1367028" y="0"/>
                  </a:lnTo>
                  <a:lnTo>
                    <a:pt x="1367028" y="27432"/>
                  </a:lnTo>
                  <a:close/>
                </a:path>
                <a:path w="3489959" h="1138554">
                  <a:moveTo>
                    <a:pt x="1563624" y="27432"/>
                  </a:moveTo>
                  <a:lnTo>
                    <a:pt x="1450848" y="27432"/>
                  </a:lnTo>
                  <a:lnTo>
                    <a:pt x="1450848" y="0"/>
                  </a:lnTo>
                  <a:lnTo>
                    <a:pt x="1563624" y="0"/>
                  </a:lnTo>
                  <a:lnTo>
                    <a:pt x="1563624" y="27432"/>
                  </a:lnTo>
                  <a:close/>
                </a:path>
                <a:path w="3489959" h="1138554">
                  <a:moveTo>
                    <a:pt x="1758696" y="27432"/>
                  </a:moveTo>
                  <a:lnTo>
                    <a:pt x="1647444" y="27432"/>
                  </a:lnTo>
                  <a:lnTo>
                    <a:pt x="1647444" y="0"/>
                  </a:lnTo>
                  <a:lnTo>
                    <a:pt x="1758696" y="0"/>
                  </a:lnTo>
                  <a:lnTo>
                    <a:pt x="1758696" y="27432"/>
                  </a:lnTo>
                  <a:close/>
                </a:path>
                <a:path w="3489959" h="1138554">
                  <a:moveTo>
                    <a:pt x="1955292" y="27432"/>
                  </a:moveTo>
                  <a:lnTo>
                    <a:pt x="1842516" y="27432"/>
                  </a:lnTo>
                  <a:lnTo>
                    <a:pt x="1842516" y="0"/>
                  </a:lnTo>
                  <a:lnTo>
                    <a:pt x="1955292" y="0"/>
                  </a:lnTo>
                  <a:lnTo>
                    <a:pt x="1955292" y="27432"/>
                  </a:lnTo>
                  <a:close/>
                </a:path>
                <a:path w="3489959" h="1138554">
                  <a:moveTo>
                    <a:pt x="2150364" y="27432"/>
                  </a:moveTo>
                  <a:lnTo>
                    <a:pt x="2039112" y="27432"/>
                  </a:lnTo>
                  <a:lnTo>
                    <a:pt x="2039112" y="0"/>
                  </a:lnTo>
                  <a:lnTo>
                    <a:pt x="2150364" y="0"/>
                  </a:lnTo>
                  <a:lnTo>
                    <a:pt x="2150364" y="27432"/>
                  </a:lnTo>
                  <a:close/>
                </a:path>
                <a:path w="3489959" h="1138554">
                  <a:moveTo>
                    <a:pt x="2346960" y="27432"/>
                  </a:moveTo>
                  <a:lnTo>
                    <a:pt x="2235708" y="27432"/>
                  </a:lnTo>
                  <a:lnTo>
                    <a:pt x="2235708" y="0"/>
                  </a:lnTo>
                  <a:lnTo>
                    <a:pt x="2346960" y="0"/>
                  </a:lnTo>
                  <a:lnTo>
                    <a:pt x="2346960" y="27432"/>
                  </a:lnTo>
                  <a:close/>
                </a:path>
                <a:path w="3489959" h="1138554">
                  <a:moveTo>
                    <a:pt x="2543556" y="27432"/>
                  </a:moveTo>
                  <a:lnTo>
                    <a:pt x="2430780" y="27432"/>
                  </a:lnTo>
                  <a:lnTo>
                    <a:pt x="2430780" y="0"/>
                  </a:lnTo>
                  <a:lnTo>
                    <a:pt x="2543556" y="0"/>
                  </a:lnTo>
                  <a:lnTo>
                    <a:pt x="2543556" y="27432"/>
                  </a:lnTo>
                  <a:close/>
                </a:path>
                <a:path w="3489959" h="1138554">
                  <a:moveTo>
                    <a:pt x="2738627" y="27432"/>
                  </a:moveTo>
                  <a:lnTo>
                    <a:pt x="2627376" y="27432"/>
                  </a:lnTo>
                  <a:lnTo>
                    <a:pt x="2627376" y="0"/>
                  </a:lnTo>
                  <a:lnTo>
                    <a:pt x="2738627" y="0"/>
                  </a:lnTo>
                  <a:lnTo>
                    <a:pt x="2738627" y="27432"/>
                  </a:lnTo>
                  <a:close/>
                </a:path>
                <a:path w="3489959" h="1138554">
                  <a:moveTo>
                    <a:pt x="2935224" y="27432"/>
                  </a:moveTo>
                  <a:lnTo>
                    <a:pt x="2822448" y="27432"/>
                  </a:lnTo>
                  <a:lnTo>
                    <a:pt x="2822448" y="0"/>
                  </a:lnTo>
                  <a:lnTo>
                    <a:pt x="2935224" y="0"/>
                  </a:lnTo>
                  <a:lnTo>
                    <a:pt x="2935224" y="27432"/>
                  </a:lnTo>
                  <a:close/>
                </a:path>
                <a:path w="3489959" h="1138554">
                  <a:moveTo>
                    <a:pt x="3131819" y="27432"/>
                  </a:moveTo>
                  <a:lnTo>
                    <a:pt x="3019044" y="27432"/>
                  </a:lnTo>
                  <a:lnTo>
                    <a:pt x="3019044" y="0"/>
                  </a:lnTo>
                  <a:lnTo>
                    <a:pt x="3131819" y="0"/>
                  </a:lnTo>
                  <a:lnTo>
                    <a:pt x="3131819" y="27432"/>
                  </a:lnTo>
                  <a:close/>
                </a:path>
                <a:path w="3489959" h="1138554">
                  <a:moveTo>
                    <a:pt x="3326892" y="27432"/>
                  </a:moveTo>
                  <a:lnTo>
                    <a:pt x="3215640" y="27432"/>
                  </a:lnTo>
                  <a:lnTo>
                    <a:pt x="3215640" y="0"/>
                  </a:lnTo>
                  <a:lnTo>
                    <a:pt x="3326892" y="0"/>
                  </a:lnTo>
                  <a:lnTo>
                    <a:pt x="3326892" y="27432"/>
                  </a:lnTo>
                  <a:close/>
                </a:path>
                <a:path w="3489959" h="1138554">
                  <a:moveTo>
                    <a:pt x="3462527" y="27432"/>
                  </a:moveTo>
                  <a:lnTo>
                    <a:pt x="3410711" y="27432"/>
                  </a:lnTo>
                  <a:lnTo>
                    <a:pt x="3410711" y="0"/>
                  </a:lnTo>
                  <a:lnTo>
                    <a:pt x="3483864" y="0"/>
                  </a:lnTo>
                  <a:lnTo>
                    <a:pt x="3489960" y="6096"/>
                  </a:lnTo>
                  <a:lnTo>
                    <a:pt x="3489960" y="13716"/>
                  </a:lnTo>
                  <a:lnTo>
                    <a:pt x="3462527" y="13716"/>
                  </a:lnTo>
                  <a:lnTo>
                    <a:pt x="3462527" y="27432"/>
                  </a:lnTo>
                  <a:close/>
                </a:path>
                <a:path w="3489959" h="1138554">
                  <a:moveTo>
                    <a:pt x="3489960" y="60960"/>
                  </a:moveTo>
                  <a:lnTo>
                    <a:pt x="3462527" y="60960"/>
                  </a:lnTo>
                  <a:lnTo>
                    <a:pt x="3462527" y="13716"/>
                  </a:lnTo>
                  <a:lnTo>
                    <a:pt x="3476244" y="27432"/>
                  </a:lnTo>
                  <a:lnTo>
                    <a:pt x="3489960" y="27432"/>
                  </a:lnTo>
                  <a:lnTo>
                    <a:pt x="3489960" y="60960"/>
                  </a:lnTo>
                  <a:close/>
                </a:path>
                <a:path w="3489959" h="1138554">
                  <a:moveTo>
                    <a:pt x="3489960" y="27432"/>
                  </a:moveTo>
                  <a:lnTo>
                    <a:pt x="3476244" y="27432"/>
                  </a:lnTo>
                  <a:lnTo>
                    <a:pt x="3462527" y="13716"/>
                  </a:lnTo>
                  <a:lnTo>
                    <a:pt x="3489960" y="13716"/>
                  </a:lnTo>
                  <a:lnTo>
                    <a:pt x="3489960" y="27432"/>
                  </a:lnTo>
                  <a:close/>
                </a:path>
                <a:path w="3489959" h="1138554">
                  <a:moveTo>
                    <a:pt x="3489960" y="257556"/>
                  </a:moveTo>
                  <a:lnTo>
                    <a:pt x="3462527" y="257556"/>
                  </a:lnTo>
                  <a:lnTo>
                    <a:pt x="3462527" y="144780"/>
                  </a:lnTo>
                  <a:lnTo>
                    <a:pt x="3489960" y="144780"/>
                  </a:lnTo>
                  <a:lnTo>
                    <a:pt x="3489960" y="257556"/>
                  </a:lnTo>
                  <a:close/>
                </a:path>
                <a:path w="3489959" h="1138554">
                  <a:moveTo>
                    <a:pt x="3489960" y="452628"/>
                  </a:moveTo>
                  <a:lnTo>
                    <a:pt x="3462527" y="452628"/>
                  </a:lnTo>
                  <a:lnTo>
                    <a:pt x="3462527" y="341376"/>
                  </a:lnTo>
                  <a:lnTo>
                    <a:pt x="3489960" y="341376"/>
                  </a:lnTo>
                  <a:lnTo>
                    <a:pt x="3489960" y="452628"/>
                  </a:lnTo>
                  <a:close/>
                </a:path>
                <a:path w="3489959" h="1138554">
                  <a:moveTo>
                    <a:pt x="3489960" y="649224"/>
                  </a:moveTo>
                  <a:lnTo>
                    <a:pt x="3462527" y="649224"/>
                  </a:lnTo>
                  <a:lnTo>
                    <a:pt x="3462527" y="536448"/>
                  </a:lnTo>
                  <a:lnTo>
                    <a:pt x="3489960" y="536448"/>
                  </a:lnTo>
                  <a:lnTo>
                    <a:pt x="3489960" y="649224"/>
                  </a:lnTo>
                  <a:close/>
                </a:path>
                <a:path w="3489959" h="1138554">
                  <a:moveTo>
                    <a:pt x="3489960" y="845820"/>
                  </a:moveTo>
                  <a:lnTo>
                    <a:pt x="3462527" y="845820"/>
                  </a:lnTo>
                  <a:lnTo>
                    <a:pt x="3462527" y="733044"/>
                  </a:lnTo>
                  <a:lnTo>
                    <a:pt x="3489960" y="733044"/>
                  </a:lnTo>
                  <a:lnTo>
                    <a:pt x="3489960" y="845820"/>
                  </a:lnTo>
                  <a:close/>
                </a:path>
                <a:path w="3489959" h="1138554">
                  <a:moveTo>
                    <a:pt x="3489960" y="1040892"/>
                  </a:moveTo>
                  <a:lnTo>
                    <a:pt x="3462527" y="1040892"/>
                  </a:lnTo>
                  <a:lnTo>
                    <a:pt x="3462527" y="929640"/>
                  </a:lnTo>
                  <a:lnTo>
                    <a:pt x="3489960" y="929640"/>
                  </a:lnTo>
                  <a:lnTo>
                    <a:pt x="3489960" y="1040892"/>
                  </a:lnTo>
                  <a:close/>
                </a:path>
                <a:path w="3489959" h="1138554">
                  <a:moveTo>
                    <a:pt x="3476244" y="1138428"/>
                  </a:moveTo>
                  <a:lnTo>
                    <a:pt x="3363468" y="1138428"/>
                  </a:lnTo>
                  <a:lnTo>
                    <a:pt x="3363468" y="1110996"/>
                  </a:lnTo>
                  <a:lnTo>
                    <a:pt x="3476244" y="1110996"/>
                  </a:lnTo>
                  <a:lnTo>
                    <a:pt x="3476244" y="1138428"/>
                  </a:lnTo>
                  <a:close/>
                </a:path>
                <a:path w="3489959" h="1138554">
                  <a:moveTo>
                    <a:pt x="3279648" y="1138428"/>
                  </a:moveTo>
                  <a:lnTo>
                    <a:pt x="3166872" y="1138428"/>
                  </a:lnTo>
                  <a:lnTo>
                    <a:pt x="3166872" y="1110996"/>
                  </a:lnTo>
                  <a:lnTo>
                    <a:pt x="3279648" y="1110996"/>
                  </a:lnTo>
                  <a:lnTo>
                    <a:pt x="3279648" y="1138428"/>
                  </a:lnTo>
                  <a:close/>
                </a:path>
                <a:path w="3489959" h="1138554">
                  <a:moveTo>
                    <a:pt x="3083052" y="1138428"/>
                  </a:moveTo>
                  <a:lnTo>
                    <a:pt x="2971800" y="1138428"/>
                  </a:lnTo>
                  <a:lnTo>
                    <a:pt x="2971800" y="1110996"/>
                  </a:lnTo>
                  <a:lnTo>
                    <a:pt x="3083052" y="1110996"/>
                  </a:lnTo>
                  <a:lnTo>
                    <a:pt x="3083052" y="1138428"/>
                  </a:lnTo>
                  <a:close/>
                </a:path>
                <a:path w="3489959" h="1138554">
                  <a:moveTo>
                    <a:pt x="2887980" y="1138428"/>
                  </a:moveTo>
                  <a:lnTo>
                    <a:pt x="2775203" y="1138428"/>
                  </a:lnTo>
                  <a:lnTo>
                    <a:pt x="2775203" y="1110996"/>
                  </a:lnTo>
                  <a:lnTo>
                    <a:pt x="2887980" y="1110996"/>
                  </a:lnTo>
                  <a:lnTo>
                    <a:pt x="2887980" y="1138428"/>
                  </a:lnTo>
                  <a:close/>
                </a:path>
                <a:path w="3489959" h="1138554">
                  <a:moveTo>
                    <a:pt x="2691384" y="1138428"/>
                  </a:moveTo>
                  <a:lnTo>
                    <a:pt x="2580132" y="1138428"/>
                  </a:lnTo>
                  <a:lnTo>
                    <a:pt x="2580132" y="1110996"/>
                  </a:lnTo>
                  <a:lnTo>
                    <a:pt x="2691384" y="1110996"/>
                  </a:lnTo>
                  <a:lnTo>
                    <a:pt x="2691384" y="1138428"/>
                  </a:lnTo>
                  <a:close/>
                </a:path>
                <a:path w="3489959" h="1138554">
                  <a:moveTo>
                    <a:pt x="2494788" y="1138428"/>
                  </a:moveTo>
                  <a:lnTo>
                    <a:pt x="2383536" y="1138428"/>
                  </a:lnTo>
                  <a:lnTo>
                    <a:pt x="2383536" y="1110996"/>
                  </a:lnTo>
                  <a:lnTo>
                    <a:pt x="2494788" y="1110996"/>
                  </a:lnTo>
                  <a:lnTo>
                    <a:pt x="2494788" y="1138428"/>
                  </a:lnTo>
                  <a:close/>
                </a:path>
                <a:path w="3489959" h="1138554">
                  <a:moveTo>
                    <a:pt x="2299716" y="1138428"/>
                  </a:moveTo>
                  <a:lnTo>
                    <a:pt x="2186940" y="1138428"/>
                  </a:lnTo>
                  <a:lnTo>
                    <a:pt x="2186940" y="1110996"/>
                  </a:lnTo>
                  <a:lnTo>
                    <a:pt x="2299716" y="1110996"/>
                  </a:lnTo>
                  <a:lnTo>
                    <a:pt x="2299716" y="1138428"/>
                  </a:lnTo>
                  <a:close/>
                </a:path>
                <a:path w="3489959" h="1138554">
                  <a:moveTo>
                    <a:pt x="2103120" y="1138428"/>
                  </a:moveTo>
                  <a:lnTo>
                    <a:pt x="1991868" y="1138428"/>
                  </a:lnTo>
                  <a:lnTo>
                    <a:pt x="1991868" y="1110996"/>
                  </a:lnTo>
                  <a:lnTo>
                    <a:pt x="2103120" y="1110996"/>
                  </a:lnTo>
                  <a:lnTo>
                    <a:pt x="2103120" y="1138428"/>
                  </a:lnTo>
                  <a:close/>
                </a:path>
                <a:path w="3489959" h="1138554">
                  <a:moveTo>
                    <a:pt x="1908048" y="1138428"/>
                  </a:moveTo>
                  <a:lnTo>
                    <a:pt x="1795272" y="1138428"/>
                  </a:lnTo>
                  <a:lnTo>
                    <a:pt x="1795272" y="1110996"/>
                  </a:lnTo>
                  <a:lnTo>
                    <a:pt x="1908048" y="1110996"/>
                  </a:lnTo>
                  <a:lnTo>
                    <a:pt x="1908048" y="1138428"/>
                  </a:lnTo>
                  <a:close/>
                </a:path>
                <a:path w="3489959" h="1138554">
                  <a:moveTo>
                    <a:pt x="1711451" y="1138428"/>
                  </a:moveTo>
                  <a:lnTo>
                    <a:pt x="1598676" y="1138428"/>
                  </a:lnTo>
                  <a:lnTo>
                    <a:pt x="1598676" y="1110996"/>
                  </a:lnTo>
                  <a:lnTo>
                    <a:pt x="1711451" y="1110996"/>
                  </a:lnTo>
                  <a:lnTo>
                    <a:pt x="1711451" y="1138428"/>
                  </a:lnTo>
                  <a:close/>
                </a:path>
                <a:path w="3489959" h="1138554">
                  <a:moveTo>
                    <a:pt x="1514855" y="1138428"/>
                  </a:moveTo>
                  <a:lnTo>
                    <a:pt x="1403604" y="1138428"/>
                  </a:lnTo>
                  <a:lnTo>
                    <a:pt x="1403604" y="1110996"/>
                  </a:lnTo>
                  <a:lnTo>
                    <a:pt x="1514855" y="1110996"/>
                  </a:lnTo>
                  <a:lnTo>
                    <a:pt x="1514855" y="1138428"/>
                  </a:lnTo>
                  <a:close/>
                </a:path>
                <a:path w="3489959" h="1138554">
                  <a:moveTo>
                    <a:pt x="1319784" y="1138428"/>
                  </a:moveTo>
                  <a:lnTo>
                    <a:pt x="1207008" y="1138428"/>
                  </a:lnTo>
                  <a:lnTo>
                    <a:pt x="1207008" y="1110996"/>
                  </a:lnTo>
                  <a:lnTo>
                    <a:pt x="1319784" y="1110996"/>
                  </a:lnTo>
                  <a:lnTo>
                    <a:pt x="1319784" y="1138428"/>
                  </a:lnTo>
                  <a:close/>
                </a:path>
                <a:path w="3489959" h="1138554">
                  <a:moveTo>
                    <a:pt x="1123188" y="1138428"/>
                  </a:moveTo>
                  <a:lnTo>
                    <a:pt x="1011936" y="1138428"/>
                  </a:lnTo>
                  <a:lnTo>
                    <a:pt x="1011936" y="1110996"/>
                  </a:lnTo>
                  <a:lnTo>
                    <a:pt x="1123188" y="1110996"/>
                  </a:lnTo>
                  <a:lnTo>
                    <a:pt x="1123188" y="1138428"/>
                  </a:lnTo>
                  <a:close/>
                </a:path>
                <a:path w="3489959" h="1138554">
                  <a:moveTo>
                    <a:pt x="926592" y="1138428"/>
                  </a:moveTo>
                  <a:lnTo>
                    <a:pt x="815340" y="1138428"/>
                  </a:lnTo>
                  <a:lnTo>
                    <a:pt x="815340" y="1110996"/>
                  </a:lnTo>
                  <a:lnTo>
                    <a:pt x="926592" y="1110996"/>
                  </a:lnTo>
                  <a:lnTo>
                    <a:pt x="926592" y="1138428"/>
                  </a:lnTo>
                  <a:close/>
                </a:path>
                <a:path w="3489959" h="1138554">
                  <a:moveTo>
                    <a:pt x="731520" y="1138428"/>
                  </a:moveTo>
                  <a:lnTo>
                    <a:pt x="618744" y="1138428"/>
                  </a:lnTo>
                  <a:lnTo>
                    <a:pt x="618744" y="1110996"/>
                  </a:lnTo>
                  <a:lnTo>
                    <a:pt x="731520" y="1110996"/>
                  </a:lnTo>
                  <a:lnTo>
                    <a:pt x="731520" y="1138428"/>
                  </a:lnTo>
                  <a:close/>
                </a:path>
                <a:path w="3489959" h="1138554">
                  <a:moveTo>
                    <a:pt x="534924" y="1138428"/>
                  </a:moveTo>
                  <a:lnTo>
                    <a:pt x="423672" y="1138428"/>
                  </a:lnTo>
                  <a:lnTo>
                    <a:pt x="423672" y="1110996"/>
                  </a:lnTo>
                  <a:lnTo>
                    <a:pt x="534924" y="1110996"/>
                  </a:lnTo>
                  <a:lnTo>
                    <a:pt x="534924" y="1138428"/>
                  </a:lnTo>
                  <a:close/>
                </a:path>
                <a:path w="3489959" h="1138554">
                  <a:moveTo>
                    <a:pt x="339852" y="1138428"/>
                  </a:moveTo>
                  <a:lnTo>
                    <a:pt x="227076" y="1138428"/>
                  </a:lnTo>
                  <a:lnTo>
                    <a:pt x="227076" y="1110996"/>
                  </a:lnTo>
                  <a:lnTo>
                    <a:pt x="339852" y="1110996"/>
                  </a:lnTo>
                  <a:lnTo>
                    <a:pt x="339852" y="1138428"/>
                  </a:lnTo>
                  <a:close/>
                </a:path>
                <a:path w="3489959" h="1138554">
                  <a:moveTo>
                    <a:pt x="143256" y="1138428"/>
                  </a:moveTo>
                  <a:lnTo>
                    <a:pt x="30480" y="1138428"/>
                  </a:lnTo>
                  <a:lnTo>
                    <a:pt x="30480" y="1110996"/>
                  </a:lnTo>
                  <a:lnTo>
                    <a:pt x="143256" y="1110996"/>
                  </a:lnTo>
                  <a:lnTo>
                    <a:pt x="143256" y="1138428"/>
                  </a:lnTo>
                  <a:close/>
                </a:path>
              </a:pathLst>
            </a:custGeom>
            <a:solidFill>
              <a:srgbClr val="702FA0"/>
            </a:solidFill>
          </p:spPr>
          <p:txBody>
            <a:bodyPr wrap="square" lIns="0" tIns="0" rIns="0" bIns="0" rtlCol="0"/>
            <a:lstStyle/>
            <a:p>
              <a:endParaRPr sz="1749"/>
            </a:p>
          </p:txBody>
        </p:sp>
        <p:pic>
          <p:nvPicPr>
            <p:cNvPr id="43" name="object 43"/>
            <p:cNvPicPr/>
            <p:nvPr/>
          </p:nvPicPr>
          <p:blipFill>
            <a:blip r:embed="rId5" cstate="print"/>
            <a:stretch>
              <a:fillRect/>
            </a:stretch>
          </p:blipFill>
          <p:spPr>
            <a:xfrm>
              <a:off x="6835140" y="6109715"/>
              <a:ext cx="1674876" cy="373380"/>
            </a:xfrm>
            <a:prstGeom prst="rect">
              <a:avLst/>
            </a:prstGeom>
          </p:spPr>
        </p:pic>
        <p:sp>
          <p:nvSpPr>
            <p:cNvPr id="44" name="object 44"/>
            <p:cNvSpPr/>
            <p:nvPr/>
          </p:nvSpPr>
          <p:spPr>
            <a:xfrm>
              <a:off x="6835140" y="6109715"/>
              <a:ext cx="1675130" cy="373380"/>
            </a:xfrm>
            <a:custGeom>
              <a:avLst/>
              <a:gdLst/>
              <a:ahLst/>
              <a:cxnLst/>
              <a:rect l="l" t="t" r="r" b="b"/>
              <a:pathLst>
                <a:path w="1675129" h="373379">
                  <a:moveTo>
                    <a:pt x="0" y="0"/>
                  </a:moveTo>
                  <a:lnTo>
                    <a:pt x="1674876" y="0"/>
                  </a:lnTo>
                  <a:lnTo>
                    <a:pt x="1674876" y="373380"/>
                  </a:lnTo>
                  <a:lnTo>
                    <a:pt x="0" y="373380"/>
                  </a:lnTo>
                  <a:lnTo>
                    <a:pt x="0" y="0"/>
                  </a:lnTo>
                  <a:close/>
                </a:path>
              </a:pathLst>
            </a:custGeom>
            <a:ln w="10668">
              <a:solidFill>
                <a:srgbClr val="702FA0"/>
              </a:solidFill>
            </a:ln>
          </p:spPr>
          <p:txBody>
            <a:bodyPr wrap="square" lIns="0" tIns="0" rIns="0" bIns="0" rtlCol="0"/>
            <a:lstStyle/>
            <a:p>
              <a:endParaRPr sz="1749"/>
            </a:p>
          </p:txBody>
        </p:sp>
      </p:grpSp>
      <p:sp>
        <p:nvSpPr>
          <p:cNvPr id="45" name="object 45"/>
          <p:cNvSpPr txBox="1"/>
          <p:nvPr/>
        </p:nvSpPr>
        <p:spPr>
          <a:xfrm>
            <a:off x="5798579" y="5570944"/>
            <a:ext cx="1267345" cy="472993"/>
          </a:xfrm>
          <a:prstGeom prst="rect">
            <a:avLst/>
          </a:prstGeom>
        </p:spPr>
        <p:txBody>
          <a:bodyPr vert="horz" wrap="square" lIns="0" tIns="12489" rIns="0" bIns="0" rtlCol="0">
            <a:spAutoFit/>
          </a:bodyPr>
          <a:lstStyle/>
          <a:p>
            <a:pPr marL="10860">
              <a:spcBef>
                <a:spcPts val="98"/>
              </a:spcBef>
            </a:pPr>
            <a:r>
              <a:rPr sz="1496" spc="-9" dirty="0">
                <a:latin typeface="ＭＳ Ｐゴシック"/>
                <a:cs typeface="ＭＳ Ｐゴシック"/>
              </a:rPr>
              <a:t>関連機関・施策</a:t>
            </a:r>
            <a:endParaRPr sz="1496">
              <a:latin typeface="ＭＳ Ｐゴシック"/>
              <a:cs typeface="ＭＳ Ｐゴシック"/>
            </a:endParaRPr>
          </a:p>
        </p:txBody>
      </p:sp>
      <p:sp>
        <p:nvSpPr>
          <p:cNvPr id="46" name="object 46"/>
          <p:cNvSpPr txBox="1"/>
          <p:nvPr/>
        </p:nvSpPr>
        <p:spPr>
          <a:xfrm>
            <a:off x="5869033" y="5822230"/>
            <a:ext cx="2386454" cy="831155"/>
          </a:xfrm>
          <a:prstGeom prst="rect">
            <a:avLst/>
          </a:prstGeom>
        </p:spPr>
        <p:txBody>
          <a:bodyPr vert="horz" wrap="square" lIns="0" tIns="10317" rIns="0" bIns="0" rtlCol="0">
            <a:spAutoFit/>
          </a:bodyPr>
          <a:lstStyle/>
          <a:p>
            <a:pPr marL="280725" indent="-269865">
              <a:lnSpc>
                <a:spcPts val="1586"/>
              </a:lnSpc>
              <a:spcBef>
                <a:spcPts val="81"/>
              </a:spcBef>
              <a:buFont typeface="Wingdings"/>
              <a:buChar char=""/>
              <a:tabLst>
                <a:tab pos="280725" algn="l"/>
              </a:tabLst>
            </a:pPr>
            <a:r>
              <a:rPr sz="1325" spc="-9" dirty="0">
                <a:latin typeface="ＭＳ Ｐゴシック"/>
                <a:cs typeface="ＭＳ Ｐゴシック"/>
              </a:rPr>
              <a:t>SIP</a:t>
            </a:r>
            <a:r>
              <a:rPr sz="1325" spc="-26" dirty="0">
                <a:latin typeface="ＭＳ Ｐゴシック"/>
                <a:cs typeface="ＭＳ Ｐゴシック"/>
              </a:rPr>
              <a:t>、群マネ</a:t>
            </a:r>
            <a:endParaRPr sz="1325" dirty="0">
              <a:latin typeface="ＭＳ Ｐゴシック"/>
              <a:cs typeface="ＭＳ Ｐゴシック"/>
            </a:endParaRPr>
          </a:p>
          <a:p>
            <a:pPr marL="280725" indent="-269865">
              <a:lnSpc>
                <a:spcPts val="1586"/>
              </a:lnSpc>
              <a:buFont typeface="Wingdings"/>
              <a:buChar char=""/>
              <a:tabLst>
                <a:tab pos="280725" algn="l"/>
              </a:tabLst>
            </a:pPr>
            <a:r>
              <a:rPr sz="1325" spc="-30" dirty="0">
                <a:latin typeface="ＭＳ Ｐゴシック"/>
                <a:cs typeface="ＭＳ Ｐゴシック"/>
              </a:rPr>
              <a:t>インフラメンテナンス国民会議</a:t>
            </a:r>
            <a:endParaRPr sz="1325" dirty="0">
              <a:latin typeface="ＭＳ Ｐゴシック"/>
              <a:cs typeface="ＭＳ Ｐゴシック"/>
            </a:endParaRPr>
          </a:p>
          <a:p>
            <a:pPr marL="280725" indent="-269865">
              <a:lnSpc>
                <a:spcPts val="1590"/>
              </a:lnSpc>
              <a:buFont typeface="Wingdings"/>
              <a:buChar char=""/>
              <a:tabLst>
                <a:tab pos="280725" algn="l"/>
              </a:tabLst>
            </a:pPr>
            <a:r>
              <a:rPr sz="1325" spc="-30" dirty="0">
                <a:latin typeface="ＭＳ Ｐゴシック"/>
                <a:cs typeface="ＭＳ Ｐゴシック"/>
              </a:rPr>
              <a:t>土木学会</a:t>
            </a:r>
            <a:endParaRPr sz="1325" dirty="0">
              <a:latin typeface="ＭＳ Ｐゴシック"/>
              <a:cs typeface="ＭＳ Ｐゴシック"/>
            </a:endParaRPr>
          </a:p>
        </p:txBody>
      </p:sp>
      <p:sp>
        <p:nvSpPr>
          <p:cNvPr id="47" name="object 47"/>
          <p:cNvSpPr txBox="1"/>
          <p:nvPr/>
        </p:nvSpPr>
        <p:spPr>
          <a:xfrm>
            <a:off x="8130427" y="6336997"/>
            <a:ext cx="190048" cy="214320"/>
          </a:xfrm>
          <a:prstGeom prst="rect">
            <a:avLst/>
          </a:prstGeom>
        </p:spPr>
        <p:txBody>
          <a:bodyPr vert="horz" wrap="square" lIns="0" tIns="10317" rIns="0" bIns="0" rtlCol="0">
            <a:spAutoFit/>
          </a:bodyPr>
          <a:lstStyle/>
          <a:p>
            <a:pPr marL="10860">
              <a:spcBef>
                <a:spcPts val="81"/>
              </a:spcBef>
            </a:pPr>
            <a:r>
              <a:rPr sz="1325" spc="-43" dirty="0">
                <a:latin typeface="ＭＳ Ｐゴシック"/>
                <a:cs typeface="ＭＳ Ｐゴシック"/>
              </a:rPr>
              <a:t>等</a:t>
            </a:r>
            <a:endParaRPr sz="1325">
              <a:latin typeface="ＭＳ Ｐゴシック"/>
              <a:cs typeface="ＭＳ Ｐゴシック"/>
            </a:endParaRPr>
          </a:p>
        </p:txBody>
      </p:sp>
      <p:grpSp>
        <p:nvGrpSpPr>
          <p:cNvPr id="48" name="object 48"/>
          <p:cNvGrpSpPr/>
          <p:nvPr/>
        </p:nvGrpSpPr>
        <p:grpSpPr>
          <a:xfrm>
            <a:off x="738198" y="3034407"/>
            <a:ext cx="1470425" cy="328511"/>
            <a:chOff x="863282" y="3319970"/>
            <a:chExt cx="1719580" cy="384175"/>
          </a:xfrm>
        </p:grpSpPr>
        <p:pic>
          <p:nvPicPr>
            <p:cNvPr id="49" name="object 49"/>
            <p:cNvPicPr/>
            <p:nvPr/>
          </p:nvPicPr>
          <p:blipFill>
            <a:blip r:embed="rId3" cstate="print"/>
            <a:stretch>
              <a:fillRect/>
            </a:stretch>
          </p:blipFill>
          <p:spPr>
            <a:xfrm>
              <a:off x="868679" y="3325368"/>
              <a:ext cx="1708404" cy="373380"/>
            </a:xfrm>
            <a:prstGeom prst="rect">
              <a:avLst/>
            </a:prstGeom>
          </p:spPr>
        </p:pic>
        <p:sp>
          <p:nvSpPr>
            <p:cNvPr id="50" name="object 50"/>
            <p:cNvSpPr/>
            <p:nvPr/>
          </p:nvSpPr>
          <p:spPr>
            <a:xfrm>
              <a:off x="868679" y="3325368"/>
              <a:ext cx="1708785" cy="373380"/>
            </a:xfrm>
            <a:custGeom>
              <a:avLst/>
              <a:gdLst/>
              <a:ahLst/>
              <a:cxnLst/>
              <a:rect l="l" t="t" r="r" b="b"/>
              <a:pathLst>
                <a:path w="1708785" h="373379">
                  <a:moveTo>
                    <a:pt x="0" y="0"/>
                  </a:moveTo>
                  <a:lnTo>
                    <a:pt x="1708404" y="0"/>
                  </a:lnTo>
                  <a:lnTo>
                    <a:pt x="1708404" y="373380"/>
                  </a:lnTo>
                  <a:lnTo>
                    <a:pt x="0" y="373380"/>
                  </a:lnTo>
                  <a:lnTo>
                    <a:pt x="0" y="0"/>
                  </a:lnTo>
                  <a:close/>
                </a:path>
              </a:pathLst>
            </a:custGeom>
            <a:ln w="10668">
              <a:solidFill>
                <a:srgbClr val="5697D3"/>
              </a:solidFill>
            </a:ln>
          </p:spPr>
          <p:txBody>
            <a:bodyPr wrap="square" lIns="0" tIns="0" rIns="0" bIns="0" rtlCol="0"/>
            <a:lstStyle/>
            <a:p>
              <a:endParaRPr sz="1749"/>
            </a:p>
          </p:txBody>
        </p:sp>
      </p:grpSp>
      <p:sp>
        <p:nvSpPr>
          <p:cNvPr id="51" name="object 51"/>
          <p:cNvSpPr txBox="1"/>
          <p:nvPr/>
        </p:nvSpPr>
        <p:spPr>
          <a:xfrm>
            <a:off x="899836" y="3079090"/>
            <a:ext cx="1144629" cy="242802"/>
          </a:xfrm>
          <a:prstGeom prst="rect">
            <a:avLst/>
          </a:prstGeom>
        </p:spPr>
        <p:txBody>
          <a:bodyPr vert="horz" wrap="square" lIns="0" tIns="12489" rIns="0" bIns="0" rtlCol="0">
            <a:spAutoFit/>
          </a:bodyPr>
          <a:lstStyle/>
          <a:p>
            <a:pPr marL="10860">
              <a:spcBef>
                <a:spcPts val="98"/>
              </a:spcBef>
            </a:pPr>
            <a:r>
              <a:rPr sz="1496" u="sng" spc="-13" dirty="0">
                <a:uFill>
                  <a:solidFill>
                    <a:srgbClr val="000000"/>
                  </a:solidFill>
                </a:uFill>
                <a:latin typeface="ＭＳ Ｐゴシック"/>
                <a:cs typeface="ＭＳ Ｐゴシック"/>
              </a:rPr>
              <a:t>モデル自治体</a:t>
            </a:r>
            <a:endParaRPr sz="1496">
              <a:latin typeface="ＭＳ Ｐゴシック"/>
              <a:cs typeface="ＭＳ Ｐゴシック"/>
            </a:endParaRPr>
          </a:p>
        </p:txBody>
      </p:sp>
      <p:grpSp>
        <p:nvGrpSpPr>
          <p:cNvPr id="52" name="object 52"/>
          <p:cNvGrpSpPr/>
          <p:nvPr/>
        </p:nvGrpSpPr>
        <p:grpSpPr>
          <a:xfrm>
            <a:off x="1820058" y="4600382"/>
            <a:ext cx="1576308" cy="520187"/>
            <a:chOff x="2270760" y="5020055"/>
            <a:chExt cx="1843405" cy="608330"/>
          </a:xfrm>
        </p:grpSpPr>
        <p:sp>
          <p:nvSpPr>
            <p:cNvPr id="53" name="object 53"/>
            <p:cNvSpPr/>
            <p:nvPr/>
          </p:nvSpPr>
          <p:spPr>
            <a:xfrm>
              <a:off x="2270760" y="5020055"/>
              <a:ext cx="158750" cy="608330"/>
            </a:xfrm>
            <a:custGeom>
              <a:avLst/>
              <a:gdLst/>
              <a:ahLst/>
              <a:cxnLst/>
              <a:rect l="l" t="t" r="r" b="b"/>
              <a:pathLst>
                <a:path w="158750" h="608329">
                  <a:moveTo>
                    <a:pt x="64008" y="156971"/>
                  </a:moveTo>
                  <a:lnTo>
                    <a:pt x="0" y="156971"/>
                  </a:lnTo>
                  <a:lnTo>
                    <a:pt x="79248" y="0"/>
                  </a:lnTo>
                  <a:lnTo>
                    <a:pt x="150802" y="141732"/>
                  </a:lnTo>
                  <a:lnTo>
                    <a:pt x="64008" y="141732"/>
                  </a:lnTo>
                  <a:lnTo>
                    <a:pt x="64008" y="156971"/>
                  </a:lnTo>
                  <a:close/>
                </a:path>
                <a:path w="158750" h="608329">
                  <a:moveTo>
                    <a:pt x="94488" y="608076"/>
                  </a:moveTo>
                  <a:lnTo>
                    <a:pt x="64008" y="608076"/>
                  </a:lnTo>
                  <a:lnTo>
                    <a:pt x="64008" y="141732"/>
                  </a:lnTo>
                  <a:lnTo>
                    <a:pt x="94488" y="141732"/>
                  </a:lnTo>
                  <a:lnTo>
                    <a:pt x="94488" y="608076"/>
                  </a:lnTo>
                  <a:close/>
                </a:path>
                <a:path w="158750" h="608329">
                  <a:moveTo>
                    <a:pt x="158496" y="156971"/>
                  </a:moveTo>
                  <a:lnTo>
                    <a:pt x="94488" y="156971"/>
                  </a:lnTo>
                  <a:lnTo>
                    <a:pt x="94488" y="141732"/>
                  </a:lnTo>
                  <a:lnTo>
                    <a:pt x="150802" y="141732"/>
                  </a:lnTo>
                  <a:lnTo>
                    <a:pt x="158496" y="156971"/>
                  </a:lnTo>
                  <a:close/>
                </a:path>
              </a:pathLst>
            </a:custGeom>
            <a:solidFill>
              <a:srgbClr val="333F50"/>
            </a:solidFill>
          </p:spPr>
          <p:txBody>
            <a:bodyPr wrap="square" lIns="0" tIns="0" rIns="0" bIns="0" rtlCol="0"/>
            <a:lstStyle/>
            <a:p>
              <a:endParaRPr sz="1749"/>
            </a:p>
          </p:txBody>
        </p:sp>
        <p:pic>
          <p:nvPicPr>
            <p:cNvPr id="54" name="object 54"/>
            <p:cNvPicPr/>
            <p:nvPr/>
          </p:nvPicPr>
          <p:blipFill>
            <a:blip r:embed="rId6" cstate="print"/>
            <a:stretch>
              <a:fillRect/>
            </a:stretch>
          </p:blipFill>
          <p:spPr>
            <a:xfrm>
              <a:off x="2528315" y="5135880"/>
              <a:ext cx="1580387" cy="373380"/>
            </a:xfrm>
            <a:prstGeom prst="rect">
              <a:avLst/>
            </a:prstGeom>
          </p:spPr>
        </p:pic>
        <p:sp>
          <p:nvSpPr>
            <p:cNvPr id="55" name="object 55"/>
            <p:cNvSpPr/>
            <p:nvPr/>
          </p:nvSpPr>
          <p:spPr>
            <a:xfrm>
              <a:off x="2528315" y="5135880"/>
              <a:ext cx="1580515" cy="373380"/>
            </a:xfrm>
            <a:custGeom>
              <a:avLst/>
              <a:gdLst/>
              <a:ahLst/>
              <a:cxnLst/>
              <a:rect l="l" t="t" r="r" b="b"/>
              <a:pathLst>
                <a:path w="1580514" h="373379">
                  <a:moveTo>
                    <a:pt x="0" y="0"/>
                  </a:moveTo>
                  <a:lnTo>
                    <a:pt x="1580387" y="0"/>
                  </a:lnTo>
                  <a:lnTo>
                    <a:pt x="1580387" y="373380"/>
                  </a:lnTo>
                  <a:lnTo>
                    <a:pt x="0" y="373380"/>
                  </a:lnTo>
                  <a:lnTo>
                    <a:pt x="0" y="0"/>
                  </a:lnTo>
                  <a:close/>
                </a:path>
              </a:pathLst>
            </a:custGeom>
            <a:ln w="10668">
              <a:solidFill>
                <a:srgbClr val="5697D3"/>
              </a:solidFill>
            </a:ln>
          </p:spPr>
          <p:txBody>
            <a:bodyPr wrap="square" lIns="0" tIns="0" rIns="0" bIns="0" rtlCol="0"/>
            <a:lstStyle/>
            <a:p>
              <a:endParaRPr sz="1749"/>
            </a:p>
          </p:txBody>
        </p:sp>
      </p:grpSp>
      <p:sp>
        <p:nvSpPr>
          <p:cNvPr id="56" name="object 56"/>
          <p:cNvSpPr txBox="1"/>
          <p:nvPr/>
        </p:nvSpPr>
        <p:spPr>
          <a:xfrm>
            <a:off x="1431428" y="4848769"/>
            <a:ext cx="320366" cy="184296"/>
          </a:xfrm>
          <a:prstGeom prst="rect">
            <a:avLst/>
          </a:prstGeom>
        </p:spPr>
        <p:txBody>
          <a:bodyPr vert="horz" wrap="square" lIns="0" tIns="13032" rIns="0" bIns="0" rtlCol="0">
            <a:spAutoFit/>
          </a:bodyPr>
          <a:lstStyle/>
          <a:p>
            <a:pPr marL="10860">
              <a:spcBef>
                <a:spcPts val="103"/>
              </a:spcBef>
            </a:pPr>
            <a:r>
              <a:rPr sz="1112" spc="26" dirty="0">
                <a:latin typeface="ＭＳ Ｐゴシック"/>
                <a:cs typeface="ＭＳ Ｐゴシック"/>
              </a:rPr>
              <a:t>支援</a:t>
            </a:r>
            <a:endParaRPr sz="1112">
              <a:latin typeface="ＭＳ Ｐゴシック"/>
              <a:cs typeface="ＭＳ Ｐゴシック"/>
            </a:endParaRPr>
          </a:p>
        </p:txBody>
      </p:sp>
      <p:sp>
        <p:nvSpPr>
          <p:cNvPr id="57" name="object 57"/>
          <p:cNvSpPr txBox="1"/>
          <p:nvPr/>
        </p:nvSpPr>
        <p:spPr>
          <a:xfrm>
            <a:off x="2417704" y="4739569"/>
            <a:ext cx="596749" cy="242802"/>
          </a:xfrm>
          <a:prstGeom prst="rect">
            <a:avLst/>
          </a:prstGeom>
        </p:spPr>
        <p:txBody>
          <a:bodyPr vert="horz" wrap="square" lIns="0" tIns="12489" rIns="0" bIns="0" rtlCol="0">
            <a:spAutoFit/>
          </a:bodyPr>
          <a:lstStyle/>
          <a:p>
            <a:pPr marL="10860">
              <a:spcBef>
                <a:spcPts val="98"/>
              </a:spcBef>
            </a:pPr>
            <a:r>
              <a:rPr sz="1496" u="sng" spc="-17" dirty="0">
                <a:uFill>
                  <a:solidFill>
                    <a:srgbClr val="000000"/>
                  </a:solidFill>
                </a:uFill>
                <a:latin typeface="ＭＳ Ｐゴシック"/>
                <a:cs typeface="ＭＳ Ｐゴシック"/>
              </a:rPr>
              <a:t>事務局</a:t>
            </a:r>
            <a:endParaRPr sz="1496">
              <a:latin typeface="ＭＳ Ｐゴシック"/>
              <a:cs typeface="ＭＳ Ｐゴシック"/>
            </a:endParaRPr>
          </a:p>
        </p:txBody>
      </p:sp>
      <p:sp>
        <p:nvSpPr>
          <p:cNvPr id="58" name="object 58"/>
          <p:cNvSpPr txBox="1"/>
          <p:nvPr/>
        </p:nvSpPr>
        <p:spPr>
          <a:xfrm>
            <a:off x="179687" y="2782928"/>
            <a:ext cx="4846948" cy="300953"/>
          </a:xfrm>
          <a:prstGeom prst="rect">
            <a:avLst/>
          </a:prstGeom>
        </p:spPr>
        <p:txBody>
          <a:bodyPr vert="horz" wrap="square" lIns="0" tIns="11403" rIns="0" bIns="0" rtlCol="0">
            <a:spAutoFit/>
          </a:bodyPr>
          <a:lstStyle/>
          <a:p>
            <a:pPr marL="10860">
              <a:spcBef>
                <a:spcPts val="90"/>
              </a:spcBef>
            </a:pPr>
            <a:r>
              <a:rPr sz="1881" spc="-9" dirty="0">
                <a:solidFill>
                  <a:srgbClr val="3F87C8"/>
                </a:solidFill>
                <a:latin typeface="ＭＳ Ｐゴシック"/>
                <a:cs typeface="ＭＳ Ｐゴシック"/>
              </a:rPr>
              <a:t>ハンズオン支援事業</a:t>
            </a:r>
            <a:r>
              <a:rPr sz="1881" dirty="0">
                <a:solidFill>
                  <a:srgbClr val="3F87C8"/>
                </a:solidFill>
                <a:latin typeface="ＭＳ Ｐゴシック"/>
                <a:cs typeface="ＭＳ Ｐゴシック"/>
              </a:rPr>
              <a:t>（～</a:t>
            </a:r>
            <a:r>
              <a:rPr sz="1881" spc="-4" dirty="0">
                <a:solidFill>
                  <a:srgbClr val="3F87C8"/>
                </a:solidFill>
                <a:latin typeface="ＭＳ Ｐゴシック"/>
                <a:cs typeface="ＭＳ Ｐゴシック"/>
              </a:rPr>
              <a:t>令和７年度</a:t>
            </a:r>
            <a:r>
              <a:rPr sz="1881" dirty="0">
                <a:solidFill>
                  <a:srgbClr val="3F87C8"/>
                </a:solidFill>
                <a:latin typeface="ＭＳ Ｐゴシック"/>
                <a:cs typeface="ＭＳ Ｐゴシック"/>
              </a:rPr>
              <a:t>）</a:t>
            </a:r>
            <a:r>
              <a:rPr sz="1881" spc="-26" dirty="0">
                <a:solidFill>
                  <a:srgbClr val="3F87C8"/>
                </a:solidFill>
                <a:latin typeface="ＭＳ Ｐゴシック"/>
                <a:cs typeface="ＭＳ Ｐゴシック"/>
              </a:rPr>
              <a:t>の体制</a:t>
            </a:r>
            <a:endParaRPr sz="1881" dirty="0">
              <a:latin typeface="ＭＳ Ｐゴシック"/>
              <a:cs typeface="ＭＳ Ｐゴシック"/>
            </a:endParaRPr>
          </a:p>
        </p:txBody>
      </p:sp>
      <p:sp>
        <p:nvSpPr>
          <p:cNvPr id="59" name="object 59"/>
          <p:cNvSpPr txBox="1"/>
          <p:nvPr/>
        </p:nvSpPr>
        <p:spPr>
          <a:xfrm>
            <a:off x="5206150" y="2810516"/>
            <a:ext cx="3697238" cy="180755"/>
          </a:xfrm>
          <a:prstGeom prst="rect">
            <a:avLst/>
          </a:prstGeom>
          <a:ln w="13715">
            <a:solidFill>
              <a:srgbClr val="000000"/>
            </a:solidFill>
          </a:ln>
        </p:spPr>
        <p:txBody>
          <a:bodyPr vert="horz" wrap="square" lIns="0" tIns="26607" rIns="0" bIns="0" rtlCol="0">
            <a:spAutoFit/>
          </a:bodyPr>
          <a:lstStyle/>
          <a:p>
            <a:pPr marL="177014">
              <a:spcBef>
                <a:spcPts val="209"/>
              </a:spcBef>
            </a:pPr>
            <a:r>
              <a:rPr sz="1000" spc="-4" dirty="0">
                <a:latin typeface="ＭＳ Ｐゴシック"/>
                <a:cs typeface="ＭＳ Ｐゴシック"/>
              </a:rPr>
              <a:t>令和５年１２月２１日  第３回検討会資料を一部修正</a:t>
            </a:r>
            <a:endParaRPr sz="1000" dirty="0">
              <a:latin typeface="ＭＳ Ｐゴシック"/>
              <a:cs typeface="ＭＳ Ｐゴシック"/>
            </a:endParaRPr>
          </a:p>
        </p:txBody>
      </p:sp>
      <p:sp>
        <p:nvSpPr>
          <p:cNvPr id="60" name="object 60"/>
          <p:cNvSpPr/>
          <p:nvPr/>
        </p:nvSpPr>
        <p:spPr>
          <a:xfrm>
            <a:off x="405289" y="645075"/>
            <a:ext cx="2798041" cy="348058"/>
          </a:xfrm>
          <a:custGeom>
            <a:avLst/>
            <a:gdLst/>
            <a:ahLst/>
            <a:cxnLst/>
            <a:rect l="l" t="t" r="r" b="b"/>
            <a:pathLst>
              <a:path w="3272154" h="407034">
                <a:moveTo>
                  <a:pt x="3272028" y="406907"/>
                </a:moveTo>
                <a:lnTo>
                  <a:pt x="0" y="406907"/>
                </a:lnTo>
                <a:lnTo>
                  <a:pt x="0" y="0"/>
                </a:lnTo>
                <a:lnTo>
                  <a:pt x="3272028" y="0"/>
                </a:lnTo>
                <a:lnTo>
                  <a:pt x="3272028" y="406907"/>
                </a:lnTo>
                <a:close/>
              </a:path>
            </a:pathLst>
          </a:custGeom>
          <a:solidFill>
            <a:srgbClr val="FFFFFF"/>
          </a:solidFill>
        </p:spPr>
        <p:txBody>
          <a:bodyPr wrap="square" lIns="0" tIns="0" rIns="0" bIns="0" rtlCol="0"/>
          <a:lstStyle/>
          <a:p>
            <a:endParaRPr sz="1749"/>
          </a:p>
        </p:txBody>
      </p:sp>
      <p:sp>
        <p:nvSpPr>
          <p:cNvPr id="61" name="object 61"/>
          <p:cNvSpPr txBox="1"/>
          <p:nvPr/>
        </p:nvSpPr>
        <p:spPr>
          <a:xfrm>
            <a:off x="405289" y="645076"/>
            <a:ext cx="2798041" cy="311923"/>
          </a:xfrm>
          <a:prstGeom prst="rect">
            <a:avLst/>
          </a:prstGeom>
          <a:ln w="21335">
            <a:solidFill>
              <a:srgbClr val="000000"/>
            </a:solidFill>
          </a:ln>
        </p:spPr>
        <p:txBody>
          <a:bodyPr vert="horz" wrap="square" lIns="0" tIns="54842" rIns="0" bIns="0" rtlCol="0">
            <a:spAutoFit/>
          </a:bodyPr>
          <a:lstStyle/>
          <a:p>
            <a:pPr marL="85792">
              <a:spcBef>
                <a:spcPts val="432"/>
              </a:spcBef>
            </a:pPr>
            <a:r>
              <a:rPr sz="1667" spc="-4" dirty="0">
                <a:latin typeface="ＭＳ Ｐゴシック"/>
                <a:cs typeface="ＭＳ Ｐゴシック"/>
              </a:rPr>
              <a:t>ハンズオン支援事業の目的</a:t>
            </a:r>
            <a:endParaRPr sz="1667">
              <a:latin typeface="ＭＳ Ｐゴシック"/>
              <a:cs typeface="ＭＳ Ｐゴシック"/>
            </a:endParaRPr>
          </a:p>
        </p:txBody>
      </p:sp>
      <p:sp>
        <p:nvSpPr>
          <p:cNvPr id="62" name="object 62"/>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48</a:t>
            </a:fld>
            <a:endParaRPr spc="-21" dirty="0"/>
          </a:p>
        </p:txBody>
      </p:sp>
    </p:spTree>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826000" y="4224701"/>
            <a:ext cx="6382338" cy="1934684"/>
            <a:chOff x="965961" y="4711953"/>
            <a:chExt cx="7463790" cy="2262505"/>
          </a:xfrm>
        </p:grpSpPr>
        <p:sp>
          <p:nvSpPr>
            <p:cNvPr id="3" name="object 3"/>
            <p:cNvSpPr/>
            <p:nvPr/>
          </p:nvSpPr>
          <p:spPr>
            <a:xfrm>
              <a:off x="987551" y="4733543"/>
              <a:ext cx="5779135" cy="2219325"/>
            </a:xfrm>
            <a:custGeom>
              <a:avLst/>
              <a:gdLst/>
              <a:ahLst/>
              <a:cxnLst/>
              <a:rect l="l" t="t" r="r" b="b"/>
              <a:pathLst>
                <a:path w="5779134" h="2219325">
                  <a:moveTo>
                    <a:pt x="5609844" y="2218943"/>
                  </a:moveTo>
                  <a:lnTo>
                    <a:pt x="169164" y="2218943"/>
                  </a:lnTo>
                  <a:lnTo>
                    <a:pt x="123825" y="2212869"/>
                  </a:lnTo>
                  <a:lnTo>
                    <a:pt x="83312" y="2195745"/>
                  </a:lnTo>
                  <a:lnTo>
                    <a:pt x="49148" y="2169223"/>
                  </a:lnTo>
                  <a:lnTo>
                    <a:pt x="22859" y="2134954"/>
                  </a:lnTo>
                  <a:lnTo>
                    <a:pt x="5968" y="2094589"/>
                  </a:lnTo>
                  <a:lnTo>
                    <a:pt x="0" y="2049780"/>
                  </a:lnTo>
                  <a:lnTo>
                    <a:pt x="0" y="169163"/>
                  </a:lnTo>
                  <a:lnTo>
                    <a:pt x="5969" y="123824"/>
                  </a:lnTo>
                  <a:lnTo>
                    <a:pt x="22859" y="83311"/>
                  </a:lnTo>
                  <a:lnTo>
                    <a:pt x="49149" y="49148"/>
                  </a:lnTo>
                  <a:lnTo>
                    <a:pt x="83312" y="22859"/>
                  </a:lnTo>
                  <a:lnTo>
                    <a:pt x="123825" y="5968"/>
                  </a:lnTo>
                  <a:lnTo>
                    <a:pt x="169164" y="0"/>
                  </a:lnTo>
                  <a:lnTo>
                    <a:pt x="5609844" y="0"/>
                  </a:lnTo>
                  <a:lnTo>
                    <a:pt x="5654653" y="5968"/>
                  </a:lnTo>
                  <a:lnTo>
                    <a:pt x="5695018" y="22859"/>
                  </a:lnTo>
                  <a:lnTo>
                    <a:pt x="5729287" y="49148"/>
                  </a:lnTo>
                  <a:lnTo>
                    <a:pt x="5755809" y="83311"/>
                  </a:lnTo>
                  <a:lnTo>
                    <a:pt x="5772932" y="123824"/>
                  </a:lnTo>
                  <a:lnTo>
                    <a:pt x="5779007" y="169163"/>
                  </a:lnTo>
                  <a:lnTo>
                    <a:pt x="5779007" y="2049780"/>
                  </a:lnTo>
                  <a:lnTo>
                    <a:pt x="5772932" y="2094589"/>
                  </a:lnTo>
                  <a:lnTo>
                    <a:pt x="5755809" y="2134954"/>
                  </a:lnTo>
                  <a:lnTo>
                    <a:pt x="5729287" y="2169223"/>
                  </a:lnTo>
                  <a:lnTo>
                    <a:pt x="5695018" y="2195745"/>
                  </a:lnTo>
                  <a:lnTo>
                    <a:pt x="5654653" y="2212869"/>
                  </a:lnTo>
                  <a:lnTo>
                    <a:pt x="5609844" y="2218943"/>
                  </a:lnTo>
                  <a:close/>
                </a:path>
              </a:pathLst>
            </a:custGeom>
            <a:solidFill>
              <a:srgbClr val="DBE6F2"/>
            </a:solidFill>
          </p:spPr>
          <p:txBody>
            <a:bodyPr wrap="square" lIns="0" tIns="0" rIns="0" bIns="0" rtlCol="0"/>
            <a:lstStyle/>
            <a:p>
              <a:endParaRPr sz="1749"/>
            </a:p>
          </p:txBody>
        </p:sp>
        <p:sp>
          <p:nvSpPr>
            <p:cNvPr id="4" name="object 4"/>
            <p:cNvSpPr/>
            <p:nvPr/>
          </p:nvSpPr>
          <p:spPr>
            <a:xfrm>
              <a:off x="987551" y="4733543"/>
              <a:ext cx="5779135" cy="2219325"/>
            </a:xfrm>
            <a:custGeom>
              <a:avLst/>
              <a:gdLst/>
              <a:ahLst/>
              <a:cxnLst/>
              <a:rect l="l" t="t" r="r" b="b"/>
              <a:pathLst>
                <a:path w="5779134" h="2219325">
                  <a:moveTo>
                    <a:pt x="0" y="169163"/>
                  </a:moveTo>
                  <a:lnTo>
                    <a:pt x="5969" y="123824"/>
                  </a:lnTo>
                  <a:lnTo>
                    <a:pt x="22859" y="83311"/>
                  </a:lnTo>
                  <a:lnTo>
                    <a:pt x="49149" y="49148"/>
                  </a:lnTo>
                  <a:lnTo>
                    <a:pt x="83312" y="22859"/>
                  </a:lnTo>
                  <a:lnTo>
                    <a:pt x="123825" y="5968"/>
                  </a:lnTo>
                  <a:lnTo>
                    <a:pt x="169164" y="0"/>
                  </a:lnTo>
                  <a:lnTo>
                    <a:pt x="5609844" y="0"/>
                  </a:lnTo>
                  <a:lnTo>
                    <a:pt x="5654653" y="5968"/>
                  </a:lnTo>
                  <a:lnTo>
                    <a:pt x="5695018" y="22859"/>
                  </a:lnTo>
                  <a:lnTo>
                    <a:pt x="5729287" y="49148"/>
                  </a:lnTo>
                  <a:lnTo>
                    <a:pt x="5755809" y="83311"/>
                  </a:lnTo>
                  <a:lnTo>
                    <a:pt x="5772932" y="123824"/>
                  </a:lnTo>
                  <a:lnTo>
                    <a:pt x="5779007" y="169163"/>
                  </a:lnTo>
                  <a:lnTo>
                    <a:pt x="5779007" y="2049780"/>
                  </a:lnTo>
                  <a:lnTo>
                    <a:pt x="5772932" y="2094589"/>
                  </a:lnTo>
                  <a:lnTo>
                    <a:pt x="5755809" y="2134954"/>
                  </a:lnTo>
                  <a:lnTo>
                    <a:pt x="5729287" y="2169223"/>
                  </a:lnTo>
                  <a:lnTo>
                    <a:pt x="5695018" y="2195745"/>
                  </a:lnTo>
                  <a:lnTo>
                    <a:pt x="5654653" y="2212869"/>
                  </a:lnTo>
                  <a:lnTo>
                    <a:pt x="5609844" y="2218943"/>
                  </a:lnTo>
                  <a:lnTo>
                    <a:pt x="169164" y="2218943"/>
                  </a:lnTo>
                  <a:lnTo>
                    <a:pt x="123825" y="2212869"/>
                  </a:lnTo>
                  <a:lnTo>
                    <a:pt x="83312" y="2195745"/>
                  </a:lnTo>
                  <a:lnTo>
                    <a:pt x="49148" y="2169223"/>
                  </a:lnTo>
                  <a:lnTo>
                    <a:pt x="22859" y="2134954"/>
                  </a:lnTo>
                  <a:lnTo>
                    <a:pt x="5968" y="2094589"/>
                  </a:lnTo>
                  <a:lnTo>
                    <a:pt x="0" y="2049780"/>
                  </a:lnTo>
                  <a:lnTo>
                    <a:pt x="0" y="169163"/>
                  </a:lnTo>
                  <a:close/>
                </a:path>
              </a:pathLst>
            </a:custGeom>
            <a:ln w="42672">
              <a:solidFill>
                <a:srgbClr val="0070BF"/>
              </a:solidFill>
            </a:ln>
          </p:spPr>
          <p:txBody>
            <a:bodyPr wrap="square" lIns="0" tIns="0" rIns="0" bIns="0" rtlCol="0"/>
            <a:lstStyle/>
            <a:p>
              <a:endParaRPr sz="1749"/>
            </a:p>
          </p:txBody>
        </p:sp>
        <p:sp>
          <p:nvSpPr>
            <p:cNvPr id="5" name="object 5"/>
            <p:cNvSpPr/>
            <p:nvPr/>
          </p:nvSpPr>
          <p:spPr>
            <a:xfrm>
              <a:off x="6871715" y="4733544"/>
              <a:ext cx="1536700" cy="2219325"/>
            </a:xfrm>
            <a:custGeom>
              <a:avLst/>
              <a:gdLst/>
              <a:ahLst/>
              <a:cxnLst/>
              <a:rect l="l" t="t" r="r" b="b"/>
              <a:pathLst>
                <a:path w="1536700" h="2219325">
                  <a:moveTo>
                    <a:pt x="1392936" y="2218944"/>
                  </a:moveTo>
                  <a:lnTo>
                    <a:pt x="143256" y="2218944"/>
                  </a:lnTo>
                  <a:lnTo>
                    <a:pt x="97926" y="2211653"/>
                  </a:lnTo>
                  <a:lnTo>
                    <a:pt x="58594" y="2191341"/>
                  </a:lnTo>
                  <a:lnTo>
                    <a:pt x="27602" y="2160349"/>
                  </a:lnTo>
                  <a:lnTo>
                    <a:pt x="7290" y="2121017"/>
                  </a:lnTo>
                  <a:lnTo>
                    <a:pt x="0" y="2075687"/>
                  </a:lnTo>
                  <a:lnTo>
                    <a:pt x="0" y="141731"/>
                  </a:lnTo>
                  <a:lnTo>
                    <a:pt x="7290" y="97145"/>
                  </a:lnTo>
                  <a:lnTo>
                    <a:pt x="27602" y="58265"/>
                  </a:lnTo>
                  <a:lnTo>
                    <a:pt x="58594" y="27505"/>
                  </a:lnTo>
                  <a:lnTo>
                    <a:pt x="97926" y="7278"/>
                  </a:lnTo>
                  <a:lnTo>
                    <a:pt x="143256" y="0"/>
                  </a:lnTo>
                  <a:lnTo>
                    <a:pt x="1392936" y="0"/>
                  </a:lnTo>
                  <a:lnTo>
                    <a:pt x="1438265" y="7278"/>
                  </a:lnTo>
                  <a:lnTo>
                    <a:pt x="1477597" y="27505"/>
                  </a:lnTo>
                  <a:lnTo>
                    <a:pt x="1508589" y="58265"/>
                  </a:lnTo>
                  <a:lnTo>
                    <a:pt x="1528901" y="97145"/>
                  </a:lnTo>
                  <a:lnTo>
                    <a:pt x="1536191" y="141731"/>
                  </a:lnTo>
                  <a:lnTo>
                    <a:pt x="1536191" y="2075687"/>
                  </a:lnTo>
                  <a:lnTo>
                    <a:pt x="1528901" y="2121017"/>
                  </a:lnTo>
                  <a:lnTo>
                    <a:pt x="1508589" y="2160349"/>
                  </a:lnTo>
                  <a:lnTo>
                    <a:pt x="1477597" y="2191341"/>
                  </a:lnTo>
                  <a:lnTo>
                    <a:pt x="1438265" y="2211653"/>
                  </a:lnTo>
                  <a:lnTo>
                    <a:pt x="1392936" y="2218944"/>
                  </a:lnTo>
                  <a:close/>
                </a:path>
              </a:pathLst>
            </a:custGeom>
            <a:solidFill>
              <a:srgbClr val="DBE6F2"/>
            </a:solidFill>
          </p:spPr>
          <p:txBody>
            <a:bodyPr wrap="square" lIns="0" tIns="0" rIns="0" bIns="0" rtlCol="0"/>
            <a:lstStyle/>
            <a:p>
              <a:endParaRPr sz="1749"/>
            </a:p>
          </p:txBody>
        </p:sp>
        <p:sp>
          <p:nvSpPr>
            <p:cNvPr id="6" name="object 6"/>
            <p:cNvSpPr/>
            <p:nvPr/>
          </p:nvSpPr>
          <p:spPr>
            <a:xfrm>
              <a:off x="6871715" y="4733544"/>
              <a:ext cx="1536700" cy="2219325"/>
            </a:xfrm>
            <a:custGeom>
              <a:avLst/>
              <a:gdLst/>
              <a:ahLst/>
              <a:cxnLst/>
              <a:rect l="l" t="t" r="r" b="b"/>
              <a:pathLst>
                <a:path w="1536700" h="2219325">
                  <a:moveTo>
                    <a:pt x="0" y="141731"/>
                  </a:moveTo>
                  <a:lnTo>
                    <a:pt x="7290" y="97145"/>
                  </a:lnTo>
                  <a:lnTo>
                    <a:pt x="27602" y="58265"/>
                  </a:lnTo>
                  <a:lnTo>
                    <a:pt x="58594" y="27505"/>
                  </a:lnTo>
                  <a:lnTo>
                    <a:pt x="97926" y="7278"/>
                  </a:lnTo>
                  <a:lnTo>
                    <a:pt x="143256" y="0"/>
                  </a:lnTo>
                  <a:lnTo>
                    <a:pt x="1392936" y="0"/>
                  </a:lnTo>
                  <a:lnTo>
                    <a:pt x="1438265" y="7278"/>
                  </a:lnTo>
                  <a:lnTo>
                    <a:pt x="1477597" y="27505"/>
                  </a:lnTo>
                  <a:lnTo>
                    <a:pt x="1508589" y="58265"/>
                  </a:lnTo>
                  <a:lnTo>
                    <a:pt x="1528901" y="97145"/>
                  </a:lnTo>
                  <a:lnTo>
                    <a:pt x="1536191" y="141731"/>
                  </a:lnTo>
                  <a:lnTo>
                    <a:pt x="1536191" y="2075687"/>
                  </a:lnTo>
                  <a:lnTo>
                    <a:pt x="1528901" y="2121017"/>
                  </a:lnTo>
                  <a:lnTo>
                    <a:pt x="1508589" y="2160349"/>
                  </a:lnTo>
                  <a:lnTo>
                    <a:pt x="1477597" y="2191341"/>
                  </a:lnTo>
                  <a:lnTo>
                    <a:pt x="1438265" y="2211653"/>
                  </a:lnTo>
                  <a:lnTo>
                    <a:pt x="1392936" y="2218944"/>
                  </a:lnTo>
                  <a:lnTo>
                    <a:pt x="143256" y="2218944"/>
                  </a:lnTo>
                  <a:lnTo>
                    <a:pt x="97926" y="2211653"/>
                  </a:lnTo>
                  <a:lnTo>
                    <a:pt x="58594" y="2191341"/>
                  </a:lnTo>
                  <a:lnTo>
                    <a:pt x="27602" y="2160349"/>
                  </a:lnTo>
                  <a:lnTo>
                    <a:pt x="7290" y="2121017"/>
                  </a:lnTo>
                  <a:lnTo>
                    <a:pt x="0" y="2075687"/>
                  </a:lnTo>
                  <a:lnTo>
                    <a:pt x="0" y="141731"/>
                  </a:lnTo>
                  <a:close/>
                </a:path>
              </a:pathLst>
            </a:custGeom>
            <a:ln w="42672">
              <a:solidFill>
                <a:srgbClr val="0070BF"/>
              </a:solidFill>
            </a:ln>
          </p:spPr>
          <p:txBody>
            <a:bodyPr wrap="square" lIns="0" tIns="0" rIns="0" bIns="0" rtlCol="0"/>
            <a:lstStyle/>
            <a:p>
              <a:endParaRPr sz="1749"/>
            </a:p>
          </p:txBody>
        </p:sp>
      </p:grpSp>
      <p:sp>
        <p:nvSpPr>
          <p:cNvPr id="7" name="object 7"/>
          <p:cNvSpPr txBox="1">
            <a:spLocks noGrp="1"/>
          </p:cNvSpPr>
          <p:nvPr>
            <p:ph type="title"/>
          </p:nvPr>
        </p:nvSpPr>
        <p:spPr>
          <a:xfrm>
            <a:off x="317643" y="253243"/>
            <a:ext cx="6965513" cy="236092"/>
          </a:xfrm>
          <a:prstGeom prst="rect">
            <a:avLst/>
          </a:prstGeom>
        </p:spPr>
        <p:txBody>
          <a:bodyPr vert="horz" wrap="square" lIns="0" tIns="10860" rIns="0" bIns="0" rtlCol="0">
            <a:spAutoFit/>
          </a:bodyPr>
          <a:lstStyle/>
          <a:p>
            <a:pPr marL="10860">
              <a:lnSpc>
                <a:spcPct val="100000"/>
              </a:lnSpc>
              <a:spcBef>
                <a:spcPts val="86"/>
              </a:spcBef>
              <a:tabLst>
                <a:tab pos="3333949" algn="l"/>
              </a:tabLst>
            </a:pPr>
            <a:r>
              <a:rPr dirty="0">
                <a:latin typeface="ＭＳ Ｐゴシック"/>
                <a:cs typeface="ＭＳ Ｐゴシック"/>
              </a:rPr>
              <a:t>群マネの具体的方策（案</a:t>
            </a:r>
            <a:r>
              <a:rPr spc="-43" dirty="0">
                <a:latin typeface="ＭＳ Ｐゴシック"/>
                <a:cs typeface="ＭＳ Ｐゴシック"/>
              </a:rPr>
              <a:t>）</a:t>
            </a:r>
            <a:r>
              <a:rPr dirty="0">
                <a:latin typeface="ＭＳ Ｐゴシック"/>
                <a:cs typeface="ＭＳ Ｐゴシック"/>
              </a:rPr>
              <a:t>	第４回群</a:t>
            </a:r>
            <a:r>
              <a:rPr spc="-9" dirty="0">
                <a:latin typeface="ＭＳ Ｐゴシック"/>
                <a:cs typeface="ＭＳ Ｐゴシック"/>
              </a:rPr>
              <a:t>マ</a:t>
            </a:r>
            <a:r>
              <a:rPr dirty="0">
                <a:latin typeface="ＭＳ Ｐゴシック"/>
                <a:cs typeface="ＭＳ Ｐゴシック"/>
              </a:rPr>
              <a:t>ネ計画検討会資</a:t>
            </a:r>
            <a:r>
              <a:rPr spc="-43" dirty="0">
                <a:latin typeface="ＭＳ Ｐゴシック"/>
                <a:cs typeface="ＭＳ Ｐゴシック"/>
              </a:rPr>
              <a:t>料</a:t>
            </a:r>
          </a:p>
        </p:txBody>
      </p:sp>
      <p:sp>
        <p:nvSpPr>
          <p:cNvPr id="8" name="object 8"/>
          <p:cNvSpPr txBox="1"/>
          <p:nvPr/>
        </p:nvSpPr>
        <p:spPr>
          <a:xfrm>
            <a:off x="357072" y="4189732"/>
            <a:ext cx="384439" cy="1963652"/>
          </a:xfrm>
          <a:prstGeom prst="rect">
            <a:avLst/>
          </a:prstGeom>
          <a:solidFill>
            <a:srgbClr val="2F5497"/>
          </a:solidFill>
        </p:spPr>
        <p:txBody>
          <a:bodyPr vert="horz" wrap="square" lIns="0" tIns="64616" rIns="0" bIns="0" rtlCol="0">
            <a:spAutoFit/>
          </a:bodyPr>
          <a:lstStyle/>
          <a:p>
            <a:pPr marL="47783" marR="63530" algn="just">
              <a:lnSpc>
                <a:spcPts val="2095"/>
              </a:lnSpc>
              <a:spcBef>
                <a:spcPts val="509"/>
              </a:spcBef>
            </a:pPr>
            <a:r>
              <a:rPr sz="2095" b="1" spc="-43" dirty="0">
                <a:solidFill>
                  <a:srgbClr val="FFFFFF"/>
                </a:solidFill>
                <a:latin typeface="Meiryo UI"/>
                <a:cs typeface="Meiryo UI"/>
              </a:rPr>
              <a:t>具体的</a:t>
            </a:r>
            <a:r>
              <a:rPr sz="2095" b="1" spc="162" dirty="0">
                <a:solidFill>
                  <a:srgbClr val="FFFFFF"/>
                </a:solidFill>
                <a:latin typeface="Meiryo UI"/>
                <a:cs typeface="Meiryo UI"/>
              </a:rPr>
              <a:t>な</a:t>
            </a:r>
            <a:r>
              <a:rPr sz="2095" b="1" spc="-43" dirty="0">
                <a:solidFill>
                  <a:srgbClr val="FFFFFF"/>
                </a:solidFill>
                <a:latin typeface="Meiryo UI"/>
                <a:cs typeface="Meiryo UI"/>
              </a:rPr>
              <a:t>方策等</a:t>
            </a:r>
            <a:endParaRPr sz="2095">
              <a:latin typeface="Meiryo UI"/>
              <a:cs typeface="Meiryo UI"/>
            </a:endParaRPr>
          </a:p>
        </p:txBody>
      </p:sp>
      <p:sp>
        <p:nvSpPr>
          <p:cNvPr id="9" name="object 9"/>
          <p:cNvSpPr txBox="1"/>
          <p:nvPr/>
        </p:nvSpPr>
        <p:spPr>
          <a:xfrm>
            <a:off x="6034664" y="4597210"/>
            <a:ext cx="996935" cy="1188078"/>
          </a:xfrm>
          <a:prstGeom prst="rect">
            <a:avLst/>
          </a:prstGeom>
        </p:spPr>
        <p:txBody>
          <a:bodyPr vert="horz" wrap="square" lIns="0" tIns="20634" rIns="0" bIns="0" rtlCol="0">
            <a:spAutoFit/>
          </a:bodyPr>
          <a:lstStyle/>
          <a:p>
            <a:pPr marL="10860" marR="4344" indent="256291">
              <a:lnSpc>
                <a:spcPts val="2300"/>
              </a:lnSpc>
              <a:spcBef>
                <a:spcPts val="162"/>
              </a:spcBef>
            </a:pPr>
            <a:r>
              <a:rPr sz="1924" b="1" spc="-17" dirty="0">
                <a:latin typeface="Meiryo UI"/>
                <a:cs typeface="Meiryo UI"/>
              </a:rPr>
              <a:t>JV</a:t>
            </a:r>
            <a:r>
              <a:rPr sz="1924" b="1" spc="-43" dirty="0">
                <a:latin typeface="Meiryo UI"/>
                <a:cs typeface="Meiryo UI"/>
              </a:rPr>
              <a:t>、 </a:t>
            </a:r>
            <a:r>
              <a:rPr sz="1924" b="1" spc="-30" dirty="0">
                <a:latin typeface="Meiryo UI"/>
                <a:cs typeface="Meiryo UI"/>
              </a:rPr>
              <a:t>事業協同</a:t>
            </a:r>
            <a:endParaRPr sz="1924">
              <a:latin typeface="Meiryo UI"/>
              <a:cs typeface="Meiryo UI"/>
            </a:endParaRPr>
          </a:p>
          <a:p>
            <a:pPr marL="254119">
              <a:lnSpc>
                <a:spcPts val="2215"/>
              </a:lnSpc>
            </a:pPr>
            <a:r>
              <a:rPr sz="1924" b="1" spc="-34" dirty="0">
                <a:latin typeface="Meiryo UI"/>
                <a:cs typeface="Meiryo UI"/>
              </a:rPr>
              <a:t>組合</a:t>
            </a:r>
            <a:endParaRPr sz="1924">
              <a:latin typeface="Meiryo UI"/>
              <a:cs typeface="Meiryo UI"/>
            </a:endParaRPr>
          </a:p>
          <a:p>
            <a:pPr marL="376834">
              <a:lnSpc>
                <a:spcPts val="2304"/>
              </a:lnSpc>
            </a:pPr>
            <a:r>
              <a:rPr sz="1924" b="1" spc="-43" dirty="0">
                <a:latin typeface="Meiryo UI"/>
                <a:cs typeface="Meiryo UI"/>
              </a:rPr>
              <a:t>等</a:t>
            </a:r>
            <a:endParaRPr sz="1924">
              <a:latin typeface="Meiryo UI"/>
              <a:cs typeface="Meiryo UI"/>
            </a:endParaRPr>
          </a:p>
        </p:txBody>
      </p:sp>
      <p:grpSp>
        <p:nvGrpSpPr>
          <p:cNvPr id="10" name="object 10"/>
          <p:cNvGrpSpPr/>
          <p:nvPr/>
        </p:nvGrpSpPr>
        <p:grpSpPr>
          <a:xfrm>
            <a:off x="2870260" y="5593912"/>
            <a:ext cx="1411781" cy="475662"/>
            <a:chOff x="3356609" y="6313170"/>
            <a:chExt cx="1651000" cy="556260"/>
          </a:xfrm>
        </p:grpSpPr>
        <p:sp>
          <p:nvSpPr>
            <p:cNvPr id="11" name="object 11"/>
            <p:cNvSpPr/>
            <p:nvPr/>
          </p:nvSpPr>
          <p:spPr>
            <a:xfrm>
              <a:off x="3360419" y="6316980"/>
              <a:ext cx="1643380" cy="548640"/>
            </a:xfrm>
            <a:custGeom>
              <a:avLst/>
              <a:gdLst/>
              <a:ahLst/>
              <a:cxnLst/>
              <a:rect l="l" t="t" r="r" b="b"/>
              <a:pathLst>
                <a:path w="1643379" h="548640">
                  <a:moveTo>
                    <a:pt x="1551432" y="548639"/>
                  </a:moveTo>
                  <a:lnTo>
                    <a:pt x="91439" y="548639"/>
                  </a:lnTo>
                  <a:lnTo>
                    <a:pt x="55292" y="541639"/>
                  </a:lnTo>
                  <a:lnTo>
                    <a:pt x="26288" y="522351"/>
                  </a:lnTo>
                  <a:lnTo>
                    <a:pt x="7000" y="493347"/>
                  </a:lnTo>
                  <a:lnTo>
                    <a:pt x="0" y="457200"/>
                  </a:lnTo>
                  <a:lnTo>
                    <a:pt x="0" y="91439"/>
                  </a:lnTo>
                  <a:lnTo>
                    <a:pt x="7000" y="55935"/>
                  </a:lnTo>
                  <a:lnTo>
                    <a:pt x="26288" y="26860"/>
                  </a:lnTo>
                  <a:lnTo>
                    <a:pt x="55292" y="7215"/>
                  </a:lnTo>
                  <a:lnTo>
                    <a:pt x="91439" y="0"/>
                  </a:lnTo>
                  <a:lnTo>
                    <a:pt x="1551432" y="0"/>
                  </a:lnTo>
                  <a:lnTo>
                    <a:pt x="1586936" y="7215"/>
                  </a:lnTo>
                  <a:lnTo>
                    <a:pt x="1616011" y="26860"/>
                  </a:lnTo>
                  <a:lnTo>
                    <a:pt x="1635656" y="55935"/>
                  </a:lnTo>
                  <a:lnTo>
                    <a:pt x="1642871" y="91439"/>
                  </a:lnTo>
                  <a:lnTo>
                    <a:pt x="1642871" y="457200"/>
                  </a:lnTo>
                  <a:lnTo>
                    <a:pt x="1635656" y="493347"/>
                  </a:lnTo>
                  <a:lnTo>
                    <a:pt x="1616011" y="522351"/>
                  </a:lnTo>
                  <a:lnTo>
                    <a:pt x="1586936" y="541639"/>
                  </a:lnTo>
                  <a:lnTo>
                    <a:pt x="1551432" y="548639"/>
                  </a:lnTo>
                  <a:close/>
                </a:path>
              </a:pathLst>
            </a:custGeom>
            <a:solidFill>
              <a:srgbClr val="FFFFFF"/>
            </a:solidFill>
          </p:spPr>
          <p:txBody>
            <a:bodyPr wrap="square" lIns="0" tIns="0" rIns="0" bIns="0" rtlCol="0"/>
            <a:lstStyle/>
            <a:p>
              <a:endParaRPr sz="1749"/>
            </a:p>
          </p:txBody>
        </p:sp>
        <p:sp>
          <p:nvSpPr>
            <p:cNvPr id="12" name="object 12"/>
            <p:cNvSpPr/>
            <p:nvPr/>
          </p:nvSpPr>
          <p:spPr>
            <a:xfrm>
              <a:off x="3360419" y="6316980"/>
              <a:ext cx="1643380" cy="548640"/>
            </a:xfrm>
            <a:custGeom>
              <a:avLst/>
              <a:gdLst/>
              <a:ahLst/>
              <a:cxnLst/>
              <a:rect l="l" t="t" r="r" b="b"/>
              <a:pathLst>
                <a:path w="1643379" h="548640">
                  <a:moveTo>
                    <a:pt x="0" y="91439"/>
                  </a:moveTo>
                  <a:lnTo>
                    <a:pt x="7000" y="55935"/>
                  </a:lnTo>
                  <a:lnTo>
                    <a:pt x="26288" y="26860"/>
                  </a:lnTo>
                  <a:lnTo>
                    <a:pt x="55292" y="7215"/>
                  </a:lnTo>
                  <a:lnTo>
                    <a:pt x="91439" y="0"/>
                  </a:lnTo>
                  <a:lnTo>
                    <a:pt x="1551432" y="0"/>
                  </a:lnTo>
                  <a:lnTo>
                    <a:pt x="1586936" y="7215"/>
                  </a:lnTo>
                  <a:lnTo>
                    <a:pt x="1616011" y="26860"/>
                  </a:lnTo>
                  <a:lnTo>
                    <a:pt x="1635656" y="55935"/>
                  </a:lnTo>
                  <a:lnTo>
                    <a:pt x="1642871" y="91439"/>
                  </a:lnTo>
                  <a:lnTo>
                    <a:pt x="1642871" y="457200"/>
                  </a:lnTo>
                  <a:lnTo>
                    <a:pt x="1635656" y="493347"/>
                  </a:lnTo>
                  <a:lnTo>
                    <a:pt x="1616011" y="522351"/>
                  </a:lnTo>
                  <a:lnTo>
                    <a:pt x="1586936" y="541639"/>
                  </a:lnTo>
                  <a:lnTo>
                    <a:pt x="1551432" y="548639"/>
                  </a:lnTo>
                  <a:lnTo>
                    <a:pt x="91439" y="548639"/>
                  </a:lnTo>
                  <a:lnTo>
                    <a:pt x="55292" y="541639"/>
                  </a:lnTo>
                  <a:lnTo>
                    <a:pt x="26288" y="522351"/>
                  </a:lnTo>
                  <a:lnTo>
                    <a:pt x="7000" y="493347"/>
                  </a:lnTo>
                  <a:lnTo>
                    <a:pt x="0" y="457200"/>
                  </a:lnTo>
                  <a:lnTo>
                    <a:pt x="0" y="91439"/>
                  </a:lnTo>
                  <a:close/>
                </a:path>
              </a:pathLst>
            </a:custGeom>
            <a:ln w="7620">
              <a:solidFill>
                <a:srgbClr val="595959"/>
              </a:solidFill>
            </a:ln>
          </p:spPr>
          <p:txBody>
            <a:bodyPr wrap="square" lIns="0" tIns="0" rIns="0" bIns="0" rtlCol="0"/>
            <a:lstStyle/>
            <a:p>
              <a:endParaRPr sz="1749"/>
            </a:p>
          </p:txBody>
        </p:sp>
      </p:grpSp>
      <p:sp>
        <p:nvSpPr>
          <p:cNvPr id="13" name="object 13"/>
          <p:cNvSpPr txBox="1"/>
          <p:nvPr/>
        </p:nvSpPr>
        <p:spPr>
          <a:xfrm>
            <a:off x="2978678" y="5583738"/>
            <a:ext cx="1193498" cy="488524"/>
          </a:xfrm>
          <a:prstGeom prst="rect">
            <a:avLst/>
          </a:prstGeom>
        </p:spPr>
        <p:txBody>
          <a:bodyPr vert="horz" wrap="square" lIns="0" tIns="14661" rIns="0" bIns="0" rtlCol="0">
            <a:spAutoFit/>
          </a:bodyPr>
          <a:lstStyle/>
          <a:p>
            <a:pPr marL="10860">
              <a:spcBef>
                <a:spcPts val="115"/>
              </a:spcBef>
            </a:pPr>
            <a:r>
              <a:rPr sz="1539" spc="-13" dirty="0">
                <a:latin typeface="Meiryo UI"/>
                <a:cs typeface="Meiryo UI"/>
              </a:rPr>
              <a:t>業務プロセスの</a:t>
            </a:r>
            <a:endParaRPr sz="1539">
              <a:latin typeface="Meiryo UI"/>
              <a:cs typeface="Meiryo UI"/>
            </a:endParaRPr>
          </a:p>
        </p:txBody>
      </p:sp>
      <p:sp>
        <p:nvSpPr>
          <p:cNvPr id="14" name="object 14"/>
          <p:cNvSpPr txBox="1"/>
          <p:nvPr/>
        </p:nvSpPr>
        <p:spPr>
          <a:xfrm>
            <a:off x="3265297" y="5775239"/>
            <a:ext cx="620098" cy="251664"/>
          </a:xfrm>
          <a:prstGeom prst="rect">
            <a:avLst/>
          </a:prstGeom>
        </p:spPr>
        <p:txBody>
          <a:bodyPr vert="horz" wrap="square" lIns="0" tIns="14661" rIns="0" bIns="0" rtlCol="0">
            <a:spAutoFit/>
          </a:bodyPr>
          <a:lstStyle/>
          <a:p>
            <a:pPr marL="10860">
              <a:spcBef>
                <a:spcPts val="115"/>
              </a:spcBef>
            </a:pPr>
            <a:r>
              <a:rPr sz="1539" spc="-17" dirty="0">
                <a:latin typeface="Meiryo UI"/>
                <a:cs typeface="Meiryo UI"/>
              </a:rPr>
              <a:t>複合化</a:t>
            </a:r>
            <a:endParaRPr sz="1539">
              <a:latin typeface="Meiryo UI"/>
              <a:cs typeface="Meiryo UI"/>
            </a:endParaRPr>
          </a:p>
        </p:txBody>
      </p:sp>
      <p:grpSp>
        <p:nvGrpSpPr>
          <p:cNvPr id="15" name="object 15"/>
          <p:cNvGrpSpPr/>
          <p:nvPr/>
        </p:nvGrpSpPr>
        <p:grpSpPr>
          <a:xfrm>
            <a:off x="3594830" y="4860220"/>
            <a:ext cx="1412867" cy="477291"/>
            <a:chOff x="4203954" y="5455157"/>
            <a:chExt cx="1652270" cy="558165"/>
          </a:xfrm>
        </p:grpSpPr>
        <p:sp>
          <p:nvSpPr>
            <p:cNvPr id="16" name="object 16"/>
            <p:cNvSpPr/>
            <p:nvPr/>
          </p:nvSpPr>
          <p:spPr>
            <a:xfrm>
              <a:off x="4207764" y="5458967"/>
              <a:ext cx="1644650" cy="550545"/>
            </a:xfrm>
            <a:custGeom>
              <a:avLst/>
              <a:gdLst/>
              <a:ahLst/>
              <a:cxnLst/>
              <a:rect l="l" t="t" r="r" b="b"/>
              <a:pathLst>
                <a:path w="1644650" h="550545">
                  <a:moveTo>
                    <a:pt x="1552955" y="550163"/>
                  </a:moveTo>
                  <a:lnTo>
                    <a:pt x="92964" y="550163"/>
                  </a:lnTo>
                  <a:lnTo>
                    <a:pt x="56578" y="542948"/>
                  </a:lnTo>
                  <a:lnTo>
                    <a:pt x="27051" y="523303"/>
                  </a:lnTo>
                  <a:lnTo>
                    <a:pt x="7239" y="494228"/>
                  </a:lnTo>
                  <a:lnTo>
                    <a:pt x="0" y="458724"/>
                  </a:lnTo>
                  <a:lnTo>
                    <a:pt x="0" y="91439"/>
                  </a:lnTo>
                  <a:lnTo>
                    <a:pt x="7239" y="55935"/>
                  </a:lnTo>
                  <a:lnTo>
                    <a:pt x="27051" y="26860"/>
                  </a:lnTo>
                  <a:lnTo>
                    <a:pt x="56578" y="7215"/>
                  </a:lnTo>
                  <a:lnTo>
                    <a:pt x="92964" y="0"/>
                  </a:lnTo>
                  <a:lnTo>
                    <a:pt x="1552955" y="0"/>
                  </a:lnTo>
                  <a:lnTo>
                    <a:pt x="1588460" y="7215"/>
                  </a:lnTo>
                  <a:lnTo>
                    <a:pt x="1617535" y="26860"/>
                  </a:lnTo>
                  <a:lnTo>
                    <a:pt x="1637180" y="55935"/>
                  </a:lnTo>
                  <a:lnTo>
                    <a:pt x="1644395" y="91439"/>
                  </a:lnTo>
                  <a:lnTo>
                    <a:pt x="1644395" y="458724"/>
                  </a:lnTo>
                  <a:lnTo>
                    <a:pt x="1637180" y="494228"/>
                  </a:lnTo>
                  <a:lnTo>
                    <a:pt x="1617535" y="523303"/>
                  </a:lnTo>
                  <a:lnTo>
                    <a:pt x="1588460" y="542948"/>
                  </a:lnTo>
                  <a:lnTo>
                    <a:pt x="1552955" y="550163"/>
                  </a:lnTo>
                  <a:close/>
                </a:path>
              </a:pathLst>
            </a:custGeom>
            <a:solidFill>
              <a:srgbClr val="FFFFFF"/>
            </a:solidFill>
          </p:spPr>
          <p:txBody>
            <a:bodyPr wrap="square" lIns="0" tIns="0" rIns="0" bIns="0" rtlCol="0"/>
            <a:lstStyle/>
            <a:p>
              <a:endParaRPr sz="1749"/>
            </a:p>
          </p:txBody>
        </p:sp>
        <p:sp>
          <p:nvSpPr>
            <p:cNvPr id="17" name="object 17"/>
            <p:cNvSpPr/>
            <p:nvPr/>
          </p:nvSpPr>
          <p:spPr>
            <a:xfrm>
              <a:off x="4207764" y="5458967"/>
              <a:ext cx="1644650" cy="550545"/>
            </a:xfrm>
            <a:custGeom>
              <a:avLst/>
              <a:gdLst/>
              <a:ahLst/>
              <a:cxnLst/>
              <a:rect l="l" t="t" r="r" b="b"/>
              <a:pathLst>
                <a:path w="1644650" h="550545">
                  <a:moveTo>
                    <a:pt x="0" y="91439"/>
                  </a:moveTo>
                  <a:lnTo>
                    <a:pt x="7239" y="55935"/>
                  </a:lnTo>
                  <a:lnTo>
                    <a:pt x="27051" y="26860"/>
                  </a:lnTo>
                  <a:lnTo>
                    <a:pt x="56578" y="7215"/>
                  </a:lnTo>
                  <a:lnTo>
                    <a:pt x="92964" y="0"/>
                  </a:lnTo>
                  <a:lnTo>
                    <a:pt x="1552955" y="0"/>
                  </a:lnTo>
                  <a:lnTo>
                    <a:pt x="1588460" y="7215"/>
                  </a:lnTo>
                  <a:lnTo>
                    <a:pt x="1617535" y="26860"/>
                  </a:lnTo>
                  <a:lnTo>
                    <a:pt x="1637180" y="55935"/>
                  </a:lnTo>
                  <a:lnTo>
                    <a:pt x="1644395" y="91439"/>
                  </a:lnTo>
                  <a:lnTo>
                    <a:pt x="1644395" y="458724"/>
                  </a:lnTo>
                  <a:lnTo>
                    <a:pt x="1637180" y="494228"/>
                  </a:lnTo>
                  <a:lnTo>
                    <a:pt x="1617535" y="523303"/>
                  </a:lnTo>
                  <a:lnTo>
                    <a:pt x="1588460" y="542948"/>
                  </a:lnTo>
                  <a:lnTo>
                    <a:pt x="1552955" y="550163"/>
                  </a:lnTo>
                  <a:lnTo>
                    <a:pt x="92964" y="550163"/>
                  </a:lnTo>
                  <a:lnTo>
                    <a:pt x="56578" y="542948"/>
                  </a:lnTo>
                  <a:lnTo>
                    <a:pt x="27051" y="523303"/>
                  </a:lnTo>
                  <a:lnTo>
                    <a:pt x="7239" y="494228"/>
                  </a:lnTo>
                  <a:lnTo>
                    <a:pt x="0" y="458724"/>
                  </a:lnTo>
                  <a:lnTo>
                    <a:pt x="0" y="91439"/>
                  </a:lnTo>
                  <a:close/>
                </a:path>
              </a:pathLst>
            </a:custGeom>
            <a:ln w="7620">
              <a:solidFill>
                <a:srgbClr val="595959"/>
              </a:solidFill>
            </a:ln>
          </p:spPr>
          <p:txBody>
            <a:bodyPr wrap="square" lIns="0" tIns="0" rIns="0" bIns="0" rtlCol="0"/>
            <a:lstStyle/>
            <a:p>
              <a:endParaRPr sz="1749"/>
            </a:p>
          </p:txBody>
        </p:sp>
      </p:grpSp>
      <p:sp>
        <p:nvSpPr>
          <p:cNvPr id="18" name="object 18"/>
          <p:cNvSpPr txBox="1"/>
          <p:nvPr/>
        </p:nvSpPr>
        <p:spPr>
          <a:xfrm>
            <a:off x="3726670" y="4850057"/>
            <a:ext cx="1150059" cy="645745"/>
          </a:xfrm>
          <a:prstGeom prst="rect">
            <a:avLst/>
          </a:prstGeom>
        </p:spPr>
        <p:txBody>
          <a:bodyPr vert="horz" wrap="square" lIns="0" tIns="57014" rIns="0" bIns="0" rtlCol="0">
            <a:spAutoFit/>
          </a:bodyPr>
          <a:lstStyle/>
          <a:p>
            <a:pPr marL="275295" marR="4344" indent="-264978">
              <a:lnSpc>
                <a:spcPts val="1505"/>
              </a:lnSpc>
              <a:spcBef>
                <a:spcPts val="449"/>
              </a:spcBef>
            </a:pPr>
            <a:r>
              <a:rPr sz="1539" spc="-9" dirty="0">
                <a:latin typeface="Meiryo UI"/>
                <a:cs typeface="Meiryo UI"/>
              </a:rPr>
              <a:t>インフラ分野の</a:t>
            </a:r>
            <a:r>
              <a:rPr sz="1539" spc="-17" dirty="0">
                <a:latin typeface="Meiryo UI"/>
                <a:cs typeface="Meiryo UI"/>
              </a:rPr>
              <a:t>複合化</a:t>
            </a:r>
            <a:endParaRPr sz="1539">
              <a:latin typeface="Meiryo UI"/>
              <a:cs typeface="Meiryo UI"/>
            </a:endParaRPr>
          </a:p>
        </p:txBody>
      </p:sp>
      <p:grpSp>
        <p:nvGrpSpPr>
          <p:cNvPr id="19" name="object 19"/>
          <p:cNvGrpSpPr/>
          <p:nvPr/>
        </p:nvGrpSpPr>
        <p:grpSpPr>
          <a:xfrm>
            <a:off x="4314187" y="5600429"/>
            <a:ext cx="1412867" cy="477291"/>
            <a:chOff x="5045202" y="6320790"/>
            <a:chExt cx="1652270" cy="558165"/>
          </a:xfrm>
        </p:grpSpPr>
        <p:sp>
          <p:nvSpPr>
            <p:cNvPr id="20" name="object 20"/>
            <p:cNvSpPr/>
            <p:nvPr/>
          </p:nvSpPr>
          <p:spPr>
            <a:xfrm>
              <a:off x="5049012" y="6324600"/>
              <a:ext cx="1644650" cy="550545"/>
            </a:xfrm>
            <a:custGeom>
              <a:avLst/>
              <a:gdLst/>
              <a:ahLst/>
              <a:cxnLst/>
              <a:rect l="l" t="t" r="r" b="b"/>
              <a:pathLst>
                <a:path w="1644650" h="550545">
                  <a:moveTo>
                    <a:pt x="1552955" y="550163"/>
                  </a:moveTo>
                  <a:lnTo>
                    <a:pt x="91439" y="550163"/>
                  </a:lnTo>
                  <a:lnTo>
                    <a:pt x="55935" y="542948"/>
                  </a:lnTo>
                  <a:lnTo>
                    <a:pt x="26860" y="523303"/>
                  </a:lnTo>
                  <a:lnTo>
                    <a:pt x="7215" y="494228"/>
                  </a:lnTo>
                  <a:lnTo>
                    <a:pt x="0" y="458724"/>
                  </a:lnTo>
                  <a:lnTo>
                    <a:pt x="0" y="92963"/>
                  </a:lnTo>
                  <a:lnTo>
                    <a:pt x="7215" y="56578"/>
                  </a:lnTo>
                  <a:lnTo>
                    <a:pt x="26860" y="27050"/>
                  </a:lnTo>
                  <a:lnTo>
                    <a:pt x="55935" y="7238"/>
                  </a:lnTo>
                  <a:lnTo>
                    <a:pt x="91439" y="0"/>
                  </a:lnTo>
                  <a:lnTo>
                    <a:pt x="1552955" y="0"/>
                  </a:lnTo>
                  <a:lnTo>
                    <a:pt x="1588460" y="7238"/>
                  </a:lnTo>
                  <a:lnTo>
                    <a:pt x="1617535" y="27050"/>
                  </a:lnTo>
                  <a:lnTo>
                    <a:pt x="1637180" y="56578"/>
                  </a:lnTo>
                  <a:lnTo>
                    <a:pt x="1644395" y="92963"/>
                  </a:lnTo>
                  <a:lnTo>
                    <a:pt x="1644395" y="458724"/>
                  </a:lnTo>
                  <a:lnTo>
                    <a:pt x="1637180" y="494228"/>
                  </a:lnTo>
                  <a:lnTo>
                    <a:pt x="1617535" y="523303"/>
                  </a:lnTo>
                  <a:lnTo>
                    <a:pt x="1588460" y="542948"/>
                  </a:lnTo>
                  <a:lnTo>
                    <a:pt x="1552955" y="550163"/>
                  </a:lnTo>
                  <a:close/>
                </a:path>
              </a:pathLst>
            </a:custGeom>
            <a:solidFill>
              <a:srgbClr val="FFFFFF"/>
            </a:solidFill>
          </p:spPr>
          <p:txBody>
            <a:bodyPr wrap="square" lIns="0" tIns="0" rIns="0" bIns="0" rtlCol="0"/>
            <a:lstStyle/>
            <a:p>
              <a:endParaRPr sz="1749"/>
            </a:p>
          </p:txBody>
        </p:sp>
        <p:sp>
          <p:nvSpPr>
            <p:cNvPr id="21" name="object 21"/>
            <p:cNvSpPr/>
            <p:nvPr/>
          </p:nvSpPr>
          <p:spPr>
            <a:xfrm>
              <a:off x="5049012" y="6324600"/>
              <a:ext cx="1644650" cy="550545"/>
            </a:xfrm>
            <a:custGeom>
              <a:avLst/>
              <a:gdLst/>
              <a:ahLst/>
              <a:cxnLst/>
              <a:rect l="l" t="t" r="r" b="b"/>
              <a:pathLst>
                <a:path w="1644650" h="550545">
                  <a:moveTo>
                    <a:pt x="0" y="92963"/>
                  </a:moveTo>
                  <a:lnTo>
                    <a:pt x="7215" y="56578"/>
                  </a:lnTo>
                  <a:lnTo>
                    <a:pt x="26860" y="27050"/>
                  </a:lnTo>
                  <a:lnTo>
                    <a:pt x="55935" y="7238"/>
                  </a:lnTo>
                  <a:lnTo>
                    <a:pt x="91439" y="0"/>
                  </a:lnTo>
                  <a:lnTo>
                    <a:pt x="1552955" y="0"/>
                  </a:lnTo>
                  <a:lnTo>
                    <a:pt x="1588460" y="7238"/>
                  </a:lnTo>
                  <a:lnTo>
                    <a:pt x="1617535" y="27050"/>
                  </a:lnTo>
                  <a:lnTo>
                    <a:pt x="1637180" y="56578"/>
                  </a:lnTo>
                  <a:lnTo>
                    <a:pt x="1644395" y="92963"/>
                  </a:lnTo>
                  <a:lnTo>
                    <a:pt x="1644395" y="458724"/>
                  </a:lnTo>
                  <a:lnTo>
                    <a:pt x="1637180" y="494228"/>
                  </a:lnTo>
                  <a:lnTo>
                    <a:pt x="1617535" y="523303"/>
                  </a:lnTo>
                  <a:lnTo>
                    <a:pt x="1588460" y="542948"/>
                  </a:lnTo>
                  <a:lnTo>
                    <a:pt x="1552955" y="550163"/>
                  </a:lnTo>
                  <a:lnTo>
                    <a:pt x="91439" y="550163"/>
                  </a:lnTo>
                  <a:lnTo>
                    <a:pt x="55935" y="542948"/>
                  </a:lnTo>
                  <a:lnTo>
                    <a:pt x="26860" y="523303"/>
                  </a:lnTo>
                  <a:lnTo>
                    <a:pt x="7215" y="494228"/>
                  </a:lnTo>
                  <a:lnTo>
                    <a:pt x="0" y="458724"/>
                  </a:lnTo>
                  <a:lnTo>
                    <a:pt x="0" y="92963"/>
                  </a:lnTo>
                  <a:close/>
                </a:path>
              </a:pathLst>
            </a:custGeom>
            <a:ln w="7620">
              <a:solidFill>
                <a:srgbClr val="595959"/>
              </a:solidFill>
            </a:ln>
          </p:spPr>
          <p:txBody>
            <a:bodyPr wrap="square" lIns="0" tIns="0" rIns="0" bIns="0" rtlCol="0"/>
            <a:lstStyle/>
            <a:p>
              <a:endParaRPr sz="1749"/>
            </a:p>
          </p:txBody>
        </p:sp>
      </p:grpSp>
      <p:sp>
        <p:nvSpPr>
          <p:cNvPr id="22" name="object 22"/>
          <p:cNvSpPr txBox="1"/>
          <p:nvPr/>
        </p:nvSpPr>
        <p:spPr>
          <a:xfrm>
            <a:off x="4529476" y="5590261"/>
            <a:ext cx="982274" cy="645745"/>
          </a:xfrm>
          <a:prstGeom prst="rect">
            <a:avLst/>
          </a:prstGeom>
        </p:spPr>
        <p:txBody>
          <a:bodyPr vert="horz" wrap="square" lIns="0" tIns="57014" rIns="0" bIns="0" rtlCol="0">
            <a:spAutoFit/>
          </a:bodyPr>
          <a:lstStyle/>
          <a:p>
            <a:pPr marL="91222" marR="4344" indent="-80905">
              <a:lnSpc>
                <a:spcPts val="1505"/>
              </a:lnSpc>
              <a:spcBef>
                <a:spcPts val="449"/>
              </a:spcBef>
            </a:pPr>
            <a:r>
              <a:rPr sz="1539" spc="-9" dirty="0">
                <a:latin typeface="Meiryo UI"/>
                <a:cs typeface="Meiryo UI"/>
              </a:rPr>
              <a:t>契約期間の</a:t>
            </a:r>
            <a:r>
              <a:rPr sz="1539" spc="-13" dirty="0">
                <a:latin typeface="Meiryo UI"/>
                <a:cs typeface="Meiryo UI"/>
              </a:rPr>
              <a:t>複数年化</a:t>
            </a:r>
            <a:endParaRPr sz="1539">
              <a:latin typeface="Meiryo UI"/>
              <a:cs typeface="Meiryo UI"/>
            </a:endParaRPr>
          </a:p>
        </p:txBody>
      </p:sp>
      <p:grpSp>
        <p:nvGrpSpPr>
          <p:cNvPr id="23" name="object 23"/>
          <p:cNvGrpSpPr/>
          <p:nvPr/>
        </p:nvGrpSpPr>
        <p:grpSpPr>
          <a:xfrm>
            <a:off x="347950" y="2047299"/>
            <a:ext cx="8475033" cy="337742"/>
            <a:chOff x="406908" y="2165603"/>
            <a:chExt cx="9911080" cy="394970"/>
          </a:xfrm>
        </p:grpSpPr>
        <p:sp>
          <p:nvSpPr>
            <p:cNvPr id="24" name="object 24"/>
            <p:cNvSpPr/>
            <p:nvPr/>
          </p:nvSpPr>
          <p:spPr>
            <a:xfrm>
              <a:off x="417576" y="2176271"/>
              <a:ext cx="9889490" cy="373380"/>
            </a:xfrm>
            <a:custGeom>
              <a:avLst/>
              <a:gdLst/>
              <a:ahLst/>
              <a:cxnLst/>
              <a:rect l="l" t="t" r="r" b="b"/>
              <a:pathLst>
                <a:path w="9889490" h="373380">
                  <a:moveTo>
                    <a:pt x="9826752" y="373379"/>
                  </a:moveTo>
                  <a:lnTo>
                    <a:pt x="60960" y="373379"/>
                  </a:lnTo>
                  <a:lnTo>
                    <a:pt x="37290" y="368331"/>
                  </a:lnTo>
                  <a:lnTo>
                    <a:pt x="17907" y="354710"/>
                  </a:lnTo>
                  <a:lnTo>
                    <a:pt x="4810" y="334803"/>
                  </a:lnTo>
                  <a:lnTo>
                    <a:pt x="0" y="310896"/>
                  </a:lnTo>
                  <a:lnTo>
                    <a:pt x="0" y="62484"/>
                  </a:lnTo>
                  <a:lnTo>
                    <a:pt x="4810" y="38576"/>
                  </a:lnTo>
                  <a:lnTo>
                    <a:pt x="17907" y="18669"/>
                  </a:lnTo>
                  <a:lnTo>
                    <a:pt x="37290" y="5048"/>
                  </a:lnTo>
                  <a:lnTo>
                    <a:pt x="60960" y="0"/>
                  </a:lnTo>
                  <a:lnTo>
                    <a:pt x="9826752" y="0"/>
                  </a:lnTo>
                  <a:lnTo>
                    <a:pt x="9851302" y="5048"/>
                  </a:lnTo>
                  <a:lnTo>
                    <a:pt x="9871138" y="18669"/>
                  </a:lnTo>
                  <a:lnTo>
                    <a:pt x="9884401" y="38576"/>
                  </a:lnTo>
                  <a:lnTo>
                    <a:pt x="9889235" y="62484"/>
                  </a:lnTo>
                  <a:lnTo>
                    <a:pt x="9889235" y="310896"/>
                  </a:lnTo>
                  <a:lnTo>
                    <a:pt x="9884401" y="334803"/>
                  </a:lnTo>
                  <a:lnTo>
                    <a:pt x="9871138" y="354710"/>
                  </a:lnTo>
                  <a:lnTo>
                    <a:pt x="9851302" y="368331"/>
                  </a:lnTo>
                  <a:lnTo>
                    <a:pt x="9826752" y="373379"/>
                  </a:lnTo>
                  <a:close/>
                </a:path>
              </a:pathLst>
            </a:custGeom>
            <a:solidFill>
              <a:srgbClr val="EDEDED"/>
            </a:solidFill>
          </p:spPr>
          <p:txBody>
            <a:bodyPr wrap="square" lIns="0" tIns="0" rIns="0" bIns="0" rtlCol="0"/>
            <a:lstStyle/>
            <a:p>
              <a:endParaRPr sz="1749"/>
            </a:p>
          </p:txBody>
        </p:sp>
        <p:sp>
          <p:nvSpPr>
            <p:cNvPr id="25" name="object 25"/>
            <p:cNvSpPr/>
            <p:nvPr/>
          </p:nvSpPr>
          <p:spPr>
            <a:xfrm>
              <a:off x="417576" y="2176271"/>
              <a:ext cx="9889490" cy="373380"/>
            </a:xfrm>
            <a:custGeom>
              <a:avLst/>
              <a:gdLst/>
              <a:ahLst/>
              <a:cxnLst/>
              <a:rect l="l" t="t" r="r" b="b"/>
              <a:pathLst>
                <a:path w="9889490" h="373380">
                  <a:moveTo>
                    <a:pt x="0" y="62484"/>
                  </a:moveTo>
                  <a:lnTo>
                    <a:pt x="4810" y="38576"/>
                  </a:lnTo>
                  <a:lnTo>
                    <a:pt x="17907" y="18669"/>
                  </a:lnTo>
                  <a:lnTo>
                    <a:pt x="37290" y="5048"/>
                  </a:lnTo>
                  <a:lnTo>
                    <a:pt x="60960" y="0"/>
                  </a:lnTo>
                  <a:lnTo>
                    <a:pt x="9826752" y="0"/>
                  </a:lnTo>
                  <a:lnTo>
                    <a:pt x="9851302" y="5048"/>
                  </a:lnTo>
                  <a:lnTo>
                    <a:pt x="9871138" y="18669"/>
                  </a:lnTo>
                  <a:lnTo>
                    <a:pt x="9884401" y="38576"/>
                  </a:lnTo>
                  <a:lnTo>
                    <a:pt x="9889235" y="62484"/>
                  </a:lnTo>
                  <a:lnTo>
                    <a:pt x="9889235" y="310896"/>
                  </a:lnTo>
                  <a:lnTo>
                    <a:pt x="9884401" y="334803"/>
                  </a:lnTo>
                  <a:lnTo>
                    <a:pt x="9871138" y="354710"/>
                  </a:lnTo>
                  <a:lnTo>
                    <a:pt x="9851302" y="368331"/>
                  </a:lnTo>
                  <a:lnTo>
                    <a:pt x="9826752" y="373379"/>
                  </a:lnTo>
                  <a:lnTo>
                    <a:pt x="60960" y="373379"/>
                  </a:lnTo>
                  <a:lnTo>
                    <a:pt x="37290" y="368331"/>
                  </a:lnTo>
                  <a:lnTo>
                    <a:pt x="17907" y="354710"/>
                  </a:lnTo>
                  <a:lnTo>
                    <a:pt x="4810" y="334803"/>
                  </a:lnTo>
                  <a:lnTo>
                    <a:pt x="0" y="310896"/>
                  </a:lnTo>
                  <a:lnTo>
                    <a:pt x="0" y="62484"/>
                  </a:lnTo>
                  <a:close/>
                </a:path>
              </a:pathLst>
            </a:custGeom>
            <a:ln w="21336">
              <a:solidFill>
                <a:srgbClr val="006600"/>
              </a:solidFill>
            </a:ln>
          </p:spPr>
          <p:txBody>
            <a:bodyPr wrap="square" lIns="0" tIns="0" rIns="0" bIns="0" rtlCol="0"/>
            <a:lstStyle/>
            <a:p>
              <a:endParaRPr sz="1749"/>
            </a:p>
          </p:txBody>
        </p:sp>
      </p:grpSp>
      <p:sp>
        <p:nvSpPr>
          <p:cNvPr id="26" name="object 26"/>
          <p:cNvSpPr txBox="1"/>
          <p:nvPr/>
        </p:nvSpPr>
        <p:spPr>
          <a:xfrm>
            <a:off x="2424742" y="2046853"/>
            <a:ext cx="4326024" cy="655210"/>
          </a:xfrm>
          <a:prstGeom prst="rect">
            <a:avLst/>
          </a:prstGeom>
        </p:spPr>
        <p:txBody>
          <a:bodyPr vert="horz" wrap="square" lIns="0" tIns="10317" rIns="0" bIns="0" rtlCol="0">
            <a:spAutoFit/>
          </a:bodyPr>
          <a:lstStyle/>
          <a:p>
            <a:pPr marL="10860">
              <a:spcBef>
                <a:spcPts val="81"/>
              </a:spcBef>
            </a:pPr>
            <a:r>
              <a:rPr sz="2095" b="1" spc="-43" dirty="0">
                <a:solidFill>
                  <a:srgbClr val="006600"/>
                </a:solidFill>
                <a:latin typeface="Meiryo UI"/>
                <a:cs typeface="Meiryo UI"/>
              </a:rPr>
              <a:t>自治体・事業者間の役割分担の考え方</a:t>
            </a:r>
            <a:endParaRPr sz="2095">
              <a:latin typeface="Meiryo UI"/>
              <a:cs typeface="Meiryo UI"/>
            </a:endParaRPr>
          </a:p>
        </p:txBody>
      </p:sp>
      <p:grpSp>
        <p:nvGrpSpPr>
          <p:cNvPr id="27" name="object 27"/>
          <p:cNvGrpSpPr/>
          <p:nvPr/>
        </p:nvGrpSpPr>
        <p:grpSpPr>
          <a:xfrm>
            <a:off x="5857590" y="2934551"/>
            <a:ext cx="1350966" cy="872589"/>
            <a:chOff x="6850126" y="3203194"/>
            <a:chExt cx="1579880" cy="1020444"/>
          </a:xfrm>
        </p:grpSpPr>
        <p:sp>
          <p:nvSpPr>
            <p:cNvPr id="28" name="object 28"/>
            <p:cNvSpPr/>
            <p:nvPr/>
          </p:nvSpPr>
          <p:spPr>
            <a:xfrm>
              <a:off x="6871716" y="3224784"/>
              <a:ext cx="1536700" cy="977265"/>
            </a:xfrm>
            <a:custGeom>
              <a:avLst/>
              <a:gdLst/>
              <a:ahLst/>
              <a:cxnLst/>
              <a:rect l="l" t="t" r="r" b="b"/>
              <a:pathLst>
                <a:path w="1536700" h="977264">
                  <a:moveTo>
                    <a:pt x="1373124" y="976884"/>
                  </a:moveTo>
                  <a:lnTo>
                    <a:pt x="163068" y="976884"/>
                  </a:lnTo>
                  <a:lnTo>
                    <a:pt x="119768" y="971049"/>
                  </a:lnTo>
                  <a:lnTo>
                    <a:pt x="80828" y="954588"/>
                  </a:lnTo>
                  <a:lnTo>
                    <a:pt x="47815" y="929068"/>
                  </a:lnTo>
                  <a:lnTo>
                    <a:pt x="22295" y="896055"/>
                  </a:lnTo>
                  <a:lnTo>
                    <a:pt x="5834" y="857115"/>
                  </a:lnTo>
                  <a:lnTo>
                    <a:pt x="0" y="813816"/>
                  </a:lnTo>
                  <a:lnTo>
                    <a:pt x="0" y="163068"/>
                  </a:lnTo>
                  <a:lnTo>
                    <a:pt x="5834" y="119768"/>
                  </a:lnTo>
                  <a:lnTo>
                    <a:pt x="22295" y="80828"/>
                  </a:lnTo>
                  <a:lnTo>
                    <a:pt x="47815" y="47815"/>
                  </a:lnTo>
                  <a:lnTo>
                    <a:pt x="80828" y="22295"/>
                  </a:lnTo>
                  <a:lnTo>
                    <a:pt x="119768" y="5834"/>
                  </a:lnTo>
                  <a:lnTo>
                    <a:pt x="163068" y="0"/>
                  </a:lnTo>
                  <a:lnTo>
                    <a:pt x="1373124" y="0"/>
                  </a:lnTo>
                  <a:lnTo>
                    <a:pt x="1416423" y="5834"/>
                  </a:lnTo>
                  <a:lnTo>
                    <a:pt x="1455363" y="22295"/>
                  </a:lnTo>
                  <a:lnTo>
                    <a:pt x="1488376" y="47815"/>
                  </a:lnTo>
                  <a:lnTo>
                    <a:pt x="1513896" y="80828"/>
                  </a:lnTo>
                  <a:lnTo>
                    <a:pt x="1530357" y="119768"/>
                  </a:lnTo>
                  <a:lnTo>
                    <a:pt x="1536191" y="163068"/>
                  </a:lnTo>
                  <a:lnTo>
                    <a:pt x="1536191" y="813816"/>
                  </a:lnTo>
                  <a:lnTo>
                    <a:pt x="1530357" y="857115"/>
                  </a:lnTo>
                  <a:lnTo>
                    <a:pt x="1513896" y="896055"/>
                  </a:lnTo>
                  <a:lnTo>
                    <a:pt x="1488376" y="929068"/>
                  </a:lnTo>
                  <a:lnTo>
                    <a:pt x="1455363" y="954588"/>
                  </a:lnTo>
                  <a:lnTo>
                    <a:pt x="1416423" y="971049"/>
                  </a:lnTo>
                  <a:lnTo>
                    <a:pt x="1373124" y="976884"/>
                  </a:lnTo>
                  <a:close/>
                </a:path>
              </a:pathLst>
            </a:custGeom>
            <a:solidFill>
              <a:srgbClr val="FDE9DA"/>
            </a:solidFill>
          </p:spPr>
          <p:txBody>
            <a:bodyPr wrap="square" lIns="0" tIns="0" rIns="0" bIns="0" rtlCol="0"/>
            <a:lstStyle/>
            <a:p>
              <a:endParaRPr sz="1749"/>
            </a:p>
          </p:txBody>
        </p:sp>
        <p:sp>
          <p:nvSpPr>
            <p:cNvPr id="29" name="object 29"/>
            <p:cNvSpPr/>
            <p:nvPr/>
          </p:nvSpPr>
          <p:spPr>
            <a:xfrm>
              <a:off x="6871716" y="3224784"/>
              <a:ext cx="1536700" cy="977265"/>
            </a:xfrm>
            <a:custGeom>
              <a:avLst/>
              <a:gdLst/>
              <a:ahLst/>
              <a:cxnLst/>
              <a:rect l="l" t="t" r="r" b="b"/>
              <a:pathLst>
                <a:path w="1536700" h="977264">
                  <a:moveTo>
                    <a:pt x="0" y="163068"/>
                  </a:moveTo>
                  <a:lnTo>
                    <a:pt x="5834" y="119768"/>
                  </a:lnTo>
                  <a:lnTo>
                    <a:pt x="22295" y="80828"/>
                  </a:lnTo>
                  <a:lnTo>
                    <a:pt x="47815" y="47815"/>
                  </a:lnTo>
                  <a:lnTo>
                    <a:pt x="80828" y="22295"/>
                  </a:lnTo>
                  <a:lnTo>
                    <a:pt x="119768" y="5834"/>
                  </a:lnTo>
                  <a:lnTo>
                    <a:pt x="163068" y="0"/>
                  </a:lnTo>
                  <a:lnTo>
                    <a:pt x="1373124" y="0"/>
                  </a:lnTo>
                  <a:lnTo>
                    <a:pt x="1416423" y="5834"/>
                  </a:lnTo>
                  <a:lnTo>
                    <a:pt x="1455363" y="22295"/>
                  </a:lnTo>
                  <a:lnTo>
                    <a:pt x="1488376" y="47815"/>
                  </a:lnTo>
                  <a:lnTo>
                    <a:pt x="1513896" y="80828"/>
                  </a:lnTo>
                  <a:lnTo>
                    <a:pt x="1530357" y="119768"/>
                  </a:lnTo>
                  <a:lnTo>
                    <a:pt x="1536191" y="163068"/>
                  </a:lnTo>
                  <a:lnTo>
                    <a:pt x="1536191" y="813816"/>
                  </a:lnTo>
                  <a:lnTo>
                    <a:pt x="1530357" y="857115"/>
                  </a:lnTo>
                  <a:lnTo>
                    <a:pt x="1513896" y="896055"/>
                  </a:lnTo>
                  <a:lnTo>
                    <a:pt x="1488376" y="929068"/>
                  </a:lnTo>
                  <a:lnTo>
                    <a:pt x="1455363" y="954588"/>
                  </a:lnTo>
                  <a:lnTo>
                    <a:pt x="1416423" y="971049"/>
                  </a:lnTo>
                  <a:lnTo>
                    <a:pt x="1373124" y="976884"/>
                  </a:lnTo>
                  <a:lnTo>
                    <a:pt x="163068" y="976884"/>
                  </a:lnTo>
                  <a:lnTo>
                    <a:pt x="119768" y="971049"/>
                  </a:lnTo>
                  <a:lnTo>
                    <a:pt x="80828" y="954588"/>
                  </a:lnTo>
                  <a:lnTo>
                    <a:pt x="47815" y="929068"/>
                  </a:lnTo>
                  <a:lnTo>
                    <a:pt x="22295" y="896055"/>
                  </a:lnTo>
                  <a:lnTo>
                    <a:pt x="5834" y="857115"/>
                  </a:lnTo>
                  <a:lnTo>
                    <a:pt x="0" y="813816"/>
                  </a:lnTo>
                  <a:lnTo>
                    <a:pt x="0" y="163068"/>
                  </a:lnTo>
                  <a:close/>
                </a:path>
              </a:pathLst>
            </a:custGeom>
            <a:ln w="42672">
              <a:solidFill>
                <a:srgbClr val="E46B0A"/>
              </a:solidFill>
            </a:ln>
          </p:spPr>
          <p:txBody>
            <a:bodyPr wrap="square" lIns="0" tIns="0" rIns="0" bIns="0" rtlCol="0"/>
            <a:lstStyle/>
            <a:p>
              <a:endParaRPr sz="1749"/>
            </a:p>
          </p:txBody>
        </p:sp>
      </p:grpSp>
      <p:sp>
        <p:nvSpPr>
          <p:cNvPr id="30" name="object 30"/>
          <p:cNvSpPr txBox="1"/>
          <p:nvPr/>
        </p:nvSpPr>
        <p:spPr>
          <a:xfrm>
            <a:off x="6034664" y="3081605"/>
            <a:ext cx="996935" cy="869692"/>
          </a:xfrm>
          <a:prstGeom prst="rect">
            <a:avLst/>
          </a:prstGeom>
        </p:spPr>
        <p:txBody>
          <a:bodyPr vert="horz" wrap="square" lIns="0" tIns="10317" rIns="0" bIns="0" rtlCol="0">
            <a:spAutoFit/>
          </a:bodyPr>
          <a:lstStyle/>
          <a:p>
            <a:pPr marL="10860">
              <a:lnSpc>
                <a:spcPts val="2300"/>
              </a:lnSpc>
              <a:spcBef>
                <a:spcPts val="81"/>
              </a:spcBef>
            </a:pPr>
            <a:r>
              <a:rPr sz="1924" b="1" spc="-30" dirty="0">
                <a:solidFill>
                  <a:srgbClr val="E46B0A"/>
                </a:solidFill>
                <a:latin typeface="Meiryo UI"/>
                <a:cs typeface="Meiryo UI"/>
              </a:rPr>
              <a:t>「事業者」</a:t>
            </a:r>
            <a:endParaRPr sz="1924">
              <a:latin typeface="Meiryo UI"/>
              <a:cs typeface="Meiryo UI"/>
            </a:endParaRPr>
          </a:p>
          <a:p>
            <a:pPr marL="121086">
              <a:lnSpc>
                <a:spcPts val="2095"/>
              </a:lnSpc>
            </a:pPr>
            <a:r>
              <a:rPr sz="1753" spc="-30" dirty="0">
                <a:latin typeface="Meiryo UI"/>
                <a:cs typeface="Meiryo UI"/>
              </a:rPr>
              <a:t>を束ねる</a:t>
            </a:r>
            <a:endParaRPr sz="1753">
              <a:latin typeface="Meiryo UI"/>
              <a:cs typeface="Meiryo UI"/>
            </a:endParaRPr>
          </a:p>
        </p:txBody>
      </p:sp>
      <p:grpSp>
        <p:nvGrpSpPr>
          <p:cNvPr id="31" name="object 31"/>
          <p:cNvGrpSpPr/>
          <p:nvPr/>
        </p:nvGrpSpPr>
        <p:grpSpPr>
          <a:xfrm>
            <a:off x="840336" y="2934551"/>
            <a:ext cx="4978702" cy="872589"/>
            <a:chOff x="982726" y="3203194"/>
            <a:chExt cx="5822315" cy="1020444"/>
          </a:xfrm>
        </p:grpSpPr>
        <p:sp>
          <p:nvSpPr>
            <p:cNvPr id="32" name="object 32"/>
            <p:cNvSpPr/>
            <p:nvPr/>
          </p:nvSpPr>
          <p:spPr>
            <a:xfrm>
              <a:off x="1004316" y="3224784"/>
              <a:ext cx="5779135" cy="977265"/>
            </a:xfrm>
            <a:custGeom>
              <a:avLst/>
              <a:gdLst/>
              <a:ahLst/>
              <a:cxnLst/>
              <a:rect l="l" t="t" r="r" b="b"/>
              <a:pathLst>
                <a:path w="5779134" h="977264">
                  <a:moveTo>
                    <a:pt x="5615939" y="976884"/>
                  </a:moveTo>
                  <a:lnTo>
                    <a:pt x="163068" y="976884"/>
                  </a:lnTo>
                  <a:lnTo>
                    <a:pt x="119768" y="971049"/>
                  </a:lnTo>
                  <a:lnTo>
                    <a:pt x="80828" y="954588"/>
                  </a:lnTo>
                  <a:lnTo>
                    <a:pt x="47815" y="929068"/>
                  </a:lnTo>
                  <a:lnTo>
                    <a:pt x="22295" y="896055"/>
                  </a:lnTo>
                  <a:lnTo>
                    <a:pt x="5834" y="857115"/>
                  </a:lnTo>
                  <a:lnTo>
                    <a:pt x="0" y="813816"/>
                  </a:lnTo>
                  <a:lnTo>
                    <a:pt x="0" y="163068"/>
                  </a:lnTo>
                  <a:lnTo>
                    <a:pt x="5834" y="119768"/>
                  </a:lnTo>
                  <a:lnTo>
                    <a:pt x="22295" y="80828"/>
                  </a:lnTo>
                  <a:lnTo>
                    <a:pt x="47815" y="47815"/>
                  </a:lnTo>
                  <a:lnTo>
                    <a:pt x="80828" y="22295"/>
                  </a:lnTo>
                  <a:lnTo>
                    <a:pt x="119768" y="5834"/>
                  </a:lnTo>
                  <a:lnTo>
                    <a:pt x="163068" y="0"/>
                  </a:lnTo>
                  <a:lnTo>
                    <a:pt x="5615939" y="0"/>
                  </a:lnTo>
                  <a:lnTo>
                    <a:pt x="5659239" y="5834"/>
                  </a:lnTo>
                  <a:lnTo>
                    <a:pt x="5698179" y="22295"/>
                  </a:lnTo>
                  <a:lnTo>
                    <a:pt x="5731192" y="47815"/>
                  </a:lnTo>
                  <a:lnTo>
                    <a:pt x="5756712" y="80828"/>
                  </a:lnTo>
                  <a:lnTo>
                    <a:pt x="5773172" y="119768"/>
                  </a:lnTo>
                  <a:lnTo>
                    <a:pt x="5779007" y="163068"/>
                  </a:lnTo>
                  <a:lnTo>
                    <a:pt x="5779007" y="813816"/>
                  </a:lnTo>
                  <a:lnTo>
                    <a:pt x="5773172" y="857115"/>
                  </a:lnTo>
                  <a:lnTo>
                    <a:pt x="5756712" y="896055"/>
                  </a:lnTo>
                  <a:lnTo>
                    <a:pt x="5731192" y="929068"/>
                  </a:lnTo>
                  <a:lnTo>
                    <a:pt x="5698179" y="954588"/>
                  </a:lnTo>
                  <a:lnTo>
                    <a:pt x="5659239" y="971049"/>
                  </a:lnTo>
                  <a:lnTo>
                    <a:pt x="5615939" y="976884"/>
                  </a:lnTo>
                  <a:close/>
                </a:path>
              </a:pathLst>
            </a:custGeom>
            <a:solidFill>
              <a:srgbClr val="FDE9DA"/>
            </a:solidFill>
          </p:spPr>
          <p:txBody>
            <a:bodyPr wrap="square" lIns="0" tIns="0" rIns="0" bIns="0" rtlCol="0"/>
            <a:lstStyle/>
            <a:p>
              <a:endParaRPr sz="1749"/>
            </a:p>
          </p:txBody>
        </p:sp>
        <p:sp>
          <p:nvSpPr>
            <p:cNvPr id="33" name="object 33"/>
            <p:cNvSpPr/>
            <p:nvPr/>
          </p:nvSpPr>
          <p:spPr>
            <a:xfrm>
              <a:off x="1004316" y="3224784"/>
              <a:ext cx="5779135" cy="977265"/>
            </a:xfrm>
            <a:custGeom>
              <a:avLst/>
              <a:gdLst/>
              <a:ahLst/>
              <a:cxnLst/>
              <a:rect l="l" t="t" r="r" b="b"/>
              <a:pathLst>
                <a:path w="5779134" h="977264">
                  <a:moveTo>
                    <a:pt x="0" y="163068"/>
                  </a:moveTo>
                  <a:lnTo>
                    <a:pt x="5834" y="119768"/>
                  </a:lnTo>
                  <a:lnTo>
                    <a:pt x="22295" y="80828"/>
                  </a:lnTo>
                  <a:lnTo>
                    <a:pt x="47815" y="47815"/>
                  </a:lnTo>
                  <a:lnTo>
                    <a:pt x="80828" y="22295"/>
                  </a:lnTo>
                  <a:lnTo>
                    <a:pt x="119768" y="5834"/>
                  </a:lnTo>
                  <a:lnTo>
                    <a:pt x="163068" y="0"/>
                  </a:lnTo>
                  <a:lnTo>
                    <a:pt x="5615939" y="0"/>
                  </a:lnTo>
                  <a:lnTo>
                    <a:pt x="5659239" y="5834"/>
                  </a:lnTo>
                  <a:lnTo>
                    <a:pt x="5698179" y="22295"/>
                  </a:lnTo>
                  <a:lnTo>
                    <a:pt x="5731192" y="47815"/>
                  </a:lnTo>
                  <a:lnTo>
                    <a:pt x="5756712" y="80828"/>
                  </a:lnTo>
                  <a:lnTo>
                    <a:pt x="5773172" y="119768"/>
                  </a:lnTo>
                  <a:lnTo>
                    <a:pt x="5779007" y="163068"/>
                  </a:lnTo>
                  <a:lnTo>
                    <a:pt x="5779007" y="813816"/>
                  </a:lnTo>
                  <a:lnTo>
                    <a:pt x="5773172" y="857115"/>
                  </a:lnTo>
                  <a:lnTo>
                    <a:pt x="5756712" y="896055"/>
                  </a:lnTo>
                  <a:lnTo>
                    <a:pt x="5731192" y="929068"/>
                  </a:lnTo>
                  <a:lnTo>
                    <a:pt x="5698179" y="954588"/>
                  </a:lnTo>
                  <a:lnTo>
                    <a:pt x="5659239" y="971049"/>
                  </a:lnTo>
                  <a:lnTo>
                    <a:pt x="5615939" y="976884"/>
                  </a:lnTo>
                  <a:lnTo>
                    <a:pt x="163068" y="976884"/>
                  </a:lnTo>
                  <a:lnTo>
                    <a:pt x="119768" y="971049"/>
                  </a:lnTo>
                  <a:lnTo>
                    <a:pt x="80828" y="954588"/>
                  </a:lnTo>
                  <a:lnTo>
                    <a:pt x="47815" y="929068"/>
                  </a:lnTo>
                  <a:lnTo>
                    <a:pt x="22295" y="896055"/>
                  </a:lnTo>
                  <a:lnTo>
                    <a:pt x="5834" y="857115"/>
                  </a:lnTo>
                  <a:lnTo>
                    <a:pt x="0" y="813816"/>
                  </a:lnTo>
                  <a:lnTo>
                    <a:pt x="0" y="163068"/>
                  </a:lnTo>
                  <a:close/>
                </a:path>
              </a:pathLst>
            </a:custGeom>
            <a:ln w="42672">
              <a:solidFill>
                <a:srgbClr val="E46B0A"/>
              </a:solidFill>
            </a:ln>
          </p:spPr>
          <p:txBody>
            <a:bodyPr wrap="square" lIns="0" tIns="0" rIns="0" bIns="0" rtlCol="0"/>
            <a:lstStyle/>
            <a:p>
              <a:endParaRPr sz="1749"/>
            </a:p>
          </p:txBody>
        </p:sp>
      </p:grpSp>
      <p:sp>
        <p:nvSpPr>
          <p:cNvPr id="34" name="object 34"/>
          <p:cNvSpPr txBox="1"/>
          <p:nvPr/>
        </p:nvSpPr>
        <p:spPr>
          <a:xfrm>
            <a:off x="2263202" y="3081604"/>
            <a:ext cx="2135591" cy="869692"/>
          </a:xfrm>
          <a:prstGeom prst="rect">
            <a:avLst/>
          </a:prstGeom>
        </p:spPr>
        <p:txBody>
          <a:bodyPr vert="horz" wrap="square" lIns="0" tIns="10317" rIns="0" bIns="0" rtlCol="0">
            <a:spAutoFit/>
          </a:bodyPr>
          <a:lstStyle/>
          <a:p>
            <a:pPr algn="ctr">
              <a:lnSpc>
                <a:spcPts val="2300"/>
              </a:lnSpc>
              <a:spcBef>
                <a:spcPts val="81"/>
              </a:spcBef>
            </a:pPr>
            <a:r>
              <a:rPr sz="1924" b="1" spc="-26" dirty="0">
                <a:solidFill>
                  <a:srgbClr val="E46B0A"/>
                </a:solidFill>
                <a:latin typeface="Meiryo UI"/>
                <a:cs typeface="Meiryo UI"/>
              </a:rPr>
              <a:t>「自治体</a:t>
            </a:r>
            <a:r>
              <a:rPr sz="1368" b="1" dirty="0">
                <a:solidFill>
                  <a:srgbClr val="E46B0A"/>
                </a:solidFill>
                <a:latin typeface="Meiryo UI"/>
                <a:cs typeface="Meiryo UI"/>
              </a:rPr>
              <a:t>(発注者・業務)</a:t>
            </a:r>
            <a:r>
              <a:rPr sz="1753" b="1" spc="-43" dirty="0">
                <a:solidFill>
                  <a:srgbClr val="E46B0A"/>
                </a:solidFill>
                <a:latin typeface="Meiryo UI"/>
                <a:cs typeface="Meiryo UI"/>
              </a:rPr>
              <a:t>」</a:t>
            </a:r>
            <a:endParaRPr sz="1753">
              <a:latin typeface="Meiryo UI"/>
              <a:cs typeface="Meiryo UI"/>
            </a:endParaRPr>
          </a:p>
          <a:p>
            <a:pPr algn="ctr">
              <a:lnSpc>
                <a:spcPts val="2095"/>
              </a:lnSpc>
            </a:pPr>
            <a:r>
              <a:rPr sz="1753" spc="-30" dirty="0">
                <a:latin typeface="Meiryo UI"/>
                <a:cs typeface="Meiryo UI"/>
              </a:rPr>
              <a:t>を束ねる</a:t>
            </a:r>
            <a:endParaRPr sz="1753">
              <a:latin typeface="Meiryo UI"/>
              <a:cs typeface="Meiryo UI"/>
            </a:endParaRPr>
          </a:p>
        </p:txBody>
      </p:sp>
      <p:grpSp>
        <p:nvGrpSpPr>
          <p:cNvPr id="35" name="object 35"/>
          <p:cNvGrpSpPr/>
          <p:nvPr/>
        </p:nvGrpSpPr>
        <p:grpSpPr>
          <a:xfrm>
            <a:off x="774091" y="2778385"/>
            <a:ext cx="8058014" cy="3380674"/>
            <a:chOff x="905256" y="3020567"/>
            <a:chExt cx="9423400" cy="3953510"/>
          </a:xfrm>
        </p:grpSpPr>
        <p:sp>
          <p:nvSpPr>
            <p:cNvPr id="36" name="object 36"/>
            <p:cNvSpPr/>
            <p:nvPr/>
          </p:nvSpPr>
          <p:spPr>
            <a:xfrm>
              <a:off x="905256" y="3020567"/>
              <a:ext cx="8557260" cy="1420495"/>
            </a:xfrm>
            <a:custGeom>
              <a:avLst/>
              <a:gdLst/>
              <a:ahLst/>
              <a:cxnLst/>
              <a:rect l="l" t="t" r="r" b="b"/>
              <a:pathLst>
                <a:path w="8557260" h="1420495">
                  <a:moveTo>
                    <a:pt x="22860" y="1399032"/>
                  </a:moveTo>
                  <a:lnTo>
                    <a:pt x="0" y="1399032"/>
                  </a:lnTo>
                  <a:lnTo>
                    <a:pt x="0" y="1357884"/>
                  </a:lnTo>
                  <a:lnTo>
                    <a:pt x="42671" y="1357884"/>
                  </a:lnTo>
                  <a:lnTo>
                    <a:pt x="42671" y="1377696"/>
                  </a:lnTo>
                  <a:lnTo>
                    <a:pt x="22860" y="1377696"/>
                  </a:lnTo>
                  <a:lnTo>
                    <a:pt x="22860" y="1399032"/>
                  </a:lnTo>
                  <a:close/>
                </a:path>
                <a:path w="8557260" h="1420495">
                  <a:moveTo>
                    <a:pt x="65531" y="1420367"/>
                  </a:moveTo>
                  <a:lnTo>
                    <a:pt x="22860" y="1420367"/>
                  </a:lnTo>
                  <a:lnTo>
                    <a:pt x="22860" y="1377696"/>
                  </a:lnTo>
                  <a:lnTo>
                    <a:pt x="42671" y="1377696"/>
                  </a:lnTo>
                  <a:lnTo>
                    <a:pt x="42671" y="1399032"/>
                  </a:lnTo>
                  <a:lnTo>
                    <a:pt x="65531" y="1399032"/>
                  </a:lnTo>
                  <a:lnTo>
                    <a:pt x="65531" y="1420367"/>
                  </a:lnTo>
                  <a:close/>
                </a:path>
                <a:path w="8557260" h="1420495">
                  <a:moveTo>
                    <a:pt x="65531" y="1399032"/>
                  </a:moveTo>
                  <a:lnTo>
                    <a:pt x="42671" y="1399032"/>
                  </a:lnTo>
                  <a:lnTo>
                    <a:pt x="42671" y="1377696"/>
                  </a:lnTo>
                  <a:lnTo>
                    <a:pt x="65531" y="1377696"/>
                  </a:lnTo>
                  <a:lnTo>
                    <a:pt x="65531" y="1399032"/>
                  </a:lnTo>
                  <a:close/>
                </a:path>
                <a:path w="8557260" h="1420495">
                  <a:moveTo>
                    <a:pt x="42671" y="1315212"/>
                  </a:moveTo>
                  <a:lnTo>
                    <a:pt x="0" y="1315212"/>
                  </a:lnTo>
                  <a:lnTo>
                    <a:pt x="0" y="1272540"/>
                  </a:lnTo>
                  <a:lnTo>
                    <a:pt x="42671" y="1272540"/>
                  </a:lnTo>
                  <a:lnTo>
                    <a:pt x="42671" y="1315212"/>
                  </a:lnTo>
                  <a:close/>
                </a:path>
                <a:path w="8557260" h="1420495">
                  <a:moveTo>
                    <a:pt x="42671" y="1231392"/>
                  </a:moveTo>
                  <a:lnTo>
                    <a:pt x="0" y="1231392"/>
                  </a:lnTo>
                  <a:lnTo>
                    <a:pt x="0" y="1188720"/>
                  </a:lnTo>
                  <a:lnTo>
                    <a:pt x="42671" y="1188720"/>
                  </a:lnTo>
                  <a:lnTo>
                    <a:pt x="42671" y="1231392"/>
                  </a:lnTo>
                  <a:close/>
                </a:path>
                <a:path w="8557260" h="1420495">
                  <a:moveTo>
                    <a:pt x="42671" y="1147572"/>
                  </a:moveTo>
                  <a:lnTo>
                    <a:pt x="0" y="1147572"/>
                  </a:lnTo>
                  <a:lnTo>
                    <a:pt x="0" y="1104900"/>
                  </a:lnTo>
                  <a:lnTo>
                    <a:pt x="42671" y="1104900"/>
                  </a:lnTo>
                  <a:lnTo>
                    <a:pt x="42671" y="1147572"/>
                  </a:lnTo>
                  <a:close/>
                </a:path>
                <a:path w="8557260" h="1420495">
                  <a:moveTo>
                    <a:pt x="42671" y="1063751"/>
                  </a:moveTo>
                  <a:lnTo>
                    <a:pt x="0" y="1063751"/>
                  </a:lnTo>
                  <a:lnTo>
                    <a:pt x="0" y="1021080"/>
                  </a:lnTo>
                  <a:lnTo>
                    <a:pt x="42671" y="1021080"/>
                  </a:lnTo>
                  <a:lnTo>
                    <a:pt x="42671" y="1063751"/>
                  </a:lnTo>
                  <a:close/>
                </a:path>
                <a:path w="8557260" h="1420495">
                  <a:moveTo>
                    <a:pt x="42671" y="979932"/>
                  </a:moveTo>
                  <a:lnTo>
                    <a:pt x="0" y="979932"/>
                  </a:lnTo>
                  <a:lnTo>
                    <a:pt x="0" y="937259"/>
                  </a:lnTo>
                  <a:lnTo>
                    <a:pt x="42671" y="937259"/>
                  </a:lnTo>
                  <a:lnTo>
                    <a:pt x="42671" y="979932"/>
                  </a:lnTo>
                  <a:close/>
                </a:path>
                <a:path w="8557260" h="1420495">
                  <a:moveTo>
                    <a:pt x="42671" y="894588"/>
                  </a:moveTo>
                  <a:lnTo>
                    <a:pt x="0" y="894588"/>
                  </a:lnTo>
                  <a:lnTo>
                    <a:pt x="0" y="853440"/>
                  </a:lnTo>
                  <a:lnTo>
                    <a:pt x="42671" y="853440"/>
                  </a:lnTo>
                  <a:lnTo>
                    <a:pt x="42671" y="894588"/>
                  </a:lnTo>
                  <a:close/>
                </a:path>
                <a:path w="8557260" h="1420495">
                  <a:moveTo>
                    <a:pt x="42671" y="810767"/>
                  </a:moveTo>
                  <a:lnTo>
                    <a:pt x="0" y="810767"/>
                  </a:lnTo>
                  <a:lnTo>
                    <a:pt x="0" y="769620"/>
                  </a:lnTo>
                  <a:lnTo>
                    <a:pt x="42671" y="769620"/>
                  </a:lnTo>
                  <a:lnTo>
                    <a:pt x="42671" y="810767"/>
                  </a:lnTo>
                  <a:close/>
                </a:path>
                <a:path w="8557260" h="1420495">
                  <a:moveTo>
                    <a:pt x="42671" y="726948"/>
                  </a:moveTo>
                  <a:lnTo>
                    <a:pt x="0" y="726948"/>
                  </a:lnTo>
                  <a:lnTo>
                    <a:pt x="0" y="685800"/>
                  </a:lnTo>
                  <a:lnTo>
                    <a:pt x="42671" y="685800"/>
                  </a:lnTo>
                  <a:lnTo>
                    <a:pt x="42671" y="726948"/>
                  </a:lnTo>
                  <a:close/>
                </a:path>
                <a:path w="8557260" h="1420495">
                  <a:moveTo>
                    <a:pt x="42671" y="643128"/>
                  </a:moveTo>
                  <a:lnTo>
                    <a:pt x="0" y="643128"/>
                  </a:lnTo>
                  <a:lnTo>
                    <a:pt x="0" y="600456"/>
                  </a:lnTo>
                  <a:lnTo>
                    <a:pt x="42671" y="600456"/>
                  </a:lnTo>
                  <a:lnTo>
                    <a:pt x="42671" y="643128"/>
                  </a:lnTo>
                  <a:close/>
                </a:path>
                <a:path w="8557260" h="1420495">
                  <a:moveTo>
                    <a:pt x="42671" y="559308"/>
                  </a:moveTo>
                  <a:lnTo>
                    <a:pt x="0" y="559308"/>
                  </a:lnTo>
                  <a:lnTo>
                    <a:pt x="0" y="516635"/>
                  </a:lnTo>
                  <a:lnTo>
                    <a:pt x="42671" y="516635"/>
                  </a:lnTo>
                  <a:lnTo>
                    <a:pt x="42671" y="559308"/>
                  </a:lnTo>
                  <a:close/>
                </a:path>
                <a:path w="8557260" h="1420495">
                  <a:moveTo>
                    <a:pt x="42671" y="475488"/>
                  </a:moveTo>
                  <a:lnTo>
                    <a:pt x="0" y="475488"/>
                  </a:lnTo>
                  <a:lnTo>
                    <a:pt x="0" y="432816"/>
                  </a:lnTo>
                  <a:lnTo>
                    <a:pt x="42671" y="432816"/>
                  </a:lnTo>
                  <a:lnTo>
                    <a:pt x="42671" y="475488"/>
                  </a:lnTo>
                  <a:close/>
                </a:path>
                <a:path w="8557260" h="1420495">
                  <a:moveTo>
                    <a:pt x="42671" y="391667"/>
                  </a:moveTo>
                  <a:lnTo>
                    <a:pt x="0" y="391667"/>
                  </a:lnTo>
                  <a:lnTo>
                    <a:pt x="0" y="348996"/>
                  </a:lnTo>
                  <a:lnTo>
                    <a:pt x="42671" y="348996"/>
                  </a:lnTo>
                  <a:lnTo>
                    <a:pt x="42671" y="391667"/>
                  </a:lnTo>
                  <a:close/>
                </a:path>
                <a:path w="8557260" h="1420495">
                  <a:moveTo>
                    <a:pt x="42671" y="307848"/>
                  </a:moveTo>
                  <a:lnTo>
                    <a:pt x="0" y="307848"/>
                  </a:lnTo>
                  <a:lnTo>
                    <a:pt x="0" y="265175"/>
                  </a:lnTo>
                  <a:lnTo>
                    <a:pt x="42671" y="265175"/>
                  </a:lnTo>
                  <a:lnTo>
                    <a:pt x="42671" y="307848"/>
                  </a:lnTo>
                  <a:close/>
                </a:path>
                <a:path w="8557260" h="1420495">
                  <a:moveTo>
                    <a:pt x="42671" y="222504"/>
                  </a:moveTo>
                  <a:lnTo>
                    <a:pt x="0" y="222504"/>
                  </a:lnTo>
                  <a:lnTo>
                    <a:pt x="0" y="181356"/>
                  </a:lnTo>
                  <a:lnTo>
                    <a:pt x="42671" y="181356"/>
                  </a:lnTo>
                  <a:lnTo>
                    <a:pt x="42671" y="222504"/>
                  </a:lnTo>
                  <a:close/>
                </a:path>
                <a:path w="8557260" h="1420495">
                  <a:moveTo>
                    <a:pt x="42671" y="138683"/>
                  </a:moveTo>
                  <a:lnTo>
                    <a:pt x="0" y="138683"/>
                  </a:lnTo>
                  <a:lnTo>
                    <a:pt x="0" y="97535"/>
                  </a:lnTo>
                  <a:lnTo>
                    <a:pt x="42671" y="97535"/>
                  </a:lnTo>
                  <a:lnTo>
                    <a:pt x="42671" y="138683"/>
                  </a:lnTo>
                  <a:close/>
                </a:path>
                <a:path w="8557260" h="1420495">
                  <a:moveTo>
                    <a:pt x="42671" y="54864"/>
                  </a:moveTo>
                  <a:lnTo>
                    <a:pt x="0" y="54864"/>
                  </a:lnTo>
                  <a:lnTo>
                    <a:pt x="0" y="21335"/>
                  </a:lnTo>
                  <a:lnTo>
                    <a:pt x="1619" y="12858"/>
                  </a:lnTo>
                  <a:lnTo>
                    <a:pt x="6095" y="6095"/>
                  </a:lnTo>
                  <a:lnTo>
                    <a:pt x="12858" y="1619"/>
                  </a:lnTo>
                  <a:lnTo>
                    <a:pt x="21335" y="0"/>
                  </a:lnTo>
                  <a:lnTo>
                    <a:pt x="28956" y="0"/>
                  </a:lnTo>
                  <a:lnTo>
                    <a:pt x="28956" y="35051"/>
                  </a:lnTo>
                  <a:lnTo>
                    <a:pt x="21335" y="42672"/>
                  </a:lnTo>
                  <a:lnTo>
                    <a:pt x="42671" y="42672"/>
                  </a:lnTo>
                  <a:lnTo>
                    <a:pt x="42671" y="54864"/>
                  </a:lnTo>
                  <a:close/>
                </a:path>
                <a:path w="8557260" h="1420495">
                  <a:moveTo>
                    <a:pt x="42671" y="42672"/>
                  </a:moveTo>
                  <a:lnTo>
                    <a:pt x="28956" y="42672"/>
                  </a:lnTo>
                  <a:lnTo>
                    <a:pt x="28956" y="35051"/>
                  </a:lnTo>
                  <a:lnTo>
                    <a:pt x="42671" y="21335"/>
                  </a:lnTo>
                  <a:lnTo>
                    <a:pt x="42671" y="42672"/>
                  </a:lnTo>
                  <a:close/>
                </a:path>
                <a:path w="8557260" h="1420495">
                  <a:moveTo>
                    <a:pt x="28956" y="42672"/>
                  </a:moveTo>
                  <a:lnTo>
                    <a:pt x="21335" y="42672"/>
                  </a:lnTo>
                  <a:lnTo>
                    <a:pt x="28956" y="35051"/>
                  </a:lnTo>
                  <a:lnTo>
                    <a:pt x="28956" y="42672"/>
                  </a:lnTo>
                  <a:close/>
                </a:path>
                <a:path w="8557260" h="1420495">
                  <a:moveTo>
                    <a:pt x="112775" y="42672"/>
                  </a:moveTo>
                  <a:lnTo>
                    <a:pt x="71627" y="42672"/>
                  </a:lnTo>
                  <a:lnTo>
                    <a:pt x="71627" y="0"/>
                  </a:lnTo>
                  <a:lnTo>
                    <a:pt x="112775" y="0"/>
                  </a:lnTo>
                  <a:lnTo>
                    <a:pt x="112775" y="42672"/>
                  </a:lnTo>
                  <a:close/>
                </a:path>
                <a:path w="8557260" h="1420495">
                  <a:moveTo>
                    <a:pt x="196595" y="42672"/>
                  </a:moveTo>
                  <a:lnTo>
                    <a:pt x="155448" y="42672"/>
                  </a:lnTo>
                  <a:lnTo>
                    <a:pt x="155448" y="0"/>
                  </a:lnTo>
                  <a:lnTo>
                    <a:pt x="196595" y="0"/>
                  </a:lnTo>
                  <a:lnTo>
                    <a:pt x="196595" y="42672"/>
                  </a:lnTo>
                  <a:close/>
                </a:path>
                <a:path w="8557260" h="1420495">
                  <a:moveTo>
                    <a:pt x="281939" y="42672"/>
                  </a:moveTo>
                  <a:lnTo>
                    <a:pt x="239268" y="42672"/>
                  </a:lnTo>
                  <a:lnTo>
                    <a:pt x="239268" y="0"/>
                  </a:lnTo>
                  <a:lnTo>
                    <a:pt x="281939" y="0"/>
                  </a:lnTo>
                  <a:lnTo>
                    <a:pt x="281939" y="42672"/>
                  </a:lnTo>
                  <a:close/>
                </a:path>
                <a:path w="8557260" h="1420495">
                  <a:moveTo>
                    <a:pt x="365760" y="42672"/>
                  </a:moveTo>
                  <a:lnTo>
                    <a:pt x="323088" y="42672"/>
                  </a:lnTo>
                  <a:lnTo>
                    <a:pt x="323088" y="0"/>
                  </a:lnTo>
                  <a:lnTo>
                    <a:pt x="365760" y="0"/>
                  </a:lnTo>
                  <a:lnTo>
                    <a:pt x="365760" y="42672"/>
                  </a:lnTo>
                  <a:close/>
                </a:path>
                <a:path w="8557260" h="1420495">
                  <a:moveTo>
                    <a:pt x="449580" y="42672"/>
                  </a:moveTo>
                  <a:lnTo>
                    <a:pt x="406907" y="42672"/>
                  </a:lnTo>
                  <a:lnTo>
                    <a:pt x="406907" y="0"/>
                  </a:lnTo>
                  <a:lnTo>
                    <a:pt x="449580" y="0"/>
                  </a:lnTo>
                  <a:lnTo>
                    <a:pt x="449580" y="42672"/>
                  </a:lnTo>
                  <a:close/>
                </a:path>
                <a:path w="8557260" h="1420495">
                  <a:moveTo>
                    <a:pt x="533399" y="42672"/>
                  </a:moveTo>
                  <a:lnTo>
                    <a:pt x="490727" y="42672"/>
                  </a:lnTo>
                  <a:lnTo>
                    <a:pt x="490727" y="0"/>
                  </a:lnTo>
                  <a:lnTo>
                    <a:pt x="533399" y="0"/>
                  </a:lnTo>
                  <a:lnTo>
                    <a:pt x="533399" y="42672"/>
                  </a:lnTo>
                  <a:close/>
                </a:path>
                <a:path w="8557260" h="1420495">
                  <a:moveTo>
                    <a:pt x="617219" y="42672"/>
                  </a:moveTo>
                  <a:lnTo>
                    <a:pt x="576072" y="42672"/>
                  </a:lnTo>
                  <a:lnTo>
                    <a:pt x="576072" y="0"/>
                  </a:lnTo>
                  <a:lnTo>
                    <a:pt x="617219" y="0"/>
                  </a:lnTo>
                  <a:lnTo>
                    <a:pt x="617219" y="42672"/>
                  </a:lnTo>
                  <a:close/>
                </a:path>
                <a:path w="8557260" h="1420495">
                  <a:moveTo>
                    <a:pt x="701040" y="42672"/>
                  </a:moveTo>
                  <a:lnTo>
                    <a:pt x="659892" y="42672"/>
                  </a:lnTo>
                  <a:lnTo>
                    <a:pt x="659892" y="0"/>
                  </a:lnTo>
                  <a:lnTo>
                    <a:pt x="701040" y="0"/>
                  </a:lnTo>
                  <a:lnTo>
                    <a:pt x="701040" y="42672"/>
                  </a:lnTo>
                  <a:close/>
                </a:path>
                <a:path w="8557260" h="1420495">
                  <a:moveTo>
                    <a:pt x="784860" y="42672"/>
                  </a:moveTo>
                  <a:lnTo>
                    <a:pt x="743711" y="42672"/>
                  </a:lnTo>
                  <a:lnTo>
                    <a:pt x="743711" y="0"/>
                  </a:lnTo>
                  <a:lnTo>
                    <a:pt x="784860" y="0"/>
                  </a:lnTo>
                  <a:lnTo>
                    <a:pt x="784860" y="42672"/>
                  </a:lnTo>
                  <a:close/>
                </a:path>
                <a:path w="8557260" h="1420495">
                  <a:moveTo>
                    <a:pt x="868680" y="42672"/>
                  </a:moveTo>
                  <a:lnTo>
                    <a:pt x="827531" y="42672"/>
                  </a:lnTo>
                  <a:lnTo>
                    <a:pt x="827531" y="0"/>
                  </a:lnTo>
                  <a:lnTo>
                    <a:pt x="868680" y="0"/>
                  </a:lnTo>
                  <a:lnTo>
                    <a:pt x="868680" y="42672"/>
                  </a:lnTo>
                  <a:close/>
                </a:path>
                <a:path w="8557260" h="1420495">
                  <a:moveTo>
                    <a:pt x="954023" y="42672"/>
                  </a:moveTo>
                  <a:lnTo>
                    <a:pt x="911352" y="42672"/>
                  </a:lnTo>
                  <a:lnTo>
                    <a:pt x="911352" y="0"/>
                  </a:lnTo>
                  <a:lnTo>
                    <a:pt x="954023" y="0"/>
                  </a:lnTo>
                  <a:lnTo>
                    <a:pt x="954023" y="42672"/>
                  </a:lnTo>
                  <a:close/>
                </a:path>
                <a:path w="8557260" h="1420495">
                  <a:moveTo>
                    <a:pt x="1037844" y="42672"/>
                  </a:moveTo>
                  <a:lnTo>
                    <a:pt x="995172" y="42672"/>
                  </a:lnTo>
                  <a:lnTo>
                    <a:pt x="995172" y="0"/>
                  </a:lnTo>
                  <a:lnTo>
                    <a:pt x="1037844" y="0"/>
                  </a:lnTo>
                  <a:lnTo>
                    <a:pt x="1037844" y="42672"/>
                  </a:lnTo>
                  <a:close/>
                </a:path>
                <a:path w="8557260" h="1420495">
                  <a:moveTo>
                    <a:pt x="1121664" y="42672"/>
                  </a:moveTo>
                  <a:lnTo>
                    <a:pt x="1078992" y="42672"/>
                  </a:lnTo>
                  <a:lnTo>
                    <a:pt x="1078992" y="0"/>
                  </a:lnTo>
                  <a:lnTo>
                    <a:pt x="1121664" y="0"/>
                  </a:lnTo>
                  <a:lnTo>
                    <a:pt x="1121664" y="42672"/>
                  </a:lnTo>
                  <a:close/>
                </a:path>
                <a:path w="8557260" h="1420495">
                  <a:moveTo>
                    <a:pt x="1205484" y="42672"/>
                  </a:moveTo>
                  <a:lnTo>
                    <a:pt x="1162811" y="42672"/>
                  </a:lnTo>
                  <a:lnTo>
                    <a:pt x="1162811" y="0"/>
                  </a:lnTo>
                  <a:lnTo>
                    <a:pt x="1205484" y="0"/>
                  </a:lnTo>
                  <a:lnTo>
                    <a:pt x="1205484" y="42672"/>
                  </a:lnTo>
                  <a:close/>
                </a:path>
                <a:path w="8557260" h="1420495">
                  <a:moveTo>
                    <a:pt x="1289303" y="42672"/>
                  </a:moveTo>
                  <a:lnTo>
                    <a:pt x="1248156" y="42672"/>
                  </a:lnTo>
                  <a:lnTo>
                    <a:pt x="1248156" y="0"/>
                  </a:lnTo>
                  <a:lnTo>
                    <a:pt x="1289303" y="0"/>
                  </a:lnTo>
                  <a:lnTo>
                    <a:pt x="1289303" y="42672"/>
                  </a:lnTo>
                  <a:close/>
                </a:path>
                <a:path w="8557260" h="1420495">
                  <a:moveTo>
                    <a:pt x="1373124" y="42672"/>
                  </a:moveTo>
                  <a:lnTo>
                    <a:pt x="1331976" y="42672"/>
                  </a:lnTo>
                  <a:lnTo>
                    <a:pt x="1331976" y="0"/>
                  </a:lnTo>
                  <a:lnTo>
                    <a:pt x="1373124" y="0"/>
                  </a:lnTo>
                  <a:lnTo>
                    <a:pt x="1373124" y="42672"/>
                  </a:lnTo>
                  <a:close/>
                </a:path>
                <a:path w="8557260" h="1420495">
                  <a:moveTo>
                    <a:pt x="1456944" y="42672"/>
                  </a:moveTo>
                  <a:lnTo>
                    <a:pt x="1415795" y="42672"/>
                  </a:lnTo>
                  <a:lnTo>
                    <a:pt x="1415795" y="0"/>
                  </a:lnTo>
                  <a:lnTo>
                    <a:pt x="1456944" y="0"/>
                  </a:lnTo>
                  <a:lnTo>
                    <a:pt x="1456944" y="42672"/>
                  </a:lnTo>
                  <a:close/>
                </a:path>
                <a:path w="8557260" h="1420495">
                  <a:moveTo>
                    <a:pt x="1540763" y="42672"/>
                  </a:moveTo>
                  <a:lnTo>
                    <a:pt x="1499615" y="42672"/>
                  </a:lnTo>
                  <a:lnTo>
                    <a:pt x="1499615" y="0"/>
                  </a:lnTo>
                  <a:lnTo>
                    <a:pt x="1540763" y="0"/>
                  </a:lnTo>
                  <a:lnTo>
                    <a:pt x="1540763" y="42672"/>
                  </a:lnTo>
                  <a:close/>
                </a:path>
                <a:path w="8557260" h="1420495">
                  <a:moveTo>
                    <a:pt x="1626108" y="42672"/>
                  </a:moveTo>
                  <a:lnTo>
                    <a:pt x="1583436" y="42672"/>
                  </a:lnTo>
                  <a:lnTo>
                    <a:pt x="1583436" y="0"/>
                  </a:lnTo>
                  <a:lnTo>
                    <a:pt x="1626108" y="0"/>
                  </a:lnTo>
                  <a:lnTo>
                    <a:pt x="1626108" y="42672"/>
                  </a:lnTo>
                  <a:close/>
                </a:path>
                <a:path w="8557260" h="1420495">
                  <a:moveTo>
                    <a:pt x="1709928" y="42672"/>
                  </a:moveTo>
                  <a:lnTo>
                    <a:pt x="1667255" y="42672"/>
                  </a:lnTo>
                  <a:lnTo>
                    <a:pt x="1667255" y="0"/>
                  </a:lnTo>
                  <a:lnTo>
                    <a:pt x="1709928" y="0"/>
                  </a:lnTo>
                  <a:lnTo>
                    <a:pt x="1709928" y="42672"/>
                  </a:lnTo>
                  <a:close/>
                </a:path>
                <a:path w="8557260" h="1420495">
                  <a:moveTo>
                    <a:pt x="1793747" y="42672"/>
                  </a:moveTo>
                  <a:lnTo>
                    <a:pt x="1751076" y="42672"/>
                  </a:lnTo>
                  <a:lnTo>
                    <a:pt x="1751076" y="0"/>
                  </a:lnTo>
                  <a:lnTo>
                    <a:pt x="1793747" y="0"/>
                  </a:lnTo>
                  <a:lnTo>
                    <a:pt x="1793747" y="42672"/>
                  </a:lnTo>
                  <a:close/>
                </a:path>
                <a:path w="8557260" h="1420495">
                  <a:moveTo>
                    <a:pt x="1877568" y="42672"/>
                  </a:moveTo>
                  <a:lnTo>
                    <a:pt x="1834895" y="42672"/>
                  </a:lnTo>
                  <a:lnTo>
                    <a:pt x="1834895" y="0"/>
                  </a:lnTo>
                  <a:lnTo>
                    <a:pt x="1877568" y="0"/>
                  </a:lnTo>
                  <a:lnTo>
                    <a:pt x="1877568" y="42672"/>
                  </a:lnTo>
                  <a:close/>
                </a:path>
                <a:path w="8557260" h="1420495">
                  <a:moveTo>
                    <a:pt x="1961387" y="42672"/>
                  </a:moveTo>
                  <a:lnTo>
                    <a:pt x="1920240" y="42672"/>
                  </a:lnTo>
                  <a:lnTo>
                    <a:pt x="1920240" y="0"/>
                  </a:lnTo>
                  <a:lnTo>
                    <a:pt x="1961387" y="0"/>
                  </a:lnTo>
                  <a:lnTo>
                    <a:pt x="1961387" y="42672"/>
                  </a:lnTo>
                  <a:close/>
                </a:path>
                <a:path w="8557260" h="1420495">
                  <a:moveTo>
                    <a:pt x="2045208" y="42672"/>
                  </a:moveTo>
                  <a:lnTo>
                    <a:pt x="2004060" y="42672"/>
                  </a:lnTo>
                  <a:lnTo>
                    <a:pt x="2004060" y="0"/>
                  </a:lnTo>
                  <a:lnTo>
                    <a:pt x="2045208" y="0"/>
                  </a:lnTo>
                  <a:lnTo>
                    <a:pt x="2045208" y="42672"/>
                  </a:lnTo>
                  <a:close/>
                </a:path>
                <a:path w="8557260" h="1420495">
                  <a:moveTo>
                    <a:pt x="2129028" y="42672"/>
                  </a:moveTo>
                  <a:lnTo>
                    <a:pt x="2087879" y="42672"/>
                  </a:lnTo>
                  <a:lnTo>
                    <a:pt x="2087879" y="0"/>
                  </a:lnTo>
                  <a:lnTo>
                    <a:pt x="2129028" y="0"/>
                  </a:lnTo>
                  <a:lnTo>
                    <a:pt x="2129028" y="42672"/>
                  </a:lnTo>
                  <a:close/>
                </a:path>
                <a:path w="8557260" h="1420495">
                  <a:moveTo>
                    <a:pt x="2214371" y="42672"/>
                  </a:moveTo>
                  <a:lnTo>
                    <a:pt x="2171700" y="42672"/>
                  </a:lnTo>
                  <a:lnTo>
                    <a:pt x="2171700" y="0"/>
                  </a:lnTo>
                  <a:lnTo>
                    <a:pt x="2214371" y="0"/>
                  </a:lnTo>
                  <a:lnTo>
                    <a:pt x="2214371" y="42672"/>
                  </a:lnTo>
                  <a:close/>
                </a:path>
                <a:path w="8557260" h="1420495">
                  <a:moveTo>
                    <a:pt x="2298192" y="42672"/>
                  </a:moveTo>
                  <a:lnTo>
                    <a:pt x="2255520" y="42672"/>
                  </a:lnTo>
                  <a:lnTo>
                    <a:pt x="2255520" y="0"/>
                  </a:lnTo>
                  <a:lnTo>
                    <a:pt x="2298192" y="0"/>
                  </a:lnTo>
                  <a:lnTo>
                    <a:pt x="2298192" y="42672"/>
                  </a:lnTo>
                  <a:close/>
                </a:path>
                <a:path w="8557260" h="1420495">
                  <a:moveTo>
                    <a:pt x="2382012" y="42672"/>
                  </a:moveTo>
                  <a:lnTo>
                    <a:pt x="2339340" y="42672"/>
                  </a:lnTo>
                  <a:lnTo>
                    <a:pt x="2339340" y="0"/>
                  </a:lnTo>
                  <a:lnTo>
                    <a:pt x="2382012" y="0"/>
                  </a:lnTo>
                  <a:lnTo>
                    <a:pt x="2382012" y="42672"/>
                  </a:lnTo>
                  <a:close/>
                </a:path>
                <a:path w="8557260" h="1420495">
                  <a:moveTo>
                    <a:pt x="2465832" y="42672"/>
                  </a:moveTo>
                  <a:lnTo>
                    <a:pt x="2423160" y="42672"/>
                  </a:lnTo>
                  <a:lnTo>
                    <a:pt x="2423160" y="0"/>
                  </a:lnTo>
                  <a:lnTo>
                    <a:pt x="2465832" y="0"/>
                  </a:lnTo>
                  <a:lnTo>
                    <a:pt x="2465832" y="42672"/>
                  </a:lnTo>
                  <a:close/>
                </a:path>
                <a:path w="8557260" h="1420495">
                  <a:moveTo>
                    <a:pt x="2549652" y="42672"/>
                  </a:moveTo>
                  <a:lnTo>
                    <a:pt x="2506979" y="42672"/>
                  </a:lnTo>
                  <a:lnTo>
                    <a:pt x="2506979" y="0"/>
                  </a:lnTo>
                  <a:lnTo>
                    <a:pt x="2549652" y="0"/>
                  </a:lnTo>
                  <a:lnTo>
                    <a:pt x="2549652" y="42672"/>
                  </a:lnTo>
                  <a:close/>
                </a:path>
                <a:path w="8557260" h="1420495">
                  <a:moveTo>
                    <a:pt x="2633471" y="42672"/>
                  </a:moveTo>
                  <a:lnTo>
                    <a:pt x="2592324" y="42672"/>
                  </a:lnTo>
                  <a:lnTo>
                    <a:pt x="2592324" y="0"/>
                  </a:lnTo>
                  <a:lnTo>
                    <a:pt x="2633471" y="0"/>
                  </a:lnTo>
                  <a:lnTo>
                    <a:pt x="2633471" y="42672"/>
                  </a:lnTo>
                  <a:close/>
                </a:path>
                <a:path w="8557260" h="1420495">
                  <a:moveTo>
                    <a:pt x="2717292" y="42672"/>
                  </a:moveTo>
                  <a:lnTo>
                    <a:pt x="2676144" y="42672"/>
                  </a:lnTo>
                  <a:lnTo>
                    <a:pt x="2676144" y="0"/>
                  </a:lnTo>
                  <a:lnTo>
                    <a:pt x="2717292" y="0"/>
                  </a:lnTo>
                  <a:lnTo>
                    <a:pt x="2717292" y="42672"/>
                  </a:lnTo>
                  <a:close/>
                </a:path>
                <a:path w="8557260" h="1420495">
                  <a:moveTo>
                    <a:pt x="2801112" y="42672"/>
                  </a:moveTo>
                  <a:lnTo>
                    <a:pt x="2759963" y="42672"/>
                  </a:lnTo>
                  <a:lnTo>
                    <a:pt x="2759963" y="0"/>
                  </a:lnTo>
                  <a:lnTo>
                    <a:pt x="2801112" y="0"/>
                  </a:lnTo>
                  <a:lnTo>
                    <a:pt x="2801112" y="42672"/>
                  </a:lnTo>
                  <a:close/>
                </a:path>
                <a:path w="8557260" h="1420495">
                  <a:moveTo>
                    <a:pt x="2886455" y="42672"/>
                  </a:moveTo>
                  <a:lnTo>
                    <a:pt x="2843784" y="42672"/>
                  </a:lnTo>
                  <a:lnTo>
                    <a:pt x="2843784" y="0"/>
                  </a:lnTo>
                  <a:lnTo>
                    <a:pt x="2886455" y="0"/>
                  </a:lnTo>
                  <a:lnTo>
                    <a:pt x="2886455" y="42672"/>
                  </a:lnTo>
                  <a:close/>
                </a:path>
                <a:path w="8557260" h="1420495">
                  <a:moveTo>
                    <a:pt x="2970276" y="42672"/>
                  </a:moveTo>
                  <a:lnTo>
                    <a:pt x="2927604" y="42672"/>
                  </a:lnTo>
                  <a:lnTo>
                    <a:pt x="2927604" y="0"/>
                  </a:lnTo>
                  <a:lnTo>
                    <a:pt x="2970276" y="0"/>
                  </a:lnTo>
                  <a:lnTo>
                    <a:pt x="2970276" y="42672"/>
                  </a:lnTo>
                  <a:close/>
                </a:path>
                <a:path w="8557260" h="1420495">
                  <a:moveTo>
                    <a:pt x="3054096" y="42672"/>
                  </a:moveTo>
                  <a:lnTo>
                    <a:pt x="3011424" y="42672"/>
                  </a:lnTo>
                  <a:lnTo>
                    <a:pt x="3011424" y="0"/>
                  </a:lnTo>
                  <a:lnTo>
                    <a:pt x="3054096" y="0"/>
                  </a:lnTo>
                  <a:lnTo>
                    <a:pt x="3054096" y="42672"/>
                  </a:lnTo>
                  <a:close/>
                </a:path>
                <a:path w="8557260" h="1420495">
                  <a:moveTo>
                    <a:pt x="3137916" y="42672"/>
                  </a:moveTo>
                  <a:lnTo>
                    <a:pt x="3095244" y="42672"/>
                  </a:lnTo>
                  <a:lnTo>
                    <a:pt x="3095244" y="0"/>
                  </a:lnTo>
                  <a:lnTo>
                    <a:pt x="3137916" y="0"/>
                  </a:lnTo>
                  <a:lnTo>
                    <a:pt x="3137916" y="42672"/>
                  </a:lnTo>
                  <a:close/>
                </a:path>
                <a:path w="8557260" h="1420495">
                  <a:moveTo>
                    <a:pt x="3221736" y="42672"/>
                  </a:moveTo>
                  <a:lnTo>
                    <a:pt x="3179063" y="42672"/>
                  </a:lnTo>
                  <a:lnTo>
                    <a:pt x="3179063" y="0"/>
                  </a:lnTo>
                  <a:lnTo>
                    <a:pt x="3221736" y="0"/>
                  </a:lnTo>
                  <a:lnTo>
                    <a:pt x="3221736" y="42672"/>
                  </a:lnTo>
                  <a:close/>
                </a:path>
                <a:path w="8557260" h="1420495">
                  <a:moveTo>
                    <a:pt x="3305555" y="42672"/>
                  </a:moveTo>
                  <a:lnTo>
                    <a:pt x="3264408" y="42672"/>
                  </a:lnTo>
                  <a:lnTo>
                    <a:pt x="3264408" y="0"/>
                  </a:lnTo>
                  <a:lnTo>
                    <a:pt x="3305555" y="0"/>
                  </a:lnTo>
                  <a:lnTo>
                    <a:pt x="3305555" y="42672"/>
                  </a:lnTo>
                  <a:close/>
                </a:path>
                <a:path w="8557260" h="1420495">
                  <a:moveTo>
                    <a:pt x="3389376" y="42672"/>
                  </a:moveTo>
                  <a:lnTo>
                    <a:pt x="3348228" y="42672"/>
                  </a:lnTo>
                  <a:lnTo>
                    <a:pt x="3348228" y="0"/>
                  </a:lnTo>
                  <a:lnTo>
                    <a:pt x="3389376" y="0"/>
                  </a:lnTo>
                  <a:lnTo>
                    <a:pt x="3389376" y="42672"/>
                  </a:lnTo>
                  <a:close/>
                </a:path>
                <a:path w="8557260" h="1420495">
                  <a:moveTo>
                    <a:pt x="3473196" y="42672"/>
                  </a:moveTo>
                  <a:lnTo>
                    <a:pt x="3432047" y="42672"/>
                  </a:lnTo>
                  <a:lnTo>
                    <a:pt x="3432047" y="0"/>
                  </a:lnTo>
                  <a:lnTo>
                    <a:pt x="3473196" y="0"/>
                  </a:lnTo>
                  <a:lnTo>
                    <a:pt x="3473196" y="42672"/>
                  </a:lnTo>
                  <a:close/>
                </a:path>
                <a:path w="8557260" h="1420495">
                  <a:moveTo>
                    <a:pt x="3558540" y="42672"/>
                  </a:moveTo>
                  <a:lnTo>
                    <a:pt x="3515868" y="42672"/>
                  </a:lnTo>
                  <a:lnTo>
                    <a:pt x="3515868" y="0"/>
                  </a:lnTo>
                  <a:lnTo>
                    <a:pt x="3558540" y="0"/>
                  </a:lnTo>
                  <a:lnTo>
                    <a:pt x="3558540" y="42672"/>
                  </a:lnTo>
                  <a:close/>
                </a:path>
                <a:path w="8557260" h="1420495">
                  <a:moveTo>
                    <a:pt x="3642360" y="42672"/>
                  </a:moveTo>
                  <a:lnTo>
                    <a:pt x="3599688" y="42672"/>
                  </a:lnTo>
                  <a:lnTo>
                    <a:pt x="3599688" y="0"/>
                  </a:lnTo>
                  <a:lnTo>
                    <a:pt x="3642360" y="0"/>
                  </a:lnTo>
                  <a:lnTo>
                    <a:pt x="3642360" y="42672"/>
                  </a:lnTo>
                  <a:close/>
                </a:path>
                <a:path w="8557260" h="1420495">
                  <a:moveTo>
                    <a:pt x="3726180" y="42672"/>
                  </a:moveTo>
                  <a:lnTo>
                    <a:pt x="3683508" y="42672"/>
                  </a:lnTo>
                  <a:lnTo>
                    <a:pt x="3683508" y="0"/>
                  </a:lnTo>
                  <a:lnTo>
                    <a:pt x="3726180" y="0"/>
                  </a:lnTo>
                  <a:lnTo>
                    <a:pt x="3726180" y="42672"/>
                  </a:lnTo>
                  <a:close/>
                </a:path>
                <a:path w="8557260" h="1420495">
                  <a:moveTo>
                    <a:pt x="3810000" y="42672"/>
                  </a:moveTo>
                  <a:lnTo>
                    <a:pt x="3767328" y="42672"/>
                  </a:lnTo>
                  <a:lnTo>
                    <a:pt x="3767328" y="0"/>
                  </a:lnTo>
                  <a:lnTo>
                    <a:pt x="3810000" y="0"/>
                  </a:lnTo>
                  <a:lnTo>
                    <a:pt x="3810000" y="42672"/>
                  </a:lnTo>
                  <a:close/>
                </a:path>
                <a:path w="8557260" h="1420495">
                  <a:moveTo>
                    <a:pt x="3893820" y="42672"/>
                  </a:moveTo>
                  <a:lnTo>
                    <a:pt x="3851147" y="42672"/>
                  </a:lnTo>
                  <a:lnTo>
                    <a:pt x="3851147" y="0"/>
                  </a:lnTo>
                  <a:lnTo>
                    <a:pt x="3893820" y="0"/>
                  </a:lnTo>
                  <a:lnTo>
                    <a:pt x="3893820" y="42672"/>
                  </a:lnTo>
                  <a:close/>
                </a:path>
                <a:path w="8557260" h="1420495">
                  <a:moveTo>
                    <a:pt x="3977640" y="42672"/>
                  </a:moveTo>
                  <a:lnTo>
                    <a:pt x="3936492" y="42672"/>
                  </a:lnTo>
                  <a:lnTo>
                    <a:pt x="3936492" y="0"/>
                  </a:lnTo>
                  <a:lnTo>
                    <a:pt x="3977640" y="0"/>
                  </a:lnTo>
                  <a:lnTo>
                    <a:pt x="3977640" y="42672"/>
                  </a:lnTo>
                  <a:close/>
                </a:path>
                <a:path w="8557260" h="1420495">
                  <a:moveTo>
                    <a:pt x="4061460" y="42672"/>
                  </a:moveTo>
                  <a:lnTo>
                    <a:pt x="4020312" y="42672"/>
                  </a:lnTo>
                  <a:lnTo>
                    <a:pt x="4020312" y="0"/>
                  </a:lnTo>
                  <a:lnTo>
                    <a:pt x="4061460" y="0"/>
                  </a:lnTo>
                  <a:lnTo>
                    <a:pt x="4061460" y="42672"/>
                  </a:lnTo>
                  <a:close/>
                </a:path>
                <a:path w="8557260" h="1420495">
                  <a:moveTo>
                    <a:pt x="4145280" y="42672"/>
                  </a:moveTo>
                  <a:lnTo>
                    <a:pt x="4104131" y="42672"/>
                  </a:lnTo>
                  <a:lnTo>
                    <a:pt x="4104131" y="0"/>
                  </a:lnTo>
                  <a:lnTo>
                    <a:pt x="4145280" y="0"/>
                  </a:lnTo>
                  <a:lnTo>
                    <a:pt x="4145280" y="42672"/>
                  </a:lnTo>
                  <a:close/>
                </a:path>
                <a:path w="8557260" h="1420495">
                  <a:moveTo>
                    <a:pt x="4230624" y="42672"/>
                  </a:moveTo>
                  <a:lnTo>
                    <a:pt x="4187951" y="42672"/>
                  </a:lnTo>
                  <a:lnTo>
                    <a:pt x="4187951" y="0"/>
                  </a:lnTo>
                  <a:lnTo>
                    <a:pt x="4230624" y="0"/>
                  </a:lnTo>
                  <a:lnTo>
                    <a:pt x="4230624" y="42672"/>
                  </a:lnTo>
                  <a:close/>
                </a:path>
                <a:path w="8557260" h="1420495">
                  <a:moveTo>
                    <a:pt x="4314444" y="42672"/>
                  </a:moveTo>
                  <a:lnTo>
                    <a:pt x="4271772" y="42672"/>
                  </a:lnTo>
                  <a:lnTo>
                    <a:pt x="4271772" y="0"/>
                  </a:lnTo>
                  <a:lnTo>
                    <a:pt x="4314444" y="0"/>
                  </a:lnTo>
                  <a:lnTo>
                    <a:pt x="4314444" y="42672"/>
                  </a:lnTo>
                  <a:close/>
                </a:path>
                <a:path w="8557260" h="1420495">
                  <a:moveTo>
                    <a:pt x="4398264" y="42672"/>
                  </a:moveTo>
                  <a:lnTo>
                    <a:pt x="4355592" y="42672"/>
                  </a:lnTo>
                  <a:lnTo>
                    <a:pt x="4355592" y="0"/>
                  </a:lnTo>
                  <a:lnTo>
                    <a:pt x="4398264" y="0"/>
                  </a:lnTo>
                  <a:lnTo>
                    <a:pt x="4398264" y="42672"/>
                  </a:lnTo>
                  <a:close/>
                </a:path>
                <a:path w="8557260" h="1420495">
                  <a:moveTo>
                    <a:pt x="4482083" y="42672"/>
                  </a:moveTo>
                  <a:lnTo>
                    <a:pt x="4439412" y="42672"/>
                  </a:lnTo>
                  <a:lnTo>
                    <a:pt x="4439412" y="0"/>
                  </a:lnTo>
                  <a:lnTo>
                    <a:pt x="4482083" y="0"/>
                  </a:lnTo>
                  <a:lnTo>
                    <a:pt x="4482083" y="42672"/>
                  </a:lnTo>
                  <a:close/>
                </a:path>
                <a:path w="8557260" h="1420495">
                  <a:moveTo>
                    <a:pt x="4565904" y="42672"/>
                  </a:moveTo>
                  <a:lnTo>
                    <a:pt x="4524756" y="42672"/>
                  </a:lnTo>
                  <a:lnTo>
                    <a:pt x="4524756" y="0"/>
                  </a:lnTo>
                  <a:lnTo>
                    <a:pt x="4565904" y="0"/>
                  </a:lnTo>
                  <a:lnTo>
                    <a:pt x="4565904" y="42672"/>
                  </a:lnTo>
                  <a:close/>
                </a:path>
                <a:path w="8557260" h="1420495">
                  <a:moveTo>
                    <a:pt x="4649724" y="42672"/>
                  </a:moveTo>
                  <a:lnTo>
                    <a:pt x="4608576" y="42672"/>
                  </a:lnTo>
                  <a:lnTo>
                    <a:pt x="4608576" y="0"/>
                  </a:lnTo>
                  <a:lnTo>
                    <a:pt x="4649724" y="0"/>
                  </a:lnTo>
                  <a:lnTo>
                    <a:pt x="4649724" y="42672"/>
                  </a:lnTo>
                  <a:close/>
                </a:path>
                <a:path w="8557260" h="1420495">
                  <a:moveTo>
                    <a:pt x="4733544" y="42672"/>
                  </a:moveTo>
                  <a:lnTo>
                    <a:pt x="4692396" y="42672"/>
                  </a:lnTo>
                  <a:lnTo>
                    <a:pt x="4692396" y="0"/>
                  </a:lnTo>
                  <a:lnTo>
                    <a:pt x="4733544" y="0"/>
                  </a:lnTo>
                  <a:lnTo>
                    <a:pt x="4733544" y="42672"/>
                  </a:lnTo>
                  <a:close/>
                </a:path>
                <a:path w="8557260" h="1420495">
                  <a:moveTo>
                    <a:pt x="4817364" y="42672"/>
                  </a:moveTo>
                  <a:lnTo>
                    <a:pt x="4776215" y="42672"/>
                  </a:lnTo>
                  <a:lnTo>
                    <a:pt x="4776215" y="0"/>
                  </a:lnTo>
                  <a:lnTo>
                    <a:pt x="4817364" y="0"/>
                  </a:lnTo>
                  <a:lnTo>
                    <a:pt x="4817364" y="42672"/>
                  </a:lnTo>
                  <a:close/>
                </a:path>
                <a:path w="8557260" h="1420495">
                  <a:moveTo>
                    <a:pt x="4902708" y="42672"/>
                  </a:moveTo>
                  <a:lnTo>
                    <a:pt x="4860036" y="42672"/>
                  </a:lnTo>
                  <a:lnTo>
                    <a:pt x="4860036" y="0"/>
                  </a:lnTo>
                  <a:lnTo>
                    <a:pt x="4902708" y="0"/>
                  </a:lnTo>
                  <a:lnTo>
                    <a:pt x="4902708" y="42672"/>
                  </a:lnTo>
                  <a:close/>
                </a:path>
                <a:path w="8557260" h="1420495">
                  <a:moveTo>
                    <a:pt x="4986528" y="42672"/>
                  </a:moveTo>
                  <a:lnTo>
                    <a:pt x="4943856" y="42672"/>
                  </a:lnTo>
                  <a:lnTo>
                    <a:pt x="4943856" y="0"/>
                  </a:lnTo>
                  <a:lnTo>
                    <a:pt x="4986528" y="0"/>
                  </a:lnTo>
                  <a:lnTo>
                    <a:pt x="4986528" y="42672"/>
                  </a:lnTo>
                  <a:close/>
                </a:path>
                <a:path w="8557260" h="1420495">
                  <a:moveTo>
                    <a:pt x="5070347" y="42672"/>
                  </a:moveTo>
                  <a:lnTo>
                    <a:pt x="5027676" y="42672"/>
                  </a:lnTo>
                  <a:lnTo>
                    <a:pt x="5027676" y="0"/>
                  </a:lnTo>
                  <a:lnTo>
                    <a:pt x="5070347" y="0"/>
                  </a:lnTo>
                  <a:lnTo>
                    <a:pt x="5070347" y="42672"/>
                  </a:lnTo>
                  <a:close/>
                </a:path>
                <a:path w="8557260" h="1420495">
                  <a:moveTo>
                    <a:pt x="5154167" y="42672"/>
                  </a:moveTo>
                  <a:lnTo>
                    <a:pt x="5111496" y="42672"/>
                  </a:lnTo>
                  <a:lnTo>
                    <a:pt x="5111496" y="0"/>
                  </a:lnTo>
                  <a:lnTo>
                    <a:pt x="5154167" y="0"/>
                  </a:lnTo>
                  <a:lnTo>
                    <a:pt x="5154167" y="42672"/>
                  </a:lnTo>
                  <a:close/>
                </a:path>
                <a:path w="8557260" h="1420495">
                  <a:moveTo>
                    <a:pt x="5237988" y="42672"/>
                  </a:moveTo>
                  <a:lnTo>
                    <a:pt x="5196840" y="42672"/>
                  </a:lnTo>
                  <a:lnTo>
                    <a:pt x="5196840" y="0"/>
                  </a:lnTo>
                  <a:lnTo>
                    <a:pt x="5237988" y="0"/>
                  </a:lnTo>
                  <a:lnTo>
                    <a:pt x="5237988" y="42672"/>
                  </a:lnTo>
                  <a:close/>
                </a:path>
                <a:path w="8557260" h="1420495">
                  <a:moveTo>
                    <a:pt x="5321808" y="42672"/>
                  </a:moveTo>
                  <a:lnTo>
                    <a:pt x="5280660" y="42672"/>
                  </a:lnTo>
                  <a:lnTo>
                    <a:pt x="5280660" y="0"/>
                  </a:lnTo>
                  <a:lnTo>
                    <a:pt x="5321808" y="0"/>
                  </a:lnTo>
                  <a:lnTo>
                    <a:pt x="5321808" y="42672"/>
                  </a:lnTo>
                  <a:close/>
                </a:path>
                <a:path w="8557260" h="1420495">
                  <a:moveTo>
                    <a:pt x="5405628" y="42672"/>
                  </a:moveTo>
                  <a:lnTo>
                    <a:pt x="5364480" y="42672"/>
                  </a:lnTo>
                  <a:lnTo>
                    <a:pt x="5364480" y="0"/>
                  </a:lnTo>
                  <a:lnTo>
                    <a:pt x="5405628" y="0"/>
                  </a:lnTo>
                  <a:lnTo>
                    <a:pt x="5405628" y="42672"/>
                  </a:lnTo>
                  <a:close/>
                </a:path>
                <a:path w="8557260" h="1420495">
                  <a:moveTo>
                    <a:pt x="5489448" y="42672"/>
                  </a:moveTo>
                  <a:lnTo>
                    <a:pt x="5448299" y="42672"/>
                  </a:lnTo>
                  <a:lnTo>
                    <a:pt x="5448299" y="0"/>
                  </a:lnTo>
                  <a:lnTo>
                    <a:pt x="5489448" y="0"/>
                  </a:lnTo>
                  <a:lnTo>
                    <a:pt x="5489448" y="42672"/>
                  </a:lnTo>
                  <a:close/>
                </a:path>
                <a:path w="8557260" h="1420495">
                  <a:moveTo>
                    <a:pt x="5574792" y="42672"/>
                  </a:moveTo>
                  <a:lnTo>
                    <a:pt x="5532120" y="42672"/>
                  </a:lnTo>
                  <a:lnTo>
                    <a:pt x="5532120" y="0"/>
                  </a:lnTo>
                  <a:lnTo>
                    <a:pt x="5574792" y="0"/>
                  </a:lnTo>
                  <a:lnTo>
                    <a:pt x="5574792" y="42672"/>
                  </a:lnTo>
                  <a:close/>
                </a:path>
                <a:path w="8557260" h="1420495">
                  <a:moveTo>
                    <a:pt x="5658612" y="42672"/>
                  </a:moveTo>
                  <a:lnTo>
                    <a:pt x="5615940" y="42672"/>
                  </a:lnTo>
                  <a:lnTo>
                    <a:pt x="5615940" y="0"/>
                  </a:lnTo>
                  <a:lnTo>
                    <a:pt x="5658612" y="0"/>
                  </a:lnTo>
                  <a:lnTo>
                    <a:pt x="5658612" y="42672"/>
                  </a:lnTo>
                  <a:close/>
                </a:path>
                <a:path w="8557260" h="1420495">
                  <a:moveTo>
                    <a:pt x="5742431" y="42672"/>
                  </a:moveTo>
                  <a:lnTo>
                    <a:pt x="5699760" y="42672"/>
                  </a:lnTo>
                  <a:lnTo>
                    <a:pt x="5699760" y="0"/>
                  </a:lnTo>
                  <a:lnTo>
                    <a:pt x="5742431" y="0"/>
                  </a:lnTo>
                  <a:lnTo>
                    <a:pt x="5742431" y="42672"/>
                  </a:lnTo>
                  <a:close/>
                </a:path>
                <a:path w="8557260" h="1420495">
                  <a:moveTo>
                    <a:pt x="5826251" y="42672"/>
                  </a:moveTo>
                  <a:lnTo>
                    <a:pt x="5783580" y="42672"/>
                  </a:lnTo>
                  <a:lnTo>
                    <a:pt x="5783580" y="0"/>
                  </a:lnTo>
                  <a:lnTo>
                    <a:pt x="5826251" y="0"/>
                  </a:lnTo>
                  <a:lnTo>
                    <a:pt x="5826251" y="42672"/>
                  </a:lnTo>
                  <a:close/>
                </a:path>
                <a:path w="8557260" h="1420495">
                  <a:moveTo>
                    <a:pt x="5910072" y="42672"/>
                  </a:moveTo>
                  <a:lnTo>
                    <a:pt x="5868924" y="42672"/>
                  </a:lnTo>
                  <a:lnTo>
                    <a:pt x="5868924" y="0"/>
                  </a:lnTo>
                  <a:lnTo>
                    <a:pt x="5910072" y="0"/>
                  </a:lnTo>
                  <a:lnTo>
                    <a:pt x="5910072" y="42672"/>
                  </a:lnTo>
                  <a:close/>
                </a:path>
                <a:path w="8557260" h="1420495">
                  <a:moveTo>
                    <a:pt x="5993892" y="42672"/>
                  </a:moveTo>
                  <a:lnTo>
                    <a:pt x="5952744" y="42672"/>
                  </a:lnTo>
                  <a:lnTo>
                    <a:pt x="5952744" y="0"/>
                  </a:lnTo>
                  <a:lnTo>
                    <a:pt x="5993892" y="0"/>
                  </a:lnTo>
                  <a:lnTo>
                    <a:pt x="5993892" y="42672"/>
                  </a:lnTo>
                  <a:close/>
                </a:path>
                <a:path w="8557260" h="1420495">
                  <a:moveTo>
                    <a:pt x="6077712" y="42672"/>
                  </a:moveTo>
                  <a:lnTo>
                    <a:pt x="6036564" y="42672"/>
                  </a:lnTo>
                  <a:lnTo>
                    <a:pt x="6036564" y="0"/>
                  </a:lnTo>
                  <a:lnTo>
                    <a:pt x="6077712" y="0"/>
                  </a:lnTo>
                  <a:lnTo>
                    <a:pt x="6077712" y="42672"/>
                  </a:lnTo>
                  <a:close/>
                </a:path>
                <a:path w="8557260" h="1420495">
                  <a:moveTo>
                    <a:pt x="6161532" y="42672"/>
                  </a:moveTo>
                  <a:lnTo>
                    <a:pt x="6120383" y="42672"/>
                  </a:lnTo>
                  <a:lnTo>
                    <a:pt x="6120383" y="0"/>
                  </a:lnTo>
                  <a:lnTo>
                    <a:pt x="6161532" y="0"/>
                  </a:lnTo>
                  <a:lnTo>
                    <a:pt x="6161532" y="42672"/>
                  </a:lnTo>
                  <a:close/>
                </a:path>
                <a:path w="8557260" h="1420495">
                  <a:moveTo>
                    <a:pt x="6246876" y="42672"/>
                  </a:moveTo>
                  <a:lnTo>
                    <a:pt x="6204204" y="42672"/>
                  </a:lnTo>
                  <a:lnTo>
                    <a:pt x="6204204" y="0"/>
                  </a:lnTo>
                  <a:lnTo>
                    <a:pt x="6246876" y="0"/>
                  </a:lnTo>
                  <a:lnTo>
                    <a:pt x="6246876" y="42672"/>
                  </a:lnTo>
                  <a:close/>
                </a:path>
                <a:path w="8557260" h="1420495">
                  <a:moveTo>
                    <a:pt x="6330696" y="42672"/>
                  </a:moveTo>
                  <a:lnTo>
                    <a:pt x="6288024" y="42672"/>
                  </a:lnTo>
                  <a:lnTo>
                    <a:pt x="6288024" y="0"/>
                  </a:lnTo>
                  <a:lnTo>
                    <a:pt x="6330696" y="0"/>
                  </a:lnTo>
                  <a:lnTo>
                    <a:pt x="6330696" y="42672"/>
                  </a:lnTo>
                  <a:close/>
                </a:path>
                <a:path w="8557260" h="1420495">
                  <a:moveTo>
                    <a:pt x="6414515" y="42672"/>
                  </a:moveTo>
                  <a:lnTo>
                    <a:pt x="6371844" y="42672"/>
                  </a:lnTo>
                  <a:lnTo>
                    <a:pt x="6371844" y="0"/>
                  </a:lnTo>
                  <a:lnTo>
                    <a:pt x="6414515" y="0"/>
                  </a:lnTo>
                  <a:lnTo>
                    <a:pt x="6414515" y="42672"/>
                  </a:lnTo>
                  <a:close/>
                </a:path>
                <a:path w="8557260" h="1420495">
                  <a:moveTo>
                    <a:pt x="6498336" y="42672"/>
                  </a:moveTo>
                  <a:lnTo>
                    <a:pt x="6455664" y="42672"/>
                  </a:lnTo>
                  <a:lnTo>
                    <a:pt x="6455664" y="0"/>
                  </a:lnTo>
                  <a:lnTo>
                    <a:pt x="6498336" y="0"/>
                  </a:lnTo>
                  <a:lnTo>
                    <a:pt x="6498336" y="42672"/>
                  </a:lnTo>
                  <a:close/>
                </a:path>
                <a:path w="8557260" h="1420495">
                  <a:moveTo>
                    <a:pt x="6582156" y="42672"/>
                  </a:moveTo>
                  <a:lnTo>
                    <a:pt x="6541008" y="42672"/>
                  </a:lnTo>
                  <a:lnTo>
                    <a:pt x="6541008" y="0"/>
                  </a:lnTo>
                  <a:lnTo>
                    <a:pt x="6582156" y="0"/>
                  </a:lnTo>
                  <a:lnTo>
                    <a:pt x="6582156" y="42672"/>
                  </a:lnTo>
                  <a:close/>
                </a:path>
                <a:path w="8557260" h="1420495">
                  <a:moveTo>
                    <a:pt x="6665976" y="42672"/>
                  </a:moveTo>
                  <a:lnTo>
                    <a:pt x="6624828" y="42672"/>
                  </a:lnTo>
                  <a:lnTo>
                    <a:pt x="6624828" y="0"/>
                  </a:lnTo>
                  <a:lnTo>
                    <a:pt x="6665976" y="0"/>
                  </a:lnTo>
                  <a:lnTo>
                    <a:pt x="6665976" y="42672"/>
                  </a:lnTo>
                  <a:close/>
                </a:path>
                <a:path w="8557260" h="1420495">
                  <a:moveTo>
                    <a:pt x="6749796" y="42672"/>
                  </a:moveTo>
                  <a:lnTo>
                    <a:pt x="6708648" y="42672"/>
                  </a:lnTo>
                  <a:lnTo>
                    <a:pt x="6708648" y="0"/>
                  </a:lnTo>
                  <a:lnTo>
                    <a:pt x="6749796" y="0"/>
                  </a:lnTo>
                  <a:lnTo>
                    <a:pt x="6749796" y="42672"/>
                  </a:lnTo>
                  <a:close/>
                </a:path>
                <a:path w="8557260" h="1420495">
                  <a:moveTo>
                    <a:pt x="6835140" y="42672"/>
                  </a:moveTo>
                  <a:lnTo>
                    <a:pt x="6792467" y="42672"/>
                  </a:lnTo>
                  <a:lnTo>
                    <a:pt x="6792467" y="0"/>
                  </a:lnTo>
                  <a:lnTo>
                    <a:pt x="6835140" y="0"/>
                  </a:lnTo>
                  <a:lnTo>
                    <a:pt x="6835140" y="42672"/>
                  </a:lnTo>
                  <a:close/>
                </a:path>
                <a:path w="8557260" h="1420495">
                  <a:moveTo>
                    <a:pt x="6918960" y="42672"/>
                  </a:moveTo>
                  <a:lnTo>
                    <a:pt x="6876288" y="42672"/>
                  </a:lnTo>
                  <a:lnTo>
                    <a:pt x="6876288" y="0"/>
                  </a:lnTo>
                  <a:lnTo>
                    <a:pt x="6918960" y="0"/>
                  </a:lnTo>
                  <a:lnTo>
                    <a:pt x="6918960" y="42672"/>
                  </a:lnTo>
                  <a:close/>
                </a:path>
                <a:path w="8557260" h="1420495">
                  <a:moveTo>
                    <a:pt x="7002780" y="42672"/>
                  </a:moveTo>
                  <a:lnTo>
                    <a:pt x="6960108" y="42672"/>
                  </a:lnTo>
                  <a:lnTo>
                    <a:pt x="6960108" y="0"/>
                  </a:lnTo>
                  <a:lnTo>
                    <a:pt x="7002780" y="0"/>
                  </a:lnTo>
                  <a:lnTo>
                    <a:pt x="7002780" y="42672"/>
                  </a:lnTo>
                  <a:close/>
                </a:path>
                <a:path w="8557260" h="1420495">
                  <a:moveTo>
                    <a:pt x="7086599" y="42672"/>
                  </a:moveTo>
                  <a:lnTo>
                    <a:pt x="7043928" y="42672"/>
                  </a:lnTo>
                  <a:lnTo>
                    <a:pt x="7043928" y="0"/>
                  </a:lnTo>
                  <a:lnTo>
                    <a:pt x="7086599" y="0"/>
                  </a:lnTo>
                  <a:lnTo>
                    <a:pt x="7086599" y="42672"/>
                  </a:lnTo>
                  <a:close/>
                </a:path>
                <a:path w="8557260" h="1420495">
                  <a:moveTo>
                    <a:pt x="7170420" y="42672"/>
                  </a:moveTo>
                  <a:lnTo>
                    <a:pt x="7127748" y="42672"/>
                  </a:lnTo>
                  <a:lnTo>
                    <a:pt x="7127748" y="0"/>
                  </a:lnTo>
                  <a:lnTo>
                    <a:pt x="7170420" y="0"/>
                  </a:lnTo>
                  <a:lnTo>
                    <a:pt x="7170420" y="42672"/>
                  </a:lnTo>
                  <a:close/>
                </a:path>
                <a:path w="8557260" h="1420495">
                  <a:moveTo>
                    <a:pt x="7254240" y="42672"/>
                  </a:moveTo>
                  <a:lnTo>
                    <a:pt x="7213092" y="42672"/>
                  </a:lnTo>
                  <a:lnTo>
                    <a:pt x="7213092" y="0"/>
                  </a:lnTo>
                  <a:lnTo>
                    <a:pt x="7254240" y="0"/>
                  </a:lnTo>
                  <a:lnTo>
                    <a:pt x="7254240" y="42672"/>
                  </a:lnTo>
                  <a:close/>
                </a:path>
                <a:path w="8557260" h="1420495">
                  <a:moveTo>
                    <a:pt x="7338060" y="42672"/>
                  </a:moveTo>
                  <a:lnTo>
                    <a:pt x="7296912" y="42672"/>
                  </a:lnTo>
                  <a:lnTo>
                    <a:pt x="7296912" y="0"/>
                  </a:lnTo>
                  <a:lnTo>
                    <a:pt x="7338060" y="0"/>
                  </a:lnTo>
                  <a:lnTo>
                    <a:pt x="7338060" y="42672"/>
                  </a:lnTo>
                  <a:close/>
                </a:path>
                <a:path w="8557260" h="1420495">
                  <a:moveTo>
                    <a:pt x="7421880" y="42672"/>
                  </a:moveTo>
                  <a:lnTo>
                    <a:pt x="7380732" y="42672"/>
                  </a:lnTo>
                  <a:lnTo>
                    <a:pt x="7380732" y="0"/>
                  </a:lnTo>
                  <a:lnTo>
                    <a:pt x="7421880" y="0"/>
                  </a:lnTo>
                  <a:lnTo>
                    <a:pt x="7421880" y="42672"/>
                  </a:lnTo>
                  <a:close/>
                </a:path>
                <a:path w="8557260" h="1420495">
                  <a:moveTo>
                    <a:pt x="7507224" y="42672"/>
                  </a:moveTo>
                  <a:lnTo>
                    <a:pt x="7464551" y="42672"/>
                  </a:lnTo>
                  <a:lnTo>
                    <a:pt x="7464551" y="0"/>
                  </a:lnTo>
                  <a:lnTo>
                    <a:pt x="7507224" y="0"/>
                  </a:lnTo>
                  <a:lnTo>
                    <a:pt x="7507224" y="42672"/>
                  </a:lnTo>
                  <a:close/>
                </a:path>
                <a:path w="8557260" h="1420495">
                  <a:moveTo>
                    <a:pt x="7591044" y="42672"/>
                  </a:moveTo>
                  <a:lnTo>
                    <a:pt x="7548372" y="42672"/>
                  </a:lnTo>
                  <a:lnTo>
                    <a:pt x="7548372" y="0"/>
                  </a:lnTo>
                  <a:lnTo>
                    <a:pt x="7591044" y="0"/>
                  </a:lnTo>
                  <a:lnTo>
                    <a:pt x="7591044" y="42672"/>
                  </a:lnTo>
                  <a:close/>
                </a:path>
                <a:path w="8557260" h="1420495">
                  <a:moveTo>
                    <a:pt x="7674864" y="42672"/>
                  </a:moveTo>
                  <a:lnTo>
                    <a:pt x="7632192" y="42672"/>
                  </a:lnTo>
                  <a:lnTo>
                    <a:pt x="7632192" y="0"/>
                  </a:lnTo>
                  <a:lnTo>
                    <a:pt x="7674864" y="0"/>
                  </a:lnTo>
                  <a:lnTo>
                    <a:pt x="7674864" y="42672"/>
                  </a:lnTo>
                  <a:close/>
                </a:path>
                <a:path w="8557260" h="1420495">
                  <a:moveTo>
                    <a:pt x="7758683" y="42672"/>
                  </a:moveTo>
                  <a:lnTo>
                    <a:pt x="7716012" y="42672"/>
                  </a:lnTo>
                  <a:lnTo>
                    <a:pt x="7716012" y="0"/>
                  </a:lnTo>
                  <a:lnTo>
                    <a:pt x="7758683" y="0"/>
                  </a:lnTo>
                  <a:lnTo>
                    <a:pt x="7758683" y="42672"/>
                  </a:lnTo>
                  <a:close/>
                </a:path>
                <a:path w="8557260" h="1420495">
                  <a:moveTo>
                    <a:pt x="7842504" y="42672"/>
                  </a:moveTo>
                  <a:lnTo>
                    <a:pt x="7799832" y="42672"/>
                  </a:lnTo>
                  <a:lnTo>
                    <a:pt x="7799832" y="0"/>
                  </a:lnTo>
                  <a:lnTo>
                    <a:pt x="7842504" y="0"/>
                  </a:lnTo>
                  <a:lnTo>
                    <a:pt x="7842504" y="42672"/>
                  </a:lnTo>
                  <a:close/>
                </a:path>
                <a:path w="8557260" h="1420495">
                  <a:moveTo>
                    <a:pt x="7926324" y="42672"/>
                  </a:moveTo>
                  <a:lnTo>
                    <a:pt x="7885176" y="42672"/>
                  </a:lnTo>
                  <a:lnTo>
                    <a:pt x="7885176" y="0"/>
                  </a:lnTo>
                  <a:lnTo>
                    <a:pt x="7926324" y="0"/>
                  </a:lnTo>
                  <a:lnTo>
                    <a:pt x="7926324" y="42672"/>
                  </a:lnTo>
                  <a:close/>
                </a:path>
                <a:path w="8557260" h="1420495">
                  <a:moveTo>
                    <a:pt x="8010144" y="42672"/>
                  </a:moveTo>
                  <a:lnTo>
                    <a:pt x="7968996" y="42672"/>
                  </a:lnTo>
                  <a:lnTo>
                    <a:pt x="7968996" y="0"/>
                  </a:lnTo>
                  <a:lnTo>
                    <a:pt x="8010144" y="0"/>
                  </a:lnTo>
                  <a:lnTo>
                    <a:pt x="8010144" y="42672"/>
                  </a:lnTo>
                  <a:close/>
                </a:path>
                <a:path w="8557260" h="1420495">
                  <a:moveTo>
                    <a:pt x="8093964" y="42672"/>
                  </a:moveTo>
                  <a:lnTo>
                    <a:pt x="8052816" y="42672"/>
                  </a:lnTo>
                  <a:lnTo>
                    <a:pt x="8052816" y="0"/>
                  </a:lnTo>
                  <a:lnTo>
                    <a:pt x="8093964" y="0"/>
                  </a:lnTo>
                  <a:lnTo>
                    <a:pt x="8093964" y="42672"/>
                  </a:lnTo>
                  <a:close/>
                </a:path>
                <a:path w="8557260" h="1420495">
                  <a:moveTo>
                    <a:pt x="8179308" y="42672"/>
                  </a:moveTo>
                  <a:lnTo>
                    <a:pt x="8136636" y="42672"/>
                  </a:lnTo>
                  <a:lnTo>
                    <a:pt x="8136636" y="0"/>
                  </a:lnTo>
                  <a:lnTo>
                    <a:pt x="8179308" y="0"/>
                  </a:lnTo>
                  <a:lnTo>
                    <a:pt x="8179308" y="42672"/>
                  </a:lnTo>
                  <a:close/>
                </a:path>
                <a:path w="8557260" h="1420495">
                  <a:moveTo>
                    <a:pt x="8263128" y="42672"/>
                  </a:moveTo>
                  <a:lnTo>
                    <a:pt x="8220456" y="42672"/>
                  </a:lnTo>
                  <a:lnTo>
                    <a:pt x="8220456" y="0"/>
                  </a:lnTo>
                  <a:lnTo>
                    <a:pt x="8263128" y="0"/>
                  </a:lnTo>
                  <a:lnTo>
                    <a:pt x="8263128" y="42672"/>
                  </a:lnTo>
                  <a:close/>
                </a:path>
                <a:path w="8557260" h="1420495">
                  <a:moveTo>
                    <a:pt x="8346948" y="42672"/>
                  </a:moveTo>
                  <a:lnTo>
                    <a:pt x="8304276" y="42672"/>
                  </a:lnTo>
                  <a:lnTo>
                    <a:pt x="8304276" y="0"/>
                  </a:lnTo>
                  <a:lnTo>
                    <a:pt x="8346948" y="0"/>
                  </a:lnTo>
                  <a:lnTo>
                    <a:pt x="8346948" y="42672"/>
                  </a:lnTo>
                  <a:close/>
                </a:path>
                <a:path w="8557260" h="1420495">
                  <a:moveTo>
                    <a:pt x="8430767" y="42672"/>
                  </a:moveTo>
                  <a:lnTo>
                    <a:pt x="8388096" y="42672"/>
                  </a:lnTo>
                  <a:lnTo>
                    <a:pt x="8388096" y="0"/>
                  </a:lnTo>
                  <a:lnTo>
                    <a:pt x="8430767" y="0"/>
                  </a:lnTo>
                  <a:lnTo>
                    <a:pt x="8430767" y="42672"/>
                  </a:lnTo>
                  <a:close/>
                </a:path>
                <a:path w="8557260" h="1420495">
                  <a:moveTo>
                    <a:pt x="8514588" y="42672"/>
                  </a:moveTo>
                  <a:lnTo>
                    <a:pt x="8471916" y="42672"/>
                  </a:lnTo>
                  <a:lnTo>
                    <a:pt x="8471916" y="0"/>
                  </a:lnTo>
                  <a:lnTo>
                    <a:pt x="8514588" y="0"/>
                  </a:lnTo>
                  <a:lnTo>
                    <a:pt x="8514588" y="42672"/>
                  </a:lnTo>
                  <a:close/>
                </a:path>
                <a:path w="8557260" h="1420495">
                  <a:moveTo>
                    <a:pt x="8557260" y="83820"/>
                  </a:moveTo>
                  <a:lnTo>
                    <a:pt x="8516112" y="83820"/>
                  </a:lnTo>
                  <a:lnTo>
                    <a:pt x="8516112" y="41148"/>
                  </a:lnTo>
                  <a:lnTo>
                    <a:pt x="8557260" y="41148"/>
                  </a:lnTo>
                  <a:lnTo>
                    <a:pt x="8557260" y="83820"/>
                  </a:lnTo>
                  <a:close/>
                </a:path>
                <a:path w="8557260" h="1420495">
                  <a:moveTo>
                    <a:pt x="8557260" y="167640"/>
                  </a:moveTo>
                  <a:lnTo>
                    <a:pt x="8516112" y="167640"/>
                  </a:lnTo>
                  <a:lnTo>
                    <a:pt x="8516112" y="124967"/>
                  </a:lnTo>
                  <a:lnTo>
                    <a:pt x="8557260" y="124967"/>
                  </a:lnTo>
                  <a:lnTo>
                    <a:pt x="8557260" y="167640"/>
                  </a:lnTo>
                  <a:close/>
                </a:path>
                <a:path w="8557260" h="1420495">
                  <a:moveTo>
                    <a:pt x="8557260" y="251459"/>
                  </a:moveTo>
                  <a:lnTo>
                    <a:pt x="8516112" y="251459"/>
                  </a:lnTo>
                  <a:lnTo>
                    <a:pt x="8516112" y="208788"/>
                  </a:lnTo>
                  <a:lnTo>
                    <a:pt x="8557260" y="208788"/>
                  </a:lnTo>
                  <a:lnTo>
                    <a:pt x="8557260" y="251459"/>
                  </a:lnTo>
                  <a:close/>
                </a:path>
                <a:path w="8557260" h="1420495">
                  <a:moveTo>
                    <a:pt x="8557260" y="335280"/>
                  </a:moveTo>
                  <a:lnTo>
                    <a:pt x="8516112" y="335280"/>
                  </a:lnTo>
                  <a:lnTo>
                    <a:pt x="8516112" y="292608"/>
                  </a:lnTo>
                  <a:lnTo>
                    <a:pt x="8557260" y="292608"/>
                  </a:lnTo>
                  <a:lnTo>
                    <a:pt x="8557260" y="335280"/>
                  </a:lnTo>
                  <a:close/>
                </a:path>
                <a:path w="8557260" h="1420495">
                  <a:moveTo>
                    <a:pt x="8557260" y="419100"/>
                  </a:moveTo>
                  <a:lnTo>
                    <a:pt x="8516112" y="419100"/>
                  </a:lnTo>
                  <a:lnTo>
                    <a:pt x="8516112" y="377951"/>
                  </a:lnTo>
                  <a:lnTo>
                    <a:pt x="8557260" y="377951"/>
                  </a:lnTo>
                  <a:lnTo>
                    <a:pt x="8557260" y="419100"/>
                  </a:lnTo>
                  <a:close/>
                </a:path>
                <a:path w="8557260" h="1420495">
                  <a:moveTo>
                    <a:pt x="8557260" y="502920"/>
                  </a:moveTo>
                  <a:lnTo>
                    <a:pt x="8516112" y="502920"/>
                  </a:lnTo>
                  <a:lnTo>
                    <a:pt x="8516112" y="461772"/>
                  </a:lnTo>
                  <a:lnTo>
                    <a:pt x="8557260" y="461772"/>
                  </a:lnTo>
                  <a:lnTo>
                    <a:pt x="8557260" y="502920"/>
                  </a:lnTo>
                  <a:close/>
                </a:path>
                <a:path w="8557260" h="1420495">
                  <a:moveTo>
                    <a:pt x="8557260" y="586740"/>
                  </a:moveTo>
                  <a:lnTo>
                    <a:pt x="8516112" y="586740"/>
                  </a:lnTo>
                  <a:lnTo>
                    <a:pt x="8516112" y="545592"/>
                  </a:lnTo>
                  <a:lnTo>
                    <a:pt x="8557260" y="545592"/>
                  </a:lnTo>
                  <a:lnTo>
                    <a:pt x="8557260" y="586740"/>
                  </a:lnTo>
                  <a:close/>
                </a:path>
                <a:path w="8557260" h="1420495">
                  <a:moveTo>
                    <a:pt x="8557260" y="672084"/>
                  </a:moveTo>
                  <a:lnTo>
                    <a:pt x="8516112" y="672084"/>
                  </a:lnTo>
                  <a:lnTo>
                    <a:pt x="8516112" y="629412"/>
                  </a:lnTo>
                  <a:lnTo>
                    <a:pt x="8557260" y="629412"/>
                  </a:lnTo>
                  <a:lnTo>
                    <a:pt x="8557260" y="672084"/>
                  </a:lnTo>
                  <a:close/>
                </a:path>
                <a:path w="8557260" h="1420495">
                  <a:moveTo>
                    <a:pt x="8557260" y="755904"/>
                  </a:moveTo>
                  <a:lnTo>
                    <a:pt x="8516112" y="755904"/>
                  </a:lnTo>
                  <a:lnTo>
                    <a:pt x="8516112" y="713232"/>
                  </a:lnTo>
                  <a:lnTo>
                    <a:pt x="8557260" y="713232"/>
                  </a:lnTo>
                  <a:lnTo>
                    <a:pt x="8557260" y="755904"/>
                  </a:lnTo>
                  <a:close/>
                </a:path>
                <a:path w="8557260" h="1420495">
                  <a:moveTo>
                    <a:pt x="8557260" y="839724"/>
                  </a:moveTo>
                  <a:lnTo>
                    <a:pt x="8516112" y="839724"/>
                  </a:lnTo>
                  <a:lnTo>
                    <a:pt x="8516112" y="797051"/>
                  </a:lnTo>
                  <a:lnTo>
                    <a:pt x="8557260" y="797051"/>
                  </a:lnTo>
                  <a:lnTo>
                    <a:pt x="8557260" y="839724"/>
                  </a:lnTo>
                  <a:close/>
                </a:path>
                <a:path w="8557260" h="1420495">
                  <a:moveTo>
                    <a:pt x="8557260" y="923543"/>
                  </a:moveTo>
                  <a:lnTo>
                    <a:pt x="8516112" y="923543"/>
                  </a:lnTo>
                  <a:lnTo>
                    <a:pt x="8516112" y="880872"/>
                  </a:lnTo>
                  <a:lnTo>
                    <a:pt x="8557260" y="880872"/>
                  </a:lnTo>
                  <a:lnTo>
                    <a:pt x="8557260" y="923543"/>
                  </a:lnTo>
                  <a:close/>
                </a:path>
                <a:path w="8557260" h="1420495">
                  <a:moveTo>
                    <a:pt x="8557260" y="1007364"/>
                  </a:moveTo>
                  <a:lnTo>
                    <a:pt x="8516112" y="1007364"/>
                  </a:lnTo>
                  <a:lnTo>
                    <a:pt x="8516112" y="964692"/>
                  </a:lnTo>
                  <a:lnTo>
                    <a:pt x="8557260" y="964692"/>
                  </a:lnTo>
                  <a:lnTo>
                    <a:pt x="8557260" y="1007364"/>
                  </a:lnTo>
                  <a:close/>
                </a:path>
                <a:path w="8557260" h="1420495">
                  <a:moveTo>
                    <a:pt x="8557260" y="1091184"/>
                  </a:moveTo>
                  <a:lnTo>
                    <a:pt x="8516112" y="1091184"/>
                  </a:lnTo>
                  <a:lnTo>
                    <a:pt x="8516112" y="1050035"/>
                  </a:lnTo>
                  <a:lnTo>
                    <a:pt x="8557260" y="1050035"/>
                  </a:lnTo>
                  <a:lnTo>
                    <a:pt x="8557260" y="1091184"/>
                  </a:lnTo>
                  <a:close/>
                </a:path>
                <a:path w="8557260" h="1420495">
                  <a:moveTo>
                    <a:pt x="8557260" y="1175004"/>
                  </a:moveTo>
                  <a:lnTo>
                    <a:pt x="8516112" y="1175004"/>
                  </a:lnTo>
                  <a:lnTo>
                    <a:pt x="8516112" y="1133856"/>
                  </a:lnTo>
                  <a:lnTo>
                    <a:pt x="8557260" y="1133856"/>
                  </a:lnTo>
                  <a:lnTo>
                    <a:pt x="8557260" y="1175004"/>
                  </a:lnTo>
                  <a:close/>
                </a:path>
                <a:path w="8557260" h="1420495">
                  <a:moveTo>
                    <a:pt x="8557260" y="1258824"/>
                  </a:moveTo>
                  <a:lnTo>
                    <a:pt x="8516112" y="1258824"/>
                  </a:lnTo>
                  <a:lnTo>
                    <a:pt x="8516112" y="1217675"/>
                  </a:lnTo>
                  <a:lnTo>
                    <a:pt x="8557260" y="1217675"/>
                  </a:lnTo>
                  <a:lnTo>
                    <a:pt x="8557260" y="1258824"/>
                  </a:lnTo>
                  <a:close/>
                </a:path>
                <a:path w="8557260" h="1420495">
                  <a:moveTo>
                    <a:pt x="8557260" y="1344167"/>
                  </a:moveTo>
                  <a:lnTo>
                    <a:pt x="8516112" y="1344167"/>
                  </a:lnTo>
                  <a:lnTo>
                    <a:pt x="8516112" y="1301496"/>
                  </a:lnTo>
                  <a:lnTo>
                    <a:pt x="8557260" y="1301496"/>
                  </a:lnTo>
                  <a:lnTo>
                    <a:pt x="8557260" y="1344167"/>
                  </a:lnTo>
                  <a:close/>
                </a:path>
                <a:path w="8557260" h="1420495">
                  <a:moveTo>
                    <a:pt x="8535924" y="1420367"/>
                  </a:moveTo>
                  <a:lnTo>
                    <a:pt x="8508492" y="1420367"/>
                  </a:lnTo>
                  <a:lnTo>
                    <a:pt x="8508492" y="1377696"/>
                  </a:lnTo>
                  <a:lnTo>
                    <a:pt x="8535924" y="1377696"/>
                  </a:lnTo>
                  <a:lnTo>
                    <a:pt x="8528848" y="1385316"/>
                  </a:lnTo>
                  <a:lnTo>
                    <a:pt x="8516112" y="1385316"/>
                  </a:lnTo>
                  <a:lnTo>
                    <a:pt x="8516112" y="1399032"/>
                  </a:lnTo>
                  <a:lnTo>
                    <a:pt x="8557260" y="1399032"/>
                  </a:lnTo>
                  <a:lnTo>
                    <a:pt x="8555640" y="1407509"/>
                  </a:lnTo>
                  <a:lnTo>
                    <a:pt x="8551164" y="1414272"/>
                  </a:lnTo>
                  <a:lnTo>
                    <a:pt x="8544401" y="1418748"/>
                  </a:lnTo>
                  <a:lnTo>
                    <a:pt x="8535924" y="1420367"/>
                  </a:lnTo>
                  <a:close/>
                </a:path>
                <a:path w="8557260" h="1420495">
                  <a:moveTo>
                    <a:pt x="8516112" y="1399032"/>
                  </a:moveTo>
                  <a:lnTo>
                    <a:pt x="8516112" y="1385316"/>
                  </a:lnTo>
                  <a:lnTo>
                    <a:pt x="8528848" y="1385316"/>
                  </a:lnTo>
                  <a:lnTo>
                    <a:pt x="8516112" y="1399032"/>
                  </a:lnTo>
                  <a:close/>
                </a:path>
                <a:path w="8557260" h="1420495">
                  <a:moveTo>
                    <a:pt x="8557260" y="1399032"/>
                  </a:moveTo>
                  <a:lnTo>
                    <a:pt x="8516112" y="1399032"/>
                  </a:lnTo>
                  <a:lnTo>
                    <a:pt x="8528848" y="1385316"/>
                  </a:lnTo>
                  <a:lnTo>
                    <a:pt x="8557260" y="1385316"/>
                  </a:lnTo>
                  <a:lnTo>
                    <a:pt x="8557260" y="1399032"/>
                  </a:lnTo>
                  <a:close/>
                </a:path>
                <a:path w="8557260" h="1420495">
                  <a:moveTo>
                    <a:pt x="8465820" y="1420367"/>
                  </a:moveTo>
                  <a:lnTo>
                    <a:pt x="8424672" y="1420367"/>
                  </a:lnTo>
                  <a:lnTo>
                    <a:pt x="8424672" y="1377696"/>
                  </a:lnTo>
                  <a:lnTo>
                    <a:pt x="8465820" y="1377696"/>
                  </a:lnTo>
                  <a:lnTo>
                    <a:pt x="8465820" y="1420367"/>
                  </a:lnTo>
                  <a:close/>
                </a:path>
                <a:path w="8557260" h="1420495">
                  <a:moveTo>
                    <a:pt x="8382000" y="1420367"/>
                  </a:moveTo>
                  <a:lnTo>
                    <a:pt x="8340851" y="1420367"/>
                  </a:lnTo>
                  <a:lnTo>
                    <a:pt x="8340851" y="1377696"/>
                  </a:lnTo>
                  <a:lnTo>
                    <a:pt x="8382000" y="1377696"/>
                  </a:lnTo>
                  <a:lnTo>
                    <a:pt x="8382000" y="1420367"/>
                  </a:lnTo>
                  <a:close/>
                </a:path>
                <a:path w="8557260" h="1420495">
                  <a:moveTo>
                    <a:pt x="8298180" y="1420367"/>
                  </a:moveTo>
                  <a:lnTo>
                    <a:pt x="8255508" y="1420367"/>
                  </a:lnTo>
                  <a:lnTo>
                    <a:pt x="8255508" y="1377696"/>
                  </a:lnTo>
                  <a:lnTo>
                    <a:pt x="8298180" y="1377696"/>
                  </a:lnTo>
                  <a:lnTo>
                    <a:pt x="8298180" y="1420367"/>
                  </a:lnTo>
                  <a:close/>
                </a:path>
                <a:path w="8557260" h="1420495">
                  <a:moveTo>
                    <a:pt x="8214360" y="1420367"/>
                  </a:moveTo>
                  <a:lnTo>
                    <a:pt x="8171688" y="1420367"/>
                  </a:lnTo>
                  <a:lnTo>
                    <a:pt x="8171688" y="1377696"/>
                  </a:lnTo>
                  <a:lnTo>
                    <a:pt x="8214360" y="1377696"/>
                  </a:lnTo>
                  <a:lnTo>
                    <a:pt x="8214360" y="1420367"/>
                  </a:lnTo>
                  <a:close/>
                </a:path>
                <a:path w="8557260" h="1420495">
                  <a:moveTo>
                    <a:pt x="8130540" y="1420367"/>
                  </a:moveTo>
                  <a:lnTo>
                    <a:pt x="8087867" y="1420367"/>
                  </a:lnTo>
                  <a:lnTo>
                    <a:pt x="8087867" y="1377696"/>
                  </a:lnTo>
                  <a:lnTo>
                    <a:pt x="8130540" y="1377696"/>
                  </a:lnTo>
                  <a:lnTo>
                    <a:pt x="8130540" y="1420367"/>
                  </a:lnTo>
                  <a:close/>
                </a:path>
                <a:path w="8557260" h="1420495">
                  <a:moveTo>
                    <a:pt x="8046720" y="1420367"/>
                  </a:moveTo>
                  <a:lnTo>
                    <a:pt x="8004048" y="1420367"/>
                  </a:lnTo>
                  <a:lnTo>
                    <a:pt x="8004048" y="1377696"/>
                  </a:lnTo>
                  <a:lnTo>
                    <a:pt x="8046720" y="1377696"/>
                  </a:lnTo>
                  <a:lnTo>
                    <a:pt x="8046720" y="1420367"/>
                  </a:lnTo>
                  <a:close/>
                </a:path>
                <a:path w="8557260" h="1420495">
                  <a:moveTo>
                    <a:pt x="7961376" y="1420367"/>
                  </a:moveTo>
                  <a:lnTo>
                    <a:pt x="7920228" y="1420367"/>
                  </a:lnTo>
                  <a:lnTo>
                    <a:pt x="7920228" y="1377696"/>
                  </a:lnTo>
                  <a:lnTo>
                    <a:pt x="7961376" y="1377696"/>
                  </a:lnTo>
                  <a:lnTo>
                    <a:pt x="7961376" y="1420367"/>
                  </a:lnTo>
                  <a:close/>
                </a:path>
                <a:path w="8557260" h="1420495">
                  <a:moveTo>
                    <a:pt x="7877556" y="1420367"/>
                  </a:moveTo>
                  <a:lnTo>
                    <a:pt x="7836408" y="1420367"/>
                  </a:lnTo>
                  <a:lnTo>
                    <a:pt x="7836408" y="1377696"/>
                  </a:lnTo>
                  <a:lnTo>
                    <a:pt x="7877556" y="1377696"/>
                  </a:lnTo>
                  <a:lnTo>
                    <a:pt x="7877556" y="1420367"/>
                  </a:lnTo>
                  <a:close/>
                </a:path>
                <a:path w="8557260" h="1420495">
                  <a:moveTo>
                    <a:pt x="7793736" y="1420367"/>
                  </a:moveTo>
                  <a:lnTo>
                    <a:pt x="7752588" y="1420367"/>
                  </a:lnTo>
                  <a:lnTo>
                    <a:pt x="7752588" y="1377696"/>
                  </a:lnTo>
                  <a:lnTo>
                    <a:pt x="7793736" y="1377696"/>
                  </a:lnTo>
                  <a:lnTo>
                    <a:pt x="7793736" y="1420367"/>
                  </a:lnTo>
                  <a:close/>
                </a:path>
                <a:path w="8557260" h="1420495">
                  <a:moveTo>
                    <a:pt x="7709916" y="1420367"/>
                  </a:moveTo>
                  <a:lnTo>
                    <a:pt x="7668767" y="1420367"/>
                  </a:lnTo>
                  <a:lnTo>
                    <a:pt x="7668767" y="1377696"/>
                  </a:lnTo>
                  <a:lnTo>
                    <a:pt x="7709916" y="1377696"/>
                  </a:lnTo>
                  <a:lnTo>
                    <a:pt x="7709916" y="1420367"/>
                  </a:lnTo>
                  <a:close/>
                </a:path>
                <a:path w="8557260" h="1420495">
                  <a:moveTo>
                    <a:pt x="7626096" y="1420367"/>
                  </a:moveTo>
                  <a:lnTo>
                    <a:pt x="7583424" y="1420367"/>
                  </a:lnTo>
                  <a:lnTo>
                    <a:pt x="7583424" y="1377696"/>
                  </a:lnTo>
                  <a:lnTo>
                    <a:pt x="7626096" y="1377696"/>
                  </a:lnTo>
                  <a:lnTo>
                    <a:pt x="7626096" y="1420367"/>
                  </a:lnTo>
                  <a:close/>
                </a:path>
                <a:path w="8557260" h="1420495">
                  <a:moveTo>
                    <a:pt x="7542276" y="1420367"/>
                  </a:moveTo>
                  <a:lnTo>
                    <a:pt x="7499604" y="1420367"/>
                  </a:lnTo>
                  <a:lnTo>
                    <a:pt x="7499604" y="1377696"/>
                  </a:lnTo>
                  <a:lnTo>
                    <a:pt x="7542276" y="1377696"/>
                  </a:lnTo>
                  <a:lnTo>
                    <a:pt x="7542276" y="1420367"/>
                  </a:lnTo>
                  <a:close/>
                </a:path>
                <a:path w="8557260" h="1420495">
                  <a:moveTo>
                    <a:pt x="7458456" y="1420367"/>
                  </a:moveTo>
                  <a:lnTo>
                    <a:pt x="7415783" y="1420367"/>
                  </a:lnTo>
                  <a:lnTo>
                    <a:pt x="7415783" y="1377696"/>
                  </a:lnTo>
                  <a:lnTo>
                    <a:pt x="7458456" y="1377696"/>
                  </a:lnTo>
                  <a:lnTo>
                    <a:pt x="7458456" y="1420367"/>
                  </a:lnTo>
                  <a:close/>
                </a:path>
                <a:path w="8557260" h="1420495">
                  <a:moveTo>
                    <a:pt x="7374636" y="1420367"/>
                  </a:moveTo>
                  <a:lnTo>
                    <a:pt x="7331964" y="1420367"/>
                  </a:lnTo>
                  <a:lnTo>
                    <a:pt x="7331964" y="1377696"/>
                  </a:lnTo>
                  <a:lnTo>
                    <a:pt x="7374636" y="1377696"/>
                  </a:lnTo>
                  <a:lnTo>
                    <a:pt x="7374636" y="1420367"/>
                  </a:lnTo>
                  <a:close/>
                </a:path>
                <a:path w="8557260" h="1420495">
                  <a:moveTo>
                    <a:pt x="7289292" y="1420367"/>
                  </a:moveTo>
                  <a:lnTo>
                    <a:pt x="7248144" y="1420367"/>
                  </a:lnTo>
                  <a:lnTo>
                    <a:pt x="7248144" y="1377696"/>
                  </a:lnTo>
                  <a:lnTo>
                    <a:pt x="7289292" y="1377696"/>
                  </a:lnTo>
                  <a:lnTo>
                    <a:pt x="7289292" y="1420367"/>
                  </a:lnTo>
                  <a:close/>
                </a:path>
                <a:path w="8557260" h="1420495">
                  <a:moveTo>
                    <a:pt x="7205472" y="1420367"/>
                  </a:moveTo>
                  <a:lnTo>
                    <a:pt x="7164324" y="1420367"/>
                  </a:lnTo>
                  <a:lnTo>
                    <a:pt x="7164324" y="1377696"/>
                  </a:lnTo>
                  <a:lnTo>
                    <a:pt x="7205472" y="1377696"/>
                  </a:lnTo>
                  <a:lnTo>
                    <a:pt x="7205472" y="1420367"/>
                  </a:lnTo>
                  <a:close/>
                </a:path>
                <a:path w="8557260" h="1420495">
                  <a:moveTo>
                    <a:pt x="7121651" y="1420367"/>
                  </a:moveTo>
                  <a:lnTo>
                    <a:pt x="7080504" y="1420367"/>
                  </a:lnTo>
                  <a:lnTo>
                    <a:pt x="7080504" y="1377696"/>
                  </a:lnTo>
                  <a:lnTo>
                    <a:pt x="7121651" y="1377696"/>
                  </a:lnTo>
                  <a:lnTo>
                    <a:pt x="7121651" y="1420367"/>
                  </a:lnTo>
                  <a:close/>
                </a:path>
                <a:path w="8557260" h="1420495">
                  <a:moveTo>
                    <a:pt x="7037832" y="1420367"/>
                  </a:moveTo>
                  <a:lnTo>
                    <a:pt x="6996683" y="1420367"/>
                  </a:lnTo>
                  <a:lnTo>
                    <a:pt x="6996683" y="1377696"/>
                  </a:lnTo>
                  <a:lnTo>
                    <a:pt x="7037832" y="1377696"/>
                  </a:lnTo>
                  <a:lnTo>
                    <a:pt x="7037832" y="1420367"/>
                  </a:lnTo>
                  <a:close/>
                </a:path>
                <a:path w="8557260" h="1420495">
                  <a:moveTo>
                    <a:pt x="6954012" y="1420367"/>
                  </a:moveTo>
                  <a:lnTo>
                    <a:pt x="6911340" y="1420367"/>
                  </a:lnTo>
                  <a:lnTo>
                    <a:pt x="6911340" y="1377696"/>
                  </a:lnTo>
                  <a:lnTo>
                    <a:pt x="6954012" y="1377696"/>
                  </a:lnTo>
                  <a:lnTo>
                    <a:pt x="6954012" y="1420367"/>
                  </a:lnTo>
                  <a:close/>
                </a:path>
                <a:path w="8557260" h="1420495">
                  <a:moveTo>
                    <a:pt x="6870192" y="1420367"/>
                  </a:moveTo>
                  <a:lnTo>
                    <a:pt x="6827520" y="1420367"/>
                  </a:lnTo>
                  <a:lnTo>
                    <a:pt x="6827520" y="1377696"/>
                  </a:lnTo>
                  <a:lnTo>
                    <a:pt x="6870192" y="1377696"/>
                  </a:lnTo>
                  <a:lnTo>
                    <a:pt x="6870192" y="1420367"/>
                  </a:lnTo>
                  <a:close/>
                </a:path>
                <a:path w="8557260" h="1420495">
                  <a:moveTo>
                    <a:pt x="6786372" y="1420367"/>
                  </a:moveTo>
                  <a:lnTo>
                    <a:pt x="6743699" y="1420367"/>
                  </a:lnTo>
                  <a:lnTo>
                    <a:pt x="6743699" y="1377696"/>
                  </a:lnTo>
                  <a:lnTo>
                    <a:pt x="6786372" y="1377696"/>
                  </a:lnTo>
                  <a:lnTo>
                    <a:pt x="6786372" y="1420367"/>
                  </a:lnTo>
                  <a:close/>
                </a:path>
                <a:path w="8557260" h="1420495">
                  <a:moveTo>
                    <a:pt x="6702551" y="1420367"/>
                  </a:moveTo>
                  <a:lnTo>
                    <a:pt x="6659880" y="1420367"/>
                  </a:lnTo>
                  <a:lnTo>
                    <a:pt x="6659880" y="1377696"/>
                  </a:lnTo>
                  <a:lnTo>
                    <a:pt x="6702551" y="1377696"/>
                  </a:lnTo>
                  <a:lnTo>
                    <a:pt x="6702551" y="1420367"/>
                  </a:lnTo>
                  <a:close/>
                </a:path>
                <a:path w="8557260" h="1420495">
                  <a:moveTo>
                    <a:pt x="6617208" y="1420367"/>
                  </a:moveTo>
                  <a:lnTo>
                    <a:pt x="6576060" y="1420367"/>
                  </a:lnTo>
                  <a:lnTo>
                    <a:pt x="6576060" y="1377696"/>
                  </a:lnTo>
                  <a:lnTo>
                    <a:pt x="6617208" y="1377696"/>
                  </a:lnTo>
                  <a:lnTo>
                    <a:pt x="6617208" y="1420367"/>
                  </a:lnTo>
                  <a:close/>
                </a:path>
                <a:path w="8557260" h="1420495">
                  <a:moveTo>
                    <a:pt x="6533388" y="1420367"/>
                  </a:moveTo>
                  <a:lnTo>
                    <a:pt x="6492240" y="1420367"/>
                  </a:lnTo>
                  <a:lnTo>
                    <a:pt x="6492240" y="1377696"/>
                  </a:lnTo>
                  <a:lnTo>
                    <a:pt x="6533388" y="1377696"/>
                  </a:lnTo>
                  <a:lnTo>
                    <a:pt x="6533388" y="1420367"/>
                  </a:lnTo>
                  <a:close/>
                </a:path>
                <a:path w="8557260" h="1420495">
                  <a:moveTo>
                    <a:pt x="6449567" y="1420367"/>
                  </a:moveTo>
                  <a:lnTo>
                    <a:pt x="6408420" y="1420367"/>
                  </a:lnTo>
                  <a:lnTo>
                    <a:pt x="6408420" y="1377696"/>
                  </a:lnTo>
                  <a:lnTo>
                    <a:pt x="6449567" y="1377696"/>
                  </a:lnTo>
                  <a:lnTo>
                    <a:pt x="6449567" y="1420367"/>
                  </a:lnTo>
                  <a:close/>
                </a:path>
                <a:path w="8557260" h="1420495">
                  <a:moveTo>
                    <a:pt x="6365748" y="1420367"/>
                  </a:moveTo>
                  <a:lnTo>
                    <a:pt x="6324599" y="1420367"/>
                  </a:lnTo>
                  <a:lnTo>
                    <a:pt x="6324599" y="1377696"/>
                  </a:lnTo>
                  <a:lnTo>
                    <a:pt x="6365748" y="1377696"/>
                  </a:lnTo>
                  <a:lnTo>
                    <a:pt x="6365748" y="1420367"/>
                  </a:lnTo>
                  <a:close/>
                </a:path>
                <a:path w="8557260" h="1420495">
                  <a:moveTo>
                    <a:pt x="6281928" y="1420367"/>
                  </a:moveTo>
                  <a:lnTo>
                    <a:pt x="6239256" y="1420367"/>
                  </a:lnTo>
                  <a:lnTo>
                    <a:pt x="6239256" y="1377696"/>
                  </a:lnTo>
                  <a:lnTo>
                    <a:pt x="6281928" y="1377696"/>
                  </a:lnTo>
                  <a:lnTo>
                    <a:pt x="6281928" y="1420367"/>
                  </a:lnTo>
                  <a:close/>
                </a:path>
                <a:path w="8557260" h="1420495">
                  <a:moveTo>
                    <a:pt x="6198108" y="1420367"/>
                  </a:moveTo>
                  <a:lnTo>
                    <a:pt x="6155436" y="1420367"/>
                  </a:lnTo>
                  <a:lnTo>
                    <a:pt x="6155436" y="1377696"/>
                  </a:lnTo>
                  <a:lnTo>
                    <a:pt x="6198108" y="1377696"/>
                  </a:lnTo>
                  <a:lnTo>
                    <a:pt x="6198108" y="1420367"/>
                  </a:lnTo>
                  <a:close/>
                </a:path>
                <a:path w="8557260" h="1420495">
                  <a:moveTo>
                    <a:pt x="6114288" y="1420367"/>
                  </a:moveTo>
                  <a:lnTo>
                    <a:pt x="6071615" y="1420367"/>
                  </a:lnTo>
                  <a:lnTo>
                    <a:pt x="6071615" y="1377696"/>
                  </a:lnTo>
                  <a:lnTo>
                    <a:pt x="6114288" y="1377696"/>
                  </a:lnTo>
                  <a:lnTo>
                    <a:pt x="6114288" y="1420367"/>
                  </a:lnTo>
                  <a:close/>
                </a:path>
                <a:path w="8557260" h="1420495">
                  <a:moveTo>
                    <a:pt x="6030467" y="1420367"/>
                  </a:moveTo>
                  <a:lnTo>
                    <a:pt x="5987796" y="1420367"/>
                  </a:lnTo>
                  <a:lnTo>
                    <a:pt x="5987796" y="1377696"/>
                  </a:lnTo>
                  <a:lnTo>
                    <a:pt x="6030467" y="1377696"/>
                  </a:lnTo>
                  <a:lnTo>
                    <a:pt x="6030467" y="1420367"/>
                  </a:lnTo>
                  <a:close/>
                </a:path>
                <a:path w="8557260" h="1420495">
                  <a:moveTo>
                    <a:pt x="5945124" y="1420367"/>
                  </a:moveTo>
                  <a:lnTo>
                    <a:pt x="5903976" y="1420367"/>
                  </a:lnTo>
                  <a:lnTo>
                    <a:pt x="5903976" y="1377696"/>
                  </a:lnTo>
                  <a:lnTo>
                    <a:pt x="5945124" y="1377696"/>
                  </a:lnTo>
                  <a:lnTo>
                    <a:pt x="5945124" y="1420367"/>
                  </a:lnTo>
                  <a:close/>
                </a:path>
                <a:path w="8557260" h="1420495">
                  <a:moveTo>
                    <a:pt x="5861304" y="1420367"/>
                  </a:moveTo>
                  <a:lnTo>
                    <a:pt x="5820156" y="1420367"/>
                  </a:lnTo>
                  <a:lnTo>
                    <a:pt x="5820156" y="1377696"/>
                  </a:lnTo>
                  <a:lnTo>
                    <a:pt x="5861304" y="1377696"/>
                  </a:lnTo>
                  <a:lnTo>
                    <a:pt x="5861304" y="1420367"/>
                  </a:lnTo>
                  <a:close/>
                </a:path>
                <a:path w="8557260" h="1420495">
                  <a:moveTo>
                    <a:pt x="5777483" y="1420367"/>
                  </a:moveTo>
                  <a:lnTo>
                    <a:pt x="5736336" y="1420367"/>
                  </a:lnTo>
                  <a:lnTo>
                    <a:pt x="5736336" y="1377696"/>
                  </a:lnTo>
                  <a:lnTo>
                    <a:pt x="5777483" y="1377696"/>
                  </a:lnTo>
                  <a:lnTo>
                    <a:pt x="5777483" y="1420367"/>
                  </a:lnTo>
                  <a:close/>
                </a:path>
                <a:path w="8557260" h="1420495">
                  <a:moveTo>
                    <a:pt x="5693664" y="1420367"/>
                  </a:moveTo>
                  <a:lnTo>
                    <a:pt x="5650992" y="1420367"/>
                  </a:lnTo>
                  <a:lnTo>
                    <a:pt x="5650992" y="1377696"/>
                  </a:lnTo>
                  <a:lnTo>
                    <a:pt x="5693664" y="1377696"/>
                  </a:lnTo>
                  <a:lnTo>
                    <a:pt x="5693664" y="1420367"/>
                  </a:lnTo>
                  <a:close/>
                </a:path>
                <a:path w="8557260" h="1420495">
                  <a:moveTo>
                    <a:pt x="5609844" y="1420367"/>
                  </a:moveTo>
                  <a:lnTo>
                    <a:pt x="5567172" y="1420367"/>
                  </a:lnTo>
                  <a:lnTo>
                    <a:pt x="5567172" y="1377696"/>
                  </a:lnTo>
                  <a:lnTo>
                    <a:pt x="5609844" y="1377696"/>
                  </a:lnTo>
                  <a:lnTo>
                    <a:pt x="5609844" y="1420367"/>
                  </a:lnTo>
                  <a:close/>
                </a:path>
                <a:path w="8557260" h="1420495">
                  <a:moveTo>
                    <a:pt x="5526024" y="1420367"/>
                  </a:moveTo>
                  <a:lnTo>
                    <a:pt x="5483351" y="1420367"/>
                  </a:lnTo>
                  <a:lnTo>
                    <a:pt x="5483351" y="1377696"/>
                  </a:lnTo>
                  <a:lnTo>
                    <a:pt x="5526024" y="1377696"/>
                  </a:lnTo>
                  <a:lnTo>
                    <a:pt x="5526024" y="1420367"/>
                  </a:lnTo>
                  <a:close/>
                </a:path>
                <a:path w="8557260" h="1420495">
                  <a:moveTo>
                    <a:pt x="5442204" y="1420367"/>
                  </a:moveTo>
                  <a:lnTo>
                    <a:pt x="5399531" y="1420367"/>
                  </a:lnTo>
                  <a:lnTo>
                    <a:pt x="5399531" y="1377696"/>
                  </a:lnTo>
                  <a:lnTo>
                    <a:pt x="5442204" y="1377696"/>
                  </a:lnTo>
                  <a:lnTo>
                    <a:pt x="5442204" y="1420367"/>
                  </a:lnTo>
                  <a:close/>
                </a:path>
                <a:path w="8557260" h="1420495">
                  <a:moveTo>
                    <a:pt x="5358383" y="1420367"/>
                  </a:moveTo>
                  <a:lnTo>
                    <a:pt x="5315712" y="1420367"/>
                  </a:lnTo>
                  <a:lnTo>
                    <a:pt x="5315712" y="1377696"/>
                  </a:lnTo>
                  <a:lnTo>
                    <a:pt x="5358383" y="1377696"/>
                  </a:lnTo>
                  <a:lnTo>
                    <a:pt x="5358383" y="1420367"/>
                  </a:lnTo>
                  <a:close/>
                </a:path>
                <a:path w="8557260" h="1420495">
                  <a:moveTo>
                    <a:pt x="5273040" y="1420367"/>
                  </a:moveTo>
                  <a:lnTo>
                    <a:pt x="5231892" y="1420367"/>
                  </a:lnTo>
                  <a:lnTo>
                    <a:pt x="5231892" y="1377696"/>
                  </a:lnTo>
                  <a:lnTo>
                    <a:pt x="5273040" y="1377696"/>
                  </a:lnTo>
                  <a:lnTo>
                    <a:pt x="5273040" y="1420367"/>
                  </a:lnTo>
                  <a:close/>
                </a:path>
                <a:path w="8557260" h="1420495">
                  <a:moveTo>
                    <a:pt x="5189220" y="1420367"/>
                  </a:moveTo>
                  <a:lnTo>
                    <a:pt x="5148072" y="1420367"/>
                  </a:lnTo>
                  <a:lnTo>
                    <a:pt x="5148072" y="1377696"/>
                  </a:lnTo>
                  <a:lnTo>
                    <a:pt x="5189220" y="1377696"/>
                  </a:lnTo>
                  <a:lnTo>
                    <a:pt x="5189220" y="1420367"/>
                  </a:lnTo>
                  <a:close/>
                </a:path>
                <a:path w="8557260" h="1420495">
                  <a:moveTo>
                    <a:pt x="5105399" y="1420367"/>
                  </a:moveTo>
                  <a:lnTo>
                    <a:pt x="5064251" y="1420367"/>
                  </a:lnTo>
                  <a:lnTo>
                    <a:pt x="5064251" y="1377696"/>
                  </a:lnTo>
                  <a:lnTo>
                    <a:pt x="5105399" y="1377696"/>
                  </a:lnTo>
                  <a:lnTo>
                    <a:pt x="5105399" y="1420367"/>
                  </a:lnTo>
                  <a:close/>
                </a:path>
                <a:path w="8557260" h="1420495">
                  <a:moveTo>
                    <a:pt x="5021580" y="1420367"/>
                  </a:moveTo>
                  <a:lnTo>
                    <a:pt x="4978908" y="1420367"/>
                  </a:lnTo>
                  <a:lnTo>
                    <a:pt x="4978908" y="1377696"/>
                  </a:lnTo>
                  <a:lnTo>
                    <a:pt x="5021580" y="1377696"/>
                  </a:lnTo>
                  <a:lnTo>
                    <a:pt x="5021580" y="1420367"/>
                  </a:lnTo>
                  <a:close/>
                </a:path>
                <a:path w="8557260" h="1420495">
                  <a:moveTo>
                    <a:pt x="4937760" y="1420367"/>
                  </a:moveTo>
                  <a:lnTo>
                    <a:pt x="4895088" y="1420367"/>
                  </a:lnTo>
                  <a:lnTo>
                    <a:pt x="4895088" y="1377696"/>
                  </a:lnTo>
                  <a:lnTo>
                    <a:pt x="4937760" y="1377696"/>
                  </a:lnTo>
                  <a:lnTo>
                    <a:pt x="4937760" y="1420367"/>
                  </a:lnTo>
                  <a:close/>
                </a:path>
                <a:path w="8557260" h="1420495">
                  <a:moveTo>
                    <a:pt x="4853940" y="1420367"/>
                  </a:moveTo>
                  <a:lnTo>
                    <a:pt x="4811267" y="1420367"/>
                  </a:lnTo>
                  <a:lnTo>
                    <a:pt x="4811267" y="1377696"/>
                  </a:lnTo>
                  <a:lnTo>
                    <a:pt x="4853940" y="1377696"/>
                  </a:lnTo>
                  <a:lnTo>
                    <a:pt x="4853940" y="1420367"/>
                  </a:lnTo>
                  <a:close/>
                </a:path>
                <a:path w="8557260" h="1420495">
                  <a:moveTo>
                    <a:pt x="4770120" y="1420367"/>
                  </a:moveTo>
                  <a:lnTo>
                    <a:pt x="4727447" y="1420367"/>
                  </a:lnTo>
                  <a:lnTo>
                    <a:pt x="4727447" y="1377696"/>
                  </a:lnTo>
                  <a:lnTo>
                    <a:pt x="4770120" y="1377696"/>
                  </a:lnTo>
                  <a:lnTo>
                    <a:pt x="4770120" y="1420367"/>
                  </a:lnTo>
                  <a:close/>
                </a:path>
                <a:path w="8557260" h="1420495">
                  <a:moveTo>
                    <a:pt x="4686299" y="1420367"/>
                  </a:moveTo>
                  <a:lnTo>
                    <a:pt x="4643628" y="1420367"/>
                  </a:lnTo>
                  <a:lnTo>
                    <a:pt x="4643628" y="1377696"/>
                  </a:lnTo>
                  <a:lnTo>
                    <a:pt x="4686299" y="1377696"/>
                  </a:lnTo>
                  <a:lnTo>
                    <a:pt x="4686299" y="1420367"/>
                  </a:lnTo>
                  <a:close/>
                </a:path>
                <a:path w="8557260" h="1420495">
                  <a:moveTo>
                    <a:pt x="4600956" y="1420367"/>
                  </a:moveTo>
                  <a:lnTo>
                    <a:pt x="4559808" y="1420367"/>
                  </a:lnTo>
                  <a:lnTo>
                    <a:pt x="4559808" y="1377696"/>
                  </a:lnTo>
                  <a:lnTo>
                    <a:pt x="4600956" y="1377696"/>
                  </a:lnTo>
                  <a:lnTo>
                    <a:pt x="4600956" y="1420367"/>
                  </a:lnTo>
                  <a:close/>
                </a:path>
                <a:path w="8557260" h="1420495">
                  <a:moveTo>
                    <a:pt x="4517136" y="1420367"/>
                  </a:moveTo>
                  <a:lnTo>
                    <a:pt x="4475988" y="1420367"/>
                  </a:lnTo>
                  <a:lnTo>
                    <a:pt x="4475988" y="1377696"/>
                  </a:lnTo>
                  <a:lnTo>
                    <a:pt x="4517136" y="1377696"/>
                  </a:lnTo>
                  <a:lnTo>
                    <a:pt x="4517136" y="1420367"/>
                  </a:lnTo>
                  <a:close/>
                </a:path>
                <a:path w="8557260" h="1420495">
                  <a:moveTo>
                    <a:pt x="4433315" y="1420367"/>
                  </a:moveTo>
                  <a:lnTo>
                    <a:pt x="4392167" y="1420367"/>
                  </a:lnTo>
                  <a:lnTo>
                    <a:pt x="4392167" y="1377696"/>
                  </a:lnTo>
                  <a:lnTo>
                    <a:pt x="4433315" y="1377696"/>
                  </a:lnTo>
                  <a:lnTo>
                    <a:pt x="4433315" y="1420367"/>
                  </a:lnTo>
                  <a:close/>
                </a:path>
                <a:path w="8557260" h="1420495">
                  <a:moveTo>
                    <a:pt x="4349496" y="1420367"/>
                  </a:moveTo>
                  <a:lnTo>
                    <a:pt x="4306824" y="1420367"/>
                  </a:lnTo>
                  <a:lnTo>
                    <a:pt x="4306824" y="1377696"/>
                  </a:lnTo>
                  <a:lnTo>
                    <a:pt x="4349496" y="1377696"/>
                  </a:lnTo>
                  <a:lnTo>
                    <a:pt x="4349496" y="1420367"/>
                  </a:lnTo>
                  <a:close/>
                </a:path>
                <a:path w="8557260" h="1420495">
                  <a:moveTo>
                    <a:pt x="4265676" y="1420367"/>
                  </a:moveTo>
                  <a:lnTo>
                    <a:pt x="4223004" y="1420367"/>
                  </a:lnTo>
                  <a:lnTo>
                    <a:pt x="4223004" y="1377696"/>
                  </a:lnTo>
                  <a:lnTo>
                    <a:pt x="4265676" y="1377696"/>
                  </a:lnTo>
                  <a:lnTo>
                    <a:pt x="4265676" y="1420367"/>
                  </a:lnTo>
                  <a:close/>
                </a:path>
                <a:path w="8557260" h="1420495">
                  <a:moveTo>
                    <a:pt x="4181856" y="1420367"/>
                  </a:moveTo>
                  <a:lnTo>
                    <a:pt x="4139183" y="1420367"/>
                  </a:lnTo>
                  <a:lnTo>
                    <a:pt x="4139183" y="1377696"/>
                  </a:lnTo>
                  <a:lnTo>
                    <a:pt x="4181856" y="1377696"/>
                  </a:lnTo>
                  <a:lnTo>
                    <a:pt x="4181856" y="1420367"/>
                  </a:lnTo>
                  <a:close/>
                </a:path>
                <a:path w="8557260" h="1420495">
                  <a:moveTo>
                    <a:pt x="4098036" y="1420367"/>
                  </a:moveTo>
                  <a:lnTo>
                    <a:pt x="4055363" y="1420367"/>
                  </a:lnTo>
                  <a:lnTo>
                    <a:pt x="4055363" y="1377696"/>
                  </a:lnTo>
                  <a:lnTo>
                    <a:pt x="4098036" y="1377696"/>
                  </a:lnTo>
                  <a:lnTo>
                    <a:pt x="4098036" y="1420367"/>
                  </a:lnTo>
                  <a:close/>
                </a:path>
                <a:path w="8557260" h="1420495">
                  <a:moveTo>
                    <a:pt x="4014215" y="1420367"/>
                  </a:moveTo>
                  <a:lnTo>
                    <a:pt x="3971544" y="1420367"/>
                  </a:lnTo>
                  <a:lnTo>
                    <a:pt x="3971544" y="1377696"/>
                  </a:lnTo>
                  <a:lnTo>
                    <a:pt x="4014215" y="1377696"/>
                  </a:lnTo>
                  <a:lnTo>
                    <a:pt x="4014215" y="1420367"/>
                  </a:lnTo>
                  <a:close/>
                </a:path>
                <a:path w="8557260" h="1420495">
                  <a:moveTo>
                    <a:pt x="3928872" y="1420367"/>
                  </a:moveTo>
                  <a:lnTo>
                    <a:pt x="3887724" y="1420367"/>
                  </a:lnTo>
                  <a:lnTo>
                    <a:pt x="3887724" y="1377696"/>
                  </a:lnTo>
                  <a:lnTo>
                    <a:pt x="3928872" y="1377696"/>
                  </a:lnTo>
                  <a:lnTo>
                    <a:pt x="3928872" y="1420367"/>
                  </a:lnTo>
                  <a:close/>
                </a:path>
                <a:path w="8557260" h="1420495">
                  <a:moveTo>
                    <a:pt x="3845052" y="1420367"/>
                  </a:moveTo>
                  <a:lnTo>
                    <a:pt x="3803904" y="1420367"/>
                  </a:lnTo>
                  <a:lnTo>
                    <a:pt x="3803904" y="1377696"/>
                  </a:lnTo>
                  <a:lnTo>
                    <a:pt x="3845052" y="1377696"/>
                  </a:lnTo>
                  <a:lnTo>
                    <a:pt x="3845052" y="1420367"/>
                  </a:lnTo>
                  <a:close/>
                </a:path>
                <a:path w="8557260" h="1420495">
                  <a:moveTo>
                    <a:pt x="3761232" y="1420367"/>
                  </a:moveTo>
                  <a:lnTo>
                    <a:pt x="3720084" y="1420367"/>
                  </a:lnTo>
                  <a:lnTo>
                    <a:pt x="3720084" y="1377696"/>
                  </a:lnTo>
                  <a:lnTo>
                    <a:pt x="3761232" y="1377696"/>
                  </a:lnTo>
                  <a:lnTo>
                    <a:pt x="3761232" y="1420367"/>
                  </a:lnTo>
                  <a:close/>
                </a:path>
                <a:path w="8557260" h="1420495">
                  <a:moveTo>
                    <a:pt x="3677412" y="1420367"/>
                  </a:moveTo>
                  <a:lnTo>
                    <a:pt x="3634740" y="1420367"/>
                  </a:lnTo>
                  <a:lnTo>
                    <a:pt x="3634740" y="1377696"/>
                  </a:lnTo>
                  <a:lnTo>
                    <a:pt x="3677412" y="1377696"/>
                  </a:lnTo>
                  <a:lnTo>
                    <a:pt x="3677412" y="1420367"/>
                  </a:lnTo>
                  <a:close/>
                </a:path>
                <a:path w="8557260" h="1420495">
                  <a:moveTo>
                    <a:pt x="3593592" y="1420367"/>
                  </a:moveTo>
                  <a:lnTo>
                    <a:pt x="3550920" y="1420367"/>
                  </a:lnTo>
                  <a:lnTo>
                    <a:pt x="3550920" y="1377696"/>
                  </a:lnTo>
                  <a:lnTo>
                    <a:pt x="3593592" y="1377696"/>
                  </a:lnTo>
                  <a:lnTo>
                    <a:pt x="3593592" y="1420367"/>
                  </a:lnTo>
                  <a:close/>
                </a:path>
                <a:path w="8557260" h="1420495">
                  <a:moveTo>
                    <a:pt x="3509771" y="1420367"/>
                  </a:moveTo>
                  <a:lnTo>
                    <a:pt x="3467100" y="1420367"/>
                  </a:lnTo>
                  <a:lnTo>
                    <a:pt x="3467100" y="1377696"/>
                  </a:lnTo>
                  <a:lnTo>
                    <a:pt x="3509771" y="1377696"/>
                  </a:lnTo>
                  <a:lnTo>
                    <a:pt x="3509771" y="1420367"/>
                  </a:lnTo>
                  <a:close/>
                </a:path>
                <a:path w="8557260" h="1420495">
                  <a:moveTo>
                    <a:pt x="3425952" y="1420367"/>
                  </a:moveTo>
                  <a:lnTo>
                    <a:pt x="3383279" y="1420367"/>
                  </a:lnTo>
                  <a:lnTo>
                    <a:pt x="3383279" y="1377696"/>
                  </a:lnTo>
                  <a:lnTo>
                    <a:pt x="3425952" y="1377696"/>
                  </a:lnTo>
                  <a:lnTo>
                    <a:pt x="3425952" y="1420367"/>
                  </a:lnTo>
                  <a:close/>
                </a:path>
                <a:path w="8557260" h="1420495">
                  <a:moveTo>
                    <a:pt x="3340608" y="1420367"/>
                  </a:moveTo>
                  <a:lnTo>
                    <a:pt x="3299460" y="1420367"/>
                  </a:lnTo>
                  <a:lnTo>
                    <a:pt x="3299460" y="1377696"/>
                  </a:lnTo>
                  <a:lnTo>
                    <a:pt x="3340608" y="1377696"/>
                  </a:lnTo>
                  <a:lnTo>
                    <a:pt x="3340608" y="1420367"/>
                  </a:lnTo>
                  <a:close/>
                </a:path>
                <a:path w="8557260" h="1420495">
                  <a:moveTo>
                    <a:pt x="3256788" y="1420367"/>
                  </a:moveTo>
                  <a:lnTo>
                    <a:pt x="3215640" y="1420367"/>
                  </a:lnTo>
                  <a:lnTo>
                    <a:pt x="3215640" y="1377696"/>
                  </a:lnTo>
                  <a:lnTo>
                    <a:pt x="3256788" y="1377696"/>
                  </a:lnTo>
                  <a:lnTo>
                    <a:pt x="3256788" y="1420367"/>
                  </a:lnTo>
                  <a:close/>
                </a:path>
                <a:path w="8557260" h="1420495">
                  <a:moveTo>
                    <a:pt x="3172968" y="1420367"/>
                  </a:moveTo>
                  <a:lnTo>
                    <a:pt x="3131820" y="1420367"/>
                  </a:lnTo>
                  <a:lnTo>
                    <a:pt x="3131820" y="1377696"/>
                  </a:lnTo>
                  <a:lnTo>
                    <a:pt x="3172968" y="1377696"/>
                  </a:lnTo>
                  <a:lnTo>
                    <a:pt x="3172968" y="1420367"/>
                  </a:lnTo>
                  <a:close/>
                </a:path>
                <a:path w="8557260" h="1420495">
                  <a:moveTo>
                    <a:pt x="3089147" y="1420367"/>
                  </a:moveTo>
                  <a:lnTo>
                    <a:pt x="3048000" y="1420367"/>
                  </a:lnTo>
                  <a:lnTo>
                    <a:pt x="3048000" y="1377696"/>
                  </a:lnTo>
                  <a:lnTo>
                    <a:pt x="3089147" y="1377696"/>
                  </a:lnTo>
                  <a:lnTo>
                    <a:pt x="3089147" y="1420367"/>
                  </a:lnTo>
                  <a:close/>
                </a:path>
                <a:path w="8557260" h="1420495">
                  <a:moveTo>
                    <a:pt x="3005328" y="1420367"/>
                  </a:moveTo>
                  <a:lnTo>
                    <a:pt x="2962655" y="1420367"/>
                  </a:lnTo>
                  <a:lnTo>
                    <a:pt x="2962655" y="1377696"/>
                  </a:lnTo>
                  <a:lnTo>
                    <a:pt x="3005328" y="1377696"/>
                  </a:lnTo>
                  <a:lnTo>
                    <a:pt x="3005328" y="1420367"/>
                  </a:lnTo>
                  <a:close/>
                </a:path>
                <a:path w="8557260" h="1420495">
                  <a:moveTo>
                    <a:pt x="2921508" y="1420367"/>
                  </a:moveTo>
                  <a:lnTo>
                    <a:pt x="2878836" y="1420367"/>
                  </a:lnTo>
                  <a:lnTo>
                    <a:pt x="2878836" y="1377696"/>
                  </a:lnTo>
                  <a:lnTo>
                    <a:pt x="2921508" y="1377696"/>
                  </a:lnTo>
                  <a:lnTo>
                    <a:pt x="2921508" y="1420367"/>
                  </a:lnTo>
                  <a:close/>
                </a:path>
                <a:path w="8557260" h="1420495">
                  <a:moveTo>
                    <a:pt x="2837687" y="1420367"/>
                  </a:moveTo>
                  <a:lnTo>
                    <a:pt x="2795016" y="1420367"/>
                  </a:lnTo>
                  <a:lnTo>
                    <a:pt x="2795016" y="1377696"/>
                  </a:lnTo>
                  <a:lnTo>
                    <a:pt x="2837687" y="1377696"/>
                  </a:lnTo>
                  <a:lnTo>
                    <a:pt x="2837687" y="1420367"/>
                  </a:lnTo>
                  <a:close/>
                </a:path>
                <a:path w="8557260" h="1420495">
                  <a:moveTo>
                    <a:pt x="2753868" y="1420367"/>
                  </a:moveTo>
                  <a:lnTo>
                    <a:pt x="2711196" y="1420367"/>
                  </a:lnTo>
                  <a:lnTo>
                    <a:pt x="2711196" y="1377696"/>
                  </a:lnTo>
                  <a:lnTo>
                    <a:pt x="2753868" y="1377696"/>
                  </a:lnTo>
                  <a:lnTo>
                    <a:pt x="2753868" y="1420367"/>
                  </a:lnTo>
                  <a:close/>
                </a:path>
                <a:path w="8557260" h="1420495">
                  <a:moveTo>
                    <a:pt x="2668524" y="1420367"/>
                  </a:moveTo>
                  <a:lnTo>
                    <a:pt x="2627376" y="1420367"/>
                  </a:lnTo>
                  <a:lnTo>
                    <a:pt x="2627376" y="1377696"/>
                  </a:lnTo>
                  <a:lnTo>
                    <a:pt x="2668524" y="1377696"/>
                  </a:lnTo>
                  <a:lnTo>
                    <a:pt x="2668524" y="1420367"/>
                  </a:lnTo>
                  <a:close/>
                </a:path>
                <a:path w="8557260" h="1420495">
                  <a:moveTo>
                    <a:pt x="2584704" y="1420367"/>
                  </a:moveTo>
                  <a:lnTo>
                    <a:pt x="2543555" y="1420367"/>
                  </a:lnTo>
                  <a:lnTo>
                    <a:pt x="2543555" y="1377696"/>
                  </a:lnTo>
                  <a:lnTo>
                    <a:pt x="2584704" y="1377696"/>
                  </a:lnTo>
                  <a:lnTo>
                    <a:pt x="2584704" y="1420367"/>
                  </a:lnTo>
                  <a:close/>
                </a:path>
                <a:path w="8557260" h="1420495">
                  <a:moveTo>
                    <a:pt x="2500884" y="1420367"/>
                  </a:moveTo>
                  <a:lnTo>
                    <a:pt x="2459736" y="1420367"/>
                  </a:lnTo>
                  <a:lnTo>
                    <a:pt x="2459736" y="1377696"/>
                  </a:lnTo>
                  <a:lnTo>
                    <a:pt x="2500884" y="1377696"/>
                  </a:lnTo>
                  <a:lnTo>
                    <a:pt x="2500884" y="1420367"/>
                  </a:lnTo>
                  <a:close/>
                </a:path>
                <a:path w="8557260" h="1420495">
                  <a:moveTo>
                    <a:pt x="2417063" y="1420367"/>
                  </a:moveTo>
                  <a:lnTo>
                    <a:pt x="2375916" y="1420367"/>
                  </a:lnTo>
                  <a:lnTo>
                    <a:pt x="2375916" y="1377696"/>
                  </a:lnTo>
                  <a:lnTo>
                    <a:pt x="2417063" y="1377696"/>
                  </a:lnTo>
                  <a:lnTo>
                    <a:pt x="2417063" y="1420367"/>
                  </a:lnTo>
                  <a:close/>
                </a:path>
                <a:path w="8557260" h="1420495">
                  <a:moveTo>
                    <a:pt x="2333244" y="1420367"/>
                  </a:moveTo>
                  <a:lnTo>
                    <a:pt x="2290571" y="1420367"/>
                  </a:lnTo>
                  <a:lnTo>
                    <a:pt x="2290571" y="1377696"/>
                  </a:lnTo>
                  <a:lnTo>
                    <a:pt x="2333244" y="1377696"/>
                  </a:lnTo>
                  <a:lnTo>
                    <a:pt x="2333244" y="1420367"/>
                  </a:lnTo>
                  <a:close/>
                </a:path>
                <a:path w="8557260" h="1420495">
                  <a:moveTo>
                    <a:pt x="2249424" y="1420367"/>
                  </a:moveTo>
                  <a:lnTo>
                    <a:pt x="2206752" y="1420367"/>
                  </a:lnTo>
                  <a:lnTo>
                    <a:pt x="2206752" y="1377696"/>
                  </a:lnTo>
                  <a:lnTo>
                    <a:pt x="2249424" y="1377696"/>
                  </a:lnTo>
                  <a:lnTo>
                    <a:pt x="2249424" y="1420367"/>
                  </a:lnTo>
                  <a:close/>
                </a:path>
                <a:path w="8557260" h="1420495">
                  <a:moveTo>
                    <a:pt x="2165603" y="1420367"/>
                  </a:moveTo>
                  <a:lnTo>
                    <a:pt x="2122932" y="1420367"/>
                  </a:lnTo>
                  <a:lnTo>
                    <a:pt x="2122932" y="1377696"/>
                  </a:lnTo>
                  <a:lnTo>
                    <a:pt x="2165603" y="1377696"/>
                  </a:lnTo>
                  <a:lnTo>
                    <a:pt x="2165603" y="1420367"/>
                  </a:lnTo>
                  <a:close/>
                </a:path>
                <a:path w="8557260" h="1420495">
                  <a:moveTo>
                    <a:pt x="2081784" y="1420367"/>
                  </a:moveTo>
                  <a:lnTo>
                    <a:pt x="2039112" y="1420367"/>
                  </a:lnTo>
                  <a:lnTo>
                    <a:pt x="2039112" y="1377696"/>
                  </a:lnTo>
                  <a:lnTo>
                    <a:pt x="2081784" y="1377696"/>
                  </a:lnTo>
                  <a:lnTo>
                    <a:pt x="2081784" y="1420367"/>
                  </a:lnTo>
                  <a:close/>
                </a:path>
                <a:path w="8557260" h="1420495">
                  <a:moveTo>
                    <a:pt x="1996440" y="1420367"/>
                  </a:moveTo>
                  <a:lnTo>
                    <a:pt x="1955292" y="1420367"/>
                  </a:lnTo>
                  <a:lnTo>
                    <a:pt x="1955292" y="1377696"/>
                  </a:lnTo>
                  <a:lnTo>
                    <a:pt x="1996440" y="1377696"/>
                  </a:lnTo>
                  <a:lnTo>
                    <a:pt x="1996440" y="1420367"/>
                  </a:lnTo>
                  <a:close/>
                </a:path>
                <a:path w="8557260" h="1420495">
                  <a:moveTo>
                    <a:pt x="1912620" y="1420367"/>
                  </a:moveTo>
                  <a:lnTo>
                    <a:pt x="1871471" y="1420367"/>
                  </a:lnTo>
                  <a:lnTo>
                    <a:pt x="1871471" y="1377696"/>
                  </a:lnTo>
                  <a:lnTo>
                    <a:pt x="1912620" y="1377696"/>
                  </a:lnTo>
                  <a:lnTo>
                    <a:pt x="1912620" y="1420367"/>
                  </a:lnTo>
                  <a:close/>
                </a:path>
                <a:path w="8557260" h="1420495">
                  <a:moveTo>
                    <a:pt x="1828800" y="1420367"/>
                  </a:moveTo>
                  <a:lnTo>
                    <a:pt x="1787652" y="1420367"/>
                  </a:lnTo>
                  <a:lnTo>
                    <a:pt x="1787652" y="1377696"/>
                  </a:lnTo>
                  <a:lnTo>
                    <a:pt x="1828800" y="1377696"/>
                  </a:lnTo>
                  <a:lnTo>
                    <a:pt x="1828800" y="1420367"/>
                  </a:lnTo>
                  <a:close/>
                </a:path>
                <a:path w="8557260" h="1420495">
                  <a:moveTo>
                    <a:pt x="1744979" y="1420367"/>
                  </a:moveTo>
                  <a:lnTo>
                    <a:pt x="1703832" y="1420367"/>
                  </a:lnTo>
                  <a:lnTo>
                    <a:pt x="1703832" y="1377696"/>
                  </a:lnTo>
                  <a:lnTo>
                    <a:pt x="1744979" y="1377696"/>
                  </a:lnTo>
                  <a:lnTo>
                    <a:pt x="1744979" y="1420367"/>
                  </a:lnTo>
                  <a:close/>
                </a:path>
                <a:path w="8557260" h="1420495">
                  <a:moveTo>
                    <a:pt x="1661160" y="1420367"/>
                  </a:moveTo>
                  <a:lnTo>
                    <a:pt x="1618487" y="1420367"/>
                  </a:lnTo>
                  <a:lnTo>
                    <a:pt x="1618487" y="1377696"/>
                  </a:lnTo>
                  <a:lnTo>
                    <a:pt x="1661160" y="1377696"/>
                  </a:lnTo>
                  <a:lnTo>
                    <a:pt x="1661160" y="1420367"/>
                  </a:lnTo>
                  <a:close/>
                </a:path>
                <a:path w="8557260" h="1420495">
                  <a:moveTo>
                    <a:pt x="1577340" y="1420367"/>
                  </a:moveTo>
                  <a:lnTo>
                    <a:pt x="1534668" y="1420367"/>
                  </a:lnTo>
                  <a:lnTo>
                    <a:pt x="1534668" y="1377696"/>
                  </a:lnTo>
                  <a:lnTo>
                    <a:pt x="1577340" y="1377696"/>
                  </a:lnTo>
                  <a:lnTo>
                    <a:pt x="1577340" y="1420367"/>
                  </a:lnTo>
                  <a:close/>
                </a:path>
                <a:path w="8557260" h="1420495">
                  <a:moveTo>
                    <a:pt x="1493519" y="1420367"/>
                  </a:moveTo>
                  <a:lnTo>
                    <a:pt x="1450848" y="1420367"/>
                  </a:lnTo>
                  <a:lnTo>
                    <a:pt x="1450848" y="1377696"/>
                  </a:lnTo>
                  <a:lnTo>
                    <a:pt x="1493519" y="1377696"/>
                  </a:lnTo>
                  <a:lnTo>
                    <a:pt x="1493519" y="1420367"/>
                  </a:lnTo>
                  <a:close/>
                </a:path>
                <a:path w="8557260" h="1420495">
                  <a:moveTo>
                    <a:pt x="1409699" y="1420367"/>
                  </a:moveTo>
                  <a:lnTo>
                    <a:pt x="1367028" y="1420367"/>
                  </a:lnTo>
                  <a:lnTo>
                    <a:pt x="1367028" y="1377696"/>
                  </a:lnTo>
                  <a:lnTo>
                    <a:pt x="1409699" y="1377696"/>
                  </a:lnTo>
                  <a:lnTo>
                    <a:pt x="1409699" y="1420367"/>
                  </a:lnTo>
                  <a:close/>
                </a:path>
                <a:path w="8557260" h="1420495">
                  <a:moveTo>
                    <a:pt x="1324356" y="1420367"/>
                  </a:moveTo>
                  <a:lnTo>
                    <a:pt x="1283207" y="1420367"/>
                  </a:lnTo>
                  <a:lnTo>
                    <a:pt x="1283207" y="1377696"/>
                  </a:lnTo>
                  <a:lnTo>
                    <a:pt x="1324356" y="1377696"/>
                  </a:lnTo>
                  <a:lnTo>
                    <a:pt x="1324356" y="1420367"/>
                  </a:lnTo>
                  <a:close/>
                </a:path>
                <a:path w="8557260" h="1420495">
                  <a:moveTo>
                    <a:pt x="1240536" y="1420367"/>
                  </a:moveTo>
                  <a:lnTo>
                    <a:pt x="1199388" y="1420367"/>
                  </a:lnTo>
                  <a:lnTo>
                    <a:pt x="1199388" y="1377696"/>
                  </a:lnTo>
                  <a:lnTo>
                    <a:pt x="1240536" y="1377696"/>
                  </a:lnTo>
                  <a:lnTo>
                    <a:pt x="1240536" y="1420367"/>
                  </a:lnTo>
                  <a:close/>
                </a:path>
                <a:path w="8557260" h="1420495">
                  <a:moveTo>
                    <a:pt x="1156715" y="1420367"/>
                  </a:moveTo>
                  <a:lnTo>
                    <a:pt x="1115568" y="1420367"/>
                  </a:lnTo>
                  <a:lnTo>
                    <a:pt x="1115568" y="1377696"/>
                  </a:lnTo>
                  <a:lnTo>
                    <a:pt x="1156715" y="1377696"/>
                  </a:lnTo>
                  <a:lnTo>
                    <a:pt x="1156715" y="1420367"/>
                  </a:lnTo>
                  <a:close/>
                </a:path>
                <a:path w="8557260" h="1420495">
                  <a:moveTo>
                    <a:pt x="1072895" y="1420367"/>
                  </a:moveTo>
                  <a:lnTo>
                    <a:pt x="1030223" y="1420367"/>
                  </a:lnTo>
                  <a:lnTo>
                    <a:pt x="1030223" y="1377696"/>
                  </a:lnTo>
                  <a:lnTo>
                    <a:pt x="1072895" y="1377696"/>
                  </a:lnTo>
                  <a:lnTo>
                    <a:pt x="1072895" y="1420367"/>
                  </a:lnTo>
                  <a:close/>
                </a:path>
                <a:path w="8557260" h="1420495">
                  <a:moveTo>
                    <a:pt x="989076" y="1420367"/>
                  </a:moveTo>
                  <a:lnTo>
                    <a:pt x="946403" y="1420367"/>
                  </a:lnTo>
                  <a:lnTo>
                    <a:pt x="946403" y="1377696"/>
                  </a:lnTo>
                  <a:lnTo>
                    <a:pt x="989076" y="1377696"/>
                  </a:lnTo>
                  <a:lnTo>
                    <a:pt x="989076" y="1420367"/>
                  </a:lnTo>
                  <a:close/>
                </a:path>
                <a:path w="8557260" h="1420495">
                  <a:moveTo>
                    <a:pt x="905256" y="1420367"/>
                  </a:moveTo>
                  <a:lnTo>
                    <a:pt x="862584" y="1420367"/>
                  </a:lnTo>
                  <a:lnTo>
                    <a:pt x="862584" y="1377696"/>
                  </a:lnTo>
                  <a:lnTo>
                    <a:pt x="905256" y="1377696"/>
                  </a:lnTo>
                  <a:lnTo>
                    <a:pt x="905256" y="1420367"/>
                  </a:lnTo>
                  <a:close/>
                </a:path>
                <a:path w="8557260" h="1420495">
                  <a:moveTo>
                    <a:pt x="821436" y="1420367"/>
                  </a:moveTo>
                  <a:lnTo>
                    <a:pt x="778764" y="1420367"/>
                  </a:lnTo>
                  <a:lnTo>
                    <a:pt x="778764" y="1377696"/>
                  </a:lnTo>
                  <a:lnTo>
                    <a:pt x="821436" y="1377696"/>
                  </a:lnTo>
                  <a:lnTo>
                    <a:pt x="821436" y="1420367"/>
                  </a:lnTo>
                  <a:close/>
                </a:path>
                <a:path w="8557260" h="1420495">
                  <a:moveTo>
                    <a:pt x="737615" y="1420367"/>
                  </a:moveTo>
                  <a:lnTo>
                    <a:pt x="694944" y="1420367"/>
                  </a:lnTo>
                  <a:lnTo>
                    <a:pt x="694944" y="1377696"/>
                  </a:lnTo>
                  <a:lnTo>
                    <a:pt x="737615" y="1377696"/>
                  </a:lnTo>
                  <a:lnTo>
                    <a:pt x="737615" y="1420367"/>
                  </a:lnTo>
                  <a:close/>
                </a:path>
                <a:path w="8557260" h="1420495">
                  <a:moveTo>
                    <a:pt x="652272" y="1420367"/>
                  </a:moveTo>
                  <a:lnTo>
                    <a:pt x="611123" y="1420367"/>
                  </a:lnTo>
                  <a:lnTo>
                    <a:pt x="611123" y="1377696"/>
                  </a:lnTo>
                  <a:lnTo>
                    <a:pt x="652272" y="1377696"/>
                  </a:lnTo>
                  <a:lnTo>
                    <a:pt x="652272" y="1420367"/>
                  </a:lnTo>
                  <a:close/>
                </a:path>
                <a:path w="8557260" h="1420495">
                  <a:moveTo>
                    <a:pt x="568452" y="1420367"/>
                  </a:moveTo>
                  <a:lnTo>
                    <a:pt x="527303" y="1420367"/>
                  </a:lnTo>
                  <a:lnTo>
                    <a:pt x="527303" y="1377696"/>
                  </a:lnTo>
                  <a:lnTo>
                    <a:pt x="568452" y="1377696"/>
                  </a:lnTo>
                  <a:lnTo>
                    <a:pt x="568452" y="1420367"/>
                  </a:lnTo>
                  <a:close/>
                </a:path>
                <a:path w="8557260" h="1420495">
                  <a:moveTo>
                    <a:pt x="484631" y="1420367"/>
                  </a:moveTo>
                  <a:lnTo>
                    <a:pt x="443484" y="1420367"/>
                  </a:lnTo>
                  <a:lnTo>
                    <a:pt x="443484" y="1377696"/>
                  </a:lnTo>
                  <a:lnTo>
                    <a:pt x="484631" y="1377696"/>
                  </a:lnTo>
                  <a:lnTo>
                    <a:pt x="484631" y="1420367"/>
                  </a:lnTo>
                  <a:close/>
                </a:path>
                <a:path w="8557260" h="1420495">
                  <a:moveTo>
                    <a:pt x="400811" y="1420367"/>
                  </a:moveTo>
                  <a:lnTo>
                    <a:pt x="358139" y="1420367"/>
                  </a:lnTo>
                  <a:lnTo>
                    <a:pt x="358139" y="1377696"/>
                  </a:lnTo>
                  <a:lnTo>
                    <a:pt x="400811" y="1377696"/>
                  </a:lnTo>
                  <a:lnTo>
                    <a:pt x="400811" y="1420367"/>
                  </a:lnTo>
                  <a:close/>
                </a:path>
                <a:path w="8557260" h="1420495">
                  <a:moveTo>
                    <a:pt x="316992" y="1420367"/>
                  </a:moveTo>
                  <a:lnTo>
                    <a:pt x="274319" y="1420367"/>
                  </a:lnTo>
                  <a:lnTo>
                    <a:pt x="274319" y="1377696"/>
                  </a:lnTo>
                  <a:lnTo>
                    <a:pt x="316992" y="1377696"/>
                  </a:lnTo>
                  <a:lnTo>
                    <a:pt x="316992" y="1420367"/>
                  </a:lnTo>
                  <a:close/>
                </a:path>
                <a:path w="8557260" h="1420495">
                  <a:moveTo>
                    <a:pt x="233171" y="1420367"/>
                  </a:moveTo>
                  <a:lnTo>
                    <a:pt x="190500" y="1420367"/>
                  </a:lnTo>
                  <a:lnTo>
                    <a:pt x="190500" y="1377696"/>
                  </a:lnTo>
                  <a:lnTo>
                    <a:pt x="233171" y="1377696"/>
                  </a:lnTo>
                  <a:lnTo>
                    <a:pt x="233171" y="1420367"/>
                  </a:lnTo>
                  <a:close/>
                </a:path>
                <a:path w="8557260" h="1420495">
                  <a:moveTo>
                    <a:pt x="149352" y="1420367"/>
                  </a:moveTo>
                  <a:lnTo>
                    <a:pt x="106679" y="1420367"/>
                  </a:lnTo>
                  <a:lnTo>
                    <a:pt x="106679" y="1377696"/>
                  </a:lnTo>
                  <a:lnTo>
                    <a:pt x="149352" y="1377696"/>
                  </a:lnTo>
                  <a:lnTo>
                    <a:pt x="149352" y="1420367"/>
                  </a:lnTo>
                  <a:close/>
                </a:path>
              </a:pathLst>
            </a:custGeom>
            <a:solidFill>
              <a:srgbClr val="E46B0A"/>
            </a:solidFill>
          </p:spPr>
          <p:txBody>
            <a:bodyPr wrap="square" lIns="0" tIns="0" rIns="0" bIns="0" rtlCol="0"/>
            <a:lstStyle/>
            <a:p>
              <a:endParaRPr sz="1749"/>
            </a:p>
          </p:txBody>
        </p:sp>
        <p:sp>
          <p:nvSpPr>
            <p:cNvPr id="37" name="object 37"/>
            <p:cNvSpPr/>
            <p:nvPr/>
          </p:nvSpPr>
          <p:spPr>
            <a:xfrm>
              <a:off x="8584691" y="3168396"/>
              <a:ext cx="1722120" cy="1122045"/>
            </a:xfrm>
            <a:custGeom>
              <a:avLst/>
              <a:gdLst/>
              <a:ahLst/>
              <a:cxnLst/>
              <a:rect l="l" t="t" r="r" b="b"/>
              <a:pathLst>
                <a:path w="1722120" h="1122045">
                  <a:moveTo>
                    <a:pt x="1569720" y="1121664"/>
                  </a:moveTo>
                  <a:lnTo>
                    <a:pt x="152400" y="1121664"/>
                  </a:lnTo>
                  <a:lnTo>
                    <a:pt x="104363" y="1113848"/>
                  </a:lnTo>
                  <a:lnTo>
                    <a:pt x="62544" y="1092061"/>
                  </a:lnTo>
                  <a:lnTo>
                    <a:pt x="29504" y="1058789"/>
                  </a:lnTo>
                  <a:lnTo>
                    <a:pt x="7802" y="1016520"/>
                  </a:lnTo>
                  <a:lnTo>
                    <a:pt x="0" y="967739"/>
                  </a:lnTo>
                  <a:lnTo>
                    <a:pt x="0" y="152400"/>
                  </a:lnTo>
                  <a:lnTo>
                    <a:pt x="7802" y="104363"/>
                  </a:lnTo>
                  <a:lnTo>
                    <a:pt x="29504" y="62544"/>
                  </a:lnTo>
                  <a:lnTo>
                    <a:pt x="62544" y="29504"/>
                  </a:lnTo>
                  <a:lnTo>
                    <a:pt x="104363" y="7802"/>
                  </a:lnTo>
                  <a:lnTo>
                    <a:pt x="152400" y="0"/>
                  </a:lnTo>
                  <a:lnTo>
                    <a:pt x="1569720" y="0"/>
                  </a:lnTo>
                  <a:lnTo>
                    <a:pt x="1617756" y="7802"/>
                  </a:lnTo>
                  <a:lnTo>
                    <a:pt x="1659575" y="29504"/>
                  </a:lnTo>
                  <a:lnTo>
                    <a:pt x="1692615" y="62544"/>
                  </a:lnTo>
                  <a:lnTo>
                    <a:pt x="1714317" y="104363"/>
                  </a:lnTo>
                  <a:lnTo>
                    <a:pt x="1722120" y="152400"/>
                  </a:lnTo>
                  <a:lnTo>
                    <a:pt x="1722120" y="967739"/>
                  </a:lnTo>
                  <a:lnTo>
                    <a:pt x="1714317" y="1016520"/>
                  </a:lnTo>
                  <a:lnTo>
                    <a:pt x="1692615" y="1058789"/>
                  </a:lnTo>
                  <a:lnTo>
                    <a:pt x="1659575" y="1092061"/>
                  </a:lnTo>
                  <a:lnTo>
                    <a:pt x="1617756" y="1113848"/>
                  </a:lnTo>
                  <a:lnTo>
                    <a:pt x="1569720" y="1121664"/>
                  </a:lnTo>
                  <a:close/>
                </a:path>
              </a:pathLst>
            </a:custGeom>
            <a:solidFill>
              <a:srgbClr val="FDE9DA"/>
            </a:solidFill>
          </p:spPr>
          <p:txBody>
            <a:bodyPr wrap="square" lIns="0" tIns="0" rIns="0" bIns="0" rtlCol="0"/>
            <a:lstStyle/>
            <a:p>
              <a:endParaRPr sz="1749"/>
            </a:p>
          </p:txBody>
        </p:sp>
        <p:sp>
          <p:nvSpPr>
            <p:cNvPr id="38" name="object 38"/>
            <p:cNvSpPr/>
            <p:nvPr/>
          </p:nvSpPr>
          <p:spPr>
            <a:xfrm>
              <a:off x="8584691" y="3168396"/>
              <a:ext cx="1722120" cy="1122045"/>
            </a:xfrm>
            <a:custGeom>
              <a:avLst/>
              <a:gdLst/>
              <a:ahLst/>
              <a:cxnLst/>
              <a:rect l="l" t="t" r="r" b="b"/>
              <a:pathLst>
                <a:path w="1722120" h="1122045">
                  <a:moveTo>
                    <a:pt x="0" y="152400"/>
                  </a:moveTo>
                  <a:lnTo>
                    <a:pt x="7802" y="104363"/>
                  </a:lnTo>
                  <a:lnTo>
                    <a:pt x="29504" y="62544"/>
                  </a:lnTo>
                  <a:lnTo>
                    <a:pt x="62544" y="29504"/>
                  </a:lnTo>
                  <a:lnTo>
                    <a:pt x="104363" y="7802"/>
                  </a:lnTo>
                  <a:lnTo>
                    <a:pt x="152400" y="0"/>
                  </a:lnTo>
                  <a:lnTo>
                    <a:pt x="1569720" y="0"/>
                  </a:lnTo>
                  <a:lnTo>
                    <a:pt x="1617756" y="7802"/>
                  </a:lnTo>
                  <a:lnTo>
                    <a:pt x="1659575" y="29504"/>
                  </a:lnTo>
                  <a:lnTo>
                    <a:pt x="1692615" y="62544"/>
                  </a:lnTo>
                  <a:lnTo>
                    <a:pt x="1714317" y="104363"/>
                  </a:lnTo>
                  <a:lnTo>
                    <a:pt x="1722120" y="152400"/>
                  </a:lnTo>
                  <a:lnTo>
                    <a:pt x="1722120" y="967739"/>
                  </a:lnTo>
                  <a:lnTo>
                    <a:pt x="1714317" y="1016520"/>
                  </a:lnTo>
                  <a:lnTo>
                    <a:pt x="1692615" y="1058789"/>
                  </a:lnTo>
                  <a:lnTo>
                    <a:pt x="1659575" y="1092061"/>
                  </a:lnTo>
                  <a:lnTo>
                    <a:pt x="1617756" y="1113848"/>
                  </a:lnTo>
                  <a:lnTo>
                    <a:pt x="1569720" y="1121664"/>
                  </a:lnTo>
                  <a:lnTo>
                    <a:pt x="152400" y="1121664"/>
                  </a:lnTo>
                  <a:lnTo>
                    <a:pt x="104363" y="1113848"/>
                  </a:lnTo>
                  <a:lnTo>
                    <a:pt x="62544" y="1092061"/>
                  </a:lnTo>
                  <a:lnTo>
                    <a:pt x="29504" y="1058789"/>
                  </a:lnTo>
                  <a:lnTo>
                    <a:pt x="7802" y="1016520"/>
                  </a:lnTo>
                  <a:lnTo>
                    <a:pt x="0" y="967739"/>
                  </a:lnTo>
                  <a:lnTo>
                    <a:pt x="0" y="152400"/>
                  </a:lnTo>
                  <a:close/>
                </a:path>
              </a:pathLst>
            </a:custGeom>
            <a:ln w="42672">
              <a:solidFill>
                <a:srgbClr val="E46B0A"/>
              </a:solidFill>
            </a:ln>
          </p:spPr>
          <p:txBody>
            <a:bodyPr wrap="square" lIns="0" tIns="0" rIns="0" bIns="0" rtlCol="0"/>
            <a:lstStyle/>
            <a:p>
              <a:endParaRPr sz="1749"/>
            </a:p>
          </p:txBody>
        </p:sp>
        <p:sp>
          <p:nvSpPr>
            <p:cNvPr id="39" name="object 39"/>
            <p:cNvSpPr/>
            <p:nvPr/>
          </p:nvSpPr>
          <p:spPr>
            <a:xfrm>
              <a:off x="3462515" y="4472939"/>
              <a:ext cx="4732655" cy="231775"/>
            </a:xfrm>
            <a:custGeom>
              <a:avLst/>
              <a:gdLst/>
              <a:ahLst/>
              <a:cxnLst/>
              <a:rect l="l" t="t" r="r" b="b"/>
              <a:pathLst>
                <a:path w="4732655" h="231775">
                  <a:moveTo>
                    <a:pt x="1025664" y="12192"/>
                  </a:moveTo>
                  <a:lnTo>
                    <a:pt x="0" y="12192"/>
                  </a:lnTo>
                  <a:lnTo>
                    <a:pt x="513600" y="231660"/>
                  </a:lnTo>
                  <a:lnTo>
                    <a:pt x="1025664" y="12192"/>
                  </a:lnTo>
                  <a:close/>
                </a:path>
                <a:path w="4732655" h="231775">
                  <a:moveTo>
                    <a:pt x="4732032" y="0"/>
                  </a:moveTo>
                  <a:lnTo>
                    <a:pt x="3706380" y="0"/>
                  </a:lnTo>
                  <a:lnTo>
                    <a:pt x="4219956" y="219468"/>
                  </a:lnTo>
                  <a:lnTo>
                    <a:pt x="4732032" y="0"/>
                  </a:lnTo>
                  <a:close/>
                </a:path>
              </a:pathLst>
            </a:custGeom>
            <a:solidFill>
              <a:srgbClr val="2D75B6"/>
            </a:solidFill>
          </p:spPr>
          <p:txBody>
            <a:bodyPr wrap="square" lIns="0" tIns="0" rIns="0" bIns="0" rtlCol="0"/>
            <a:lstStyle/>
            <a:p>
              <a:endParaRPr sz="1749"/>
            </a:p>
          </p:txBody>
        </p:sp>
        <p:sp>
          <p:nvSpPr>
            <p:cNvPr id="40" name="object 40"/>
            <p:cNvSpPr/>
            <p:nvPr/>
          </p:nvSpPr>
          <p:spPr>
            <a:xfrm>
              <a:off x="8584691" y="4733544"/>
              <a:ext cx="1722120" cy="2219325"/>
            </a:xfrm>
            <a:custGeom>
              <a:avLst/>
              <a:gdLst/>
              <a:ahLst/>
              <a:cxnLst/>
              <a:rect l="l" t="t" r="r" b="b"/>
              <a:pathLst>
                <a:path w="1722120" h="2219325">
                  <a:moveTo>
                    <a:pt x="1562100" y="2218944"/>
                  </a:moveTo>
                  <a:lnTo>
                    <a:pt x="160019" y="2218944"/>
                  </a:lnTo>
                  <a:lnTo>
                    <a:pt x="109435" y="2210787"/>
                  </a:lnTo>
                  <a:lnTo>
                    <a:pt x="65507" y="2188073"/>
                  </a:lnTo>
                  <a:lnTo>
                    <a:pt x="30870" y="2153436"/>
                  </a:lnTo>
                  <a:lnTo>
                    <a:pt x="8156" y="2109508"/>
                  </a:lnTo>
                  <a:lnTo>
                    <a:pt x="0" y="2058924"/>
                  </a:lnTo>
                  <a:lnTo>
                    <a:pt x="0" y="160019"/>
                  </a:lnTo>
                  <a:lnTo>
                    <a:pt x="8156" y="109435"/>
                  </a:lnTo>
                  <a:lnTo>
                    <a:pt x="30870" y="65507"/>
                  </a:lnTo>
                  <a:lnTo>
                    <a:pt x="65507" y="30870"/>
                  </a:lnTo>
                  <a:lnTo>
                    <a:pt x="109435" y="8156"/>
                  </a:lnTo>
                  <a:lnTo>
                    <a:pt x="160019" y="0"/>
                  </a:lnTo>
                  <a:lnTo>
                    <a:pt x="1562100" y="0"/>
                  </a:lnTo>
                  <a:lnTo>
                    <a:pt x="1612684" y="8156"/>
                  </a:lnTo>
                  <a:lnTo>
                    <a:pt x="1656612" y="30870"/>
                  </a:lnTo>
                  <a:lnTo>
                    <a:pt x="1691249" y="65507"/>
                  </a:lnTo>
                  <a:lnTo>
                    <a:pt x="1713963" y="109435"/>
                  </a:lnTo>
                  <a:lnTo>
                    <a:pt x="1722120" y="160019"/>
                  </a:lnTo>
                  <a:lnTo>
                    <a:pt x="1722120" y="2058924"/>
                  </a:lnTo>
                  <a:lnTo>
                    <a:pt x="1713963" y="2109508"/>
                  </a:lnTo>
                  <a:lnTo>
                    <a:pt x="1691249" y="2153436"/>
                  </a:lnTo>
                  <a:lnTo>
                    <a:pt x="1656612" y="2188073"/>
                  </a:lnTo>
                  <a:lnTo>
                    <a:pt x="1612684" y="2210787"/>
                  </a:lnTo>
                  <a:lnTo>
                    <a:pt x="1562100" y="2218944"/>
                  </a:lnTo>
                  <a:close/>
                </a:path>
              </a:pathLst>
            </a:custGeom>
            <a:solidFill>
              <a:srgbClr val="DBE6F2"/>
            </a:solidFill>
          </p:spPr>
          <p:txBody>
            <a:bodyPr wrap="square" lIns="0" tIns="0" rIns="0" bIns="0" rtlCol="0"/>
            <a:lstStyle/>
            <a:p>
              <a:endParaRPr sz="1749"/>
            </a:p>
          </p:txBody>
        </p:sp>
        <p:sp>
          <p:nvSpPr>
            <p:cNvPr id="41" name="object 41"/>
            <p:cNvSpPr/>
            <p:nvPr/>
          </p:nvSpPr>
          <p:spPr>
            <a:xfrm>
              <a:off x="8584691" y="4733544"/>
              <a:ext cx="1722120" cy="2219325"/>
            </a:xfrm>
            <a:custGeom>
              <a:avLst/>
              <a:gdLst/>
              <a:ahLst/>
              <a:cxnLst/>
              <a:rect l="l" t="t" r="r" b="b"/>
              <a:pathLst>
                <a:path w="1722120" h="2219325">
                  <a:moveTo>
                    <a:pt x="0" y="160019"/>
                  </a:moveTo>
                  <a:lnTo>
                    <a:pt x="8156" y="109435"/>
                  </a:lnTo>
                  <a:lnTo>
                    <a:pt x="30870" y="65507"/>
                  </a:lnTo>
                  <a:lnTo>
                    <a:pt x="65507" y="30870"/>
                  </a:lnTo>
                  <a:lnTo>
                    <a:pt x="109435" y="8156"/>
                  </a:lnTo>
                  <a:lnTo>
                    <a:pt x="160019" y="0"/>
                  </a:lnTo>
                  <a:lnTo>
                    <a:pt x="1562100" y="0"/>
                  </a:lnTo>
                  <a:lnTo>
                    <a:pt x="1612684" y="8156"/>
                  </a:lnTo>
                  <a:lnTo>
                    <a:pt x="1656612" y="30870"/>
                  </a:lnTo>
                  <a:lnTo>
                    <a:pt x="1691249" y="65507"/>
                  </a:lnTo>
                  <a:lnTo>
                    <a:pt x="1713963" y="109435"/>
                  </a:lnTo>
                  <a:lnTo>
                    <a:pt x="1722120" y="160019"/>
                  </a:lnTo>
                  <a:lnTo>
                    <a:pt x="1722120" y="2058924"/>
                  </a:lnTo>
                  <a:lnTo>
                    <a:pt x="1713963" y="2109508"/>
                  </a:lnTo>
                  <a:lnTo>
                    <a:pt x="1691249" y="2153436"/>
                  </a:lnTo>
                  <a:lnTo>
                    <a:pt x="1656612" y="2188073"/>
                  </a:lnTo>
                  <a:lnTo>
                    <a:pt x="1612684" y="2210787"/>
                  </a:lnTo>
                  <a:lnTo>
                    <a:pt x="1562100" y="2218944"/>
                  </a:lnTo>
                  <a:lnTo>
                    <a:pt x="160019" y="2218944"/>
                  </a:lnTo>
                  <a:lnTo>
                    <a:pt x="109435" y="2210787"/>
                  </a:lnTo>
                  <a:lnTo>
                    <a:pt x="65507" y="2188073"/>
                  </a:lnTo>
                  <a:lnTo>
                    <a:pt x="30870" y="2153436"/>
                  </a:lnTo>
                  <a:lnTo>
                    <a:pt x="8156" y="2109508"/>
                  </a:lnTo>
                  <a:lnTo>
                    <a:pt x="0" y="2058924"/>
                  </a:lnTo>
                  <a:lnTo>
                    <a:pt x="0" y="160019"/>
                  </a:lnTo>
                  <a:close/>
                </a:path>
              </a:pathLst>
            </a:custGeom>
            <a:ln w="42672">
              <a:solidFill>
                <a:srgbClr val="0070BF"/>
              </a:solidFill>
            </a:ln>
          </p:spPr>
          <p:txBody>
            <a:bodyPr wrap="square" lIns="0" tIns="0" rIns="0" bIns="0" rtlCol="0"/>
            <a:lstStyle/>
            <a:p>
              <a:endParaRPr sz="1749"/>
            </a:p>
          </p:txBody>
        </p:sp>
      </p:grpSp>
      <p:sp>
        <p:nvSpPr>
          <p:cNvPr id="42" name="object 42"/>
          <p:cNvSpPr txBox="1"/>
          <p:nvPr/>
        </p:nvSpPr>
        <p:spPr>
          <a:xfrm>
            <a:off x="7308250" y="2723653"/>
            <a:ext cx="1540471" cy="2749246"/>
          </a:xfrm>
          <a:prstGeom prst="rect">
            <a:avLst/>
          </a:prstGeom>
          <a:ln w="42671">
            <a:solidFill>
              <a:srgbClr val="FF0000"/>
            </a:solidFill>
          </a:ln>
        </p:spPr>
        <p:txBody>
          <a:bodyPr vert="horz" wrap="square" lIns="0" tIns="100997" rIns="0" bIns="0" rtlCol="0">
            <a:spAutoFit/>
          </a:bodyPr>
          <a:lstStyle/>
          <a:p>
            <a:pPr>
              <a:spcBef>
                <a:spcPts val="795"/>
              </a:spcBef>
            </a:pPr>
            <a:endParaRPr sz="1924">
              <a:latin typeface="Times New Roman"/>
              <a:cs typeface="Times New Roman"/>
            </a:endParaRPr>
          </a:p>
          <a:p>
            <a:pPr algn="ctr">
              <a:lnSpc>
                <a:spcPts val="2300"/>
              </a:lnSpc>
              <a:spcBef>
                <a:spcPts val="4"/>
              </a:spcBef>
            </a:pPr>
            <a:r>
              <a:rPr sz="1924" b="1" spc="-30" dirty="0">
                <a:solidFill>
                  <a:srgbClr val="E46B0A"/>
                </a:solidFill>
                <a:latin typeface="Meiryo UI"/>
                <a:cs typeface="Meiryo UI"/>
              </a:rPr>
              <a:t>「技術者」</a:t>
            </a:r>
            <a:endParaRPr sz="1924">
              <a:latin typeface="Meiryo UI"/>
              <a:cs typeface="Meiryo UI"/>
            </a:endParaRPr>
          </a:p>
          <a:p>
            <a:pPr algn="ctr">
              <a:lnSpc>
                <a:spcPts val="2095"/>
              </a:lnSpc>
            </a:pPr>
            <a:r>
              <a:rPr sz="1753" spc="-30" dirty="0">
                <a:latin typeface="Meiryo UI"/>
                <a:cs typeface="Meiryo UI"/>
              </a:rPr>
              <a:t>を束ねる</a:t>
            </a:r>
            <a:endParaRPr sz="1753">
              <a:latin typeface="Meiryo UI"/>
              <a:cs typeface="Meiryo UI"/>
            </a:endParaRPr>
          </a:p>
          <a:p>
            <a:pPr>
              <a:lnSpc>
                <a:spcPct val="100000"/>
              </a:lnSpc>
            </a:pPr>
            <a:endParaRPr sz="1753">
              <a:latin typeface="Meiryo UI"/>
              <a:cs typeface="Meiryo UI"/>
            </a:endParaRPr>
          </a:p>
          <a:p>
            <a:pPr>
              <a:spcBef>
                <a:spcPts val="2865"/>
              </a:spcBef>
            </a:pPr>
            <a:endParaRPr sz="1753">
              <a:latin typeface="Meiryo UI"/>
              <a:cs typeface="Meiryo UI"/>
            </a:endParaRPr>
          </a:p>
          <a:p>
            <a:pPr marL="79276" marR="76018" algn="ctr">
              <a:lnSpc>
                <a:spcPts val="2300"/>
              </a:lnSpc>
            </a:pPr>
            <a:r>
              <a:rPr sz="1924" b="1" spc="-34" dirty="0">
                <a:latin typeface="Meiryo UI"/>
                <a:cs typeface="Meiryo UI"/>
              </a:rPr>
              <a:t>技術的体制、</a:t>
            </a:r>
            <a:r>
              <a:rPr sz="1924" b="1" spc="-30" dirty="0">
                <a:latin typeface="Meiryo UI"/>
                <a:cs typeface="Meiryo UI"/>
              </a:rPr>
              <a:t>人材育成</a:t>
            </a:r>
            <a:endParaRPr sz="1924">
              <a:latin typeface="Meiryo UI"/>
              <a:cs typeface="Meiryo UI"/>
            </a:endParaRPr>
          </a:p>
          <a:p>
            <a:pPr marL="85792">
              <a:lnSpc>
                <a:spcPts val="2223"/>
              </a:lnSpc>
            </a:pPr>
            <a:r>
              <a:rPr sz="1924" b="1" spc="-30" dirty="0">
                <a:latin typeface="Meiryo UI"/>
                <a:cs typeface="Meiryo UI"/>
              </a:rPr>
              <a:t>(学との連携)</a:t>
            </a:r>
            <a:endParaRPr sz="1924">
              <a:latin typeface="Meiryo UI"/>
              <a:cs typeface="Meiryo UI"/>
            </a:endParaRPr>
          </a:p>
        </p:txBody>
      </p:sp>
      <p:sp>
        <p:nvSpPr>
          <p:cNvPr id="43" name="object 43"/>
          <p:cNvSpPr txBox="1"/>
          <p:nvPr/>
        </p:nvSpPr>
        <p:spPr>
          <a:xfrm>
            <a:off x="357072" y="2786204"/>
            <a:ext cx="386067" cy="1151900"/>
          </a:xfrm>
          <a:prstGeom prst="rect">
            <a:avLst/>
          </a:prstGeom>
          <a:solidFill>
            <a:srgbClr val="2F5497"/>
          </a:solidFill>
        </p:spPr>
        <p:txBody>
          <a:bodyPr vert="horz" wrap="square" lIns="0" tIns="60815" rIns="0" bIns="0" rtlCol="0">
            <a:spAutoFit/>
          </a:bodyPr>
          <a:lstStyle/>
          <a:p>
            <a:pPr marL="49412" marR="63530" algn="just">
              <a:lnSpc>
                <a:spcPts val="2095"/>
              </a:lnSpc>
              <a:spcBef>
                <a:spcPts val="479"/>
              </a:spcBef>
            </a:pPr>
            <a:r>
              <a:rPr sz="2095" b="1" spc="-43" dirty="0">
                <a:solidFill>
                  <a:srgbClr val="FFFFFF"/>
                </a:solidFill>
                <a:latin typeface="Meiryo UI"/>
                <a:cs typeface="Meiryo UI"/>
              </a:rPr>
              <a:t>３</a:t>
            </a:r>
            <a:r>
              <a:rPr sz="2095" b="1" spc="316" dirty="0">
                <a:solidFill>
                  <a:srgbClr val="FFFFFF"/>
                </a:solidFill>
                <a:latin typeface="Meiryo UI"/>
                <a:cs typeface="Meiryo UI"/>
              </a:rPr>
              <a:t>つ</a:t>
            </a:r>
            <a:r>
              <a:rPr sz="2095" b="1" spc="111" dirty="0">
                <a:solidFill>
                  <a:srgbClr val="FFFFFF"/>
                </a:solidFill>
                <a:latin typeface="Meiryo UI"/>
                <a:cs typeface="Meiryo UI"/>
              </a:rPr>
              <a:t>の</a:t>
            </a:r>
            <a:r>
              <a:rPr sz="2095" b="1" spc="-43" dirty="0">
                <a:solidFill>
                  <a:srgbClr val="FFFFFF"/>
                </a:solidFill>
                <a:latin typeface="Meiryo UI"/>
                <a:cs typeface="Meiryo UI"/>
              </a:rPr>
              <a:t>束</a:t>
            </a:r>
            <a:endParaRPr sz="2095">
              <a:latin typeface="Meiryo UI"/>
              <a:cs typeface="Meiryo UI"/>
            </a:endParaRPr>
          </a:p>
        </p:txBody>
      </p:sp>
      <p:grpSp>
        <p:nvGrpSpPr>
          <p:cNvPr id="44" name="object 44"/>
          <p:cNvGrpSpPr/>
          <p:nvPr/>
        </p:nvGrpSpPr>
        <p:grpSpPr>
          <a:xfrm>
            <a:off x="2905392" y="4020320"/>
            <a:ext cx="5654185" cy="2290887"/>
            <a:chOff x="3397694" y="4472940"/>
            <a:chExt cx="6612255" cy="2679065"/>
          </a:xfrm>
        </p:grpSpPr>
        <p:sp>
          <p:nvSpPr>
            <p:cNvPr id="45" name="object 45"/>
            <p:cNvSpPr/>
            <p:nvPr/>
          </p:nvSpPr>
          <p:spPr>
            <a:xfrm>
              <a:off x="8983980" y="4472940"/>
              <a:ext cx="1026160" cy="219710"/>
            </a:xfrm>
            <a:custGeom>
              <a:avLst/>
              <a:gdLst/>
              <a:ahLst/>
              <a:cxnLst/>
              <a:rect l="l" t="t" r="r" b="b"/>
              <a:pathLst>
                <a:path w="1026159" h="219710">
                  <a:moveTo>
                    <a:pt x="512064" y="219456"/>
                  </a:moveTo>
                  <a:lnTo>
                    <a:pt x="0" y="0"/>
                  </a:lnTo>
                  <a:lnTo>
                    <a:pt x="1025651" y="0"/>
                  </a:lnTo>
                  <a:lnTo>
                    <a:pt x="512064" y="219456"/>
                  </a:lnTo>
                  <a:close/>
                </a:path>
              </a:pathLst>
            </a:custGeom>
            <a:solidFill>
              <a:srgbClr val="2D75B6"/>
            </a:solidFill>
          </p:spPr>
          <p:txBody>
            <a:bodyPr wrap="square" lIns="0" tIns="0" rIns="0" bIns="0" rtlCol="0"/>
            <a:lstStyle/>
            <a:p>
              <a:endParaRPr sz="1749"/>
            </a:p>
          </p:txBody>
        </p:sp>
        <p:sp>
          <p:nvSpPr>
            <p:cNvPr id="46" name="object 46"/>
            <p:cNvSpPr/>
            <p:nvPr/>
          </p:nvSpPr>
          <p:spPr>
            <a:xfrm>
              <a:off x="3403092" y="6957060"/>
              <a:ext cx="4985385" cy="189230"/>
            </a:xfrm>
            <a:custGeom>
              <a:avLst/>
              <a:gdLst/>
              <a:ahLst/>
              <a:cxnLst/>
              <a:rect l="l" t="t" r="r" b="b"/>
              <a:pathLst>
                <a:path w="4985384" h="189229">
                  <a:moveTo>
                    <a:pt x="4985003" y="0"/>
                  </a:moveTo>
                  <a:lnTo>
                    <a:pt x="4981527" y="36623"/>
                  </a:lnTo>
                  <a:lnTo>
                    <a:pt x="4972049" y="66675"/>
                  </a:lnTo>
                  <a:lnTo>
                    <a:pt x="4958000" y="87010"/>
                  </a:lnTo>
                  <a:lnTo>
                    <a:pt x="4940807" y="94488"/>
                  </a:lnTo>
                  <a:lnTo>
                    <a:pt x="2535935" y="94488"/>
                  </a:lnTo>
                  <a:lnTo>
                    <a:pt x="2518743" y="101750"/>
                  </a:lnTo>
                  <a:lnTo>
                    <a:pt x="2504693" y="121729"/>
                  </a:lnTo>
                  <a:lnTo>
                    <a:pt x="2495216" y="151709"/>
                  </a:lnTo>
                  <a:lnTo>
                    <a:pt x="2491739" y="188976"/>
                  </a:lnTo>
                  <a:lnTo>
                    <a:pt x="2488263" y="151709"/>
                  </a:lnTo>
                  <a:lnTo>
                    <a:pt x="2478785" y="121729"/>
                  </a:lnTo>
                  <a:lnTo>
                    <a:pt x="2464736" y="101750"/>
                  </a:lnTo>
                  <a:lnTo>
                    <a:pt x="2447543" y="94488"/>
                  </a:lnTo>
                  <a:lnTo>
                    <a:pt x="44196" y="94488"/>
                  </a:lnTo>
                  <a:lnTo>
                    <a:pt x="27003" y="87010"/>
                  </a:lnTo>
                  <a:lnTo>
                    <a:pt x="12953" y="66675"/>
                  </a:lnTo>
                  <a:lnTo>
                    <a:pt x="3476" y="36623"/>
                  </a:lnTo>
                  <a:lnTo>
                    <a:pt x="0" y="0"/>
                  </a:lnTo>
                </a:path>
              </a:pathLst>
            </a:custGeom>
            <a:ln w="10668">
              <a:solidFill>
                <a:srgbClr val="00AF50"/>
              </a:solidFill>
            </a:ln>
          </p:spPr>
          <p:txBody>
            <a:bodyPr wrap="square" lIns="0" tIns="0" rIns="0" bIns="0" rtlCol="0"/>
            <a:lstStyle/>
            <a:p>
              <a:endParaRPr sz="1749"/>
            </a:p>
          </p:txBody>
        </p:sp>
      </p:grpSp>
      <p:sp>
        <p:nvSpPr>
          <p:cNvPr id="47" name="object 47"/>
          <p:cNvSpPr txBox="1"/>
          <p:nvPr/>
        </p:nvSpPr>
        <p:spPr>
          <a:xfrm>
            <a:off x="357072" y="1062094"/>
            <a:ext cx="8456571" cy="901720"/>
          </a:xfrm>
          <a:prstGeom prst="rect">
            <a:avLst/>
          </a:prstGeom>
          <a:ln w="27432">
            <a:solidFill>
              <a:srgbClr val="000000"/>
            </a:solidFill>
          </a:ln>
        </p:spPr>
        <p:txBody>
          <a:bodyPr vert="horz" wrap="square" lIns="0" tIns="42353" rIns="0" bIns="0" rtlCol="0">
            <a:spAutoFit/>
          </a:bodyPr>
          <a:lstStyle/>
          <a:p>
            <a:pPr marL="333395" marR="73303" indent="-249232">
              <a:lnSpc>
                <a:spcPct val="101899"/>
              </a:lnSpc>
              <a:spcBef>
                <a:spcPts val="333"/>
              </a:spcBef>
              <a:buFont typeface="Wingdings"/>
              <a:buChar char=""/>
              <a:tabLst>
                <a:tab pos="333395" algn="l"/>
              </a:tabLst>
            </a:pPr>
            <a:r>
              <a:rPr sz="1368" spc="-9" dirty="0">
                <a:latin typeface="Meiryo UI"/>
                <a:cs typeface="Meiryo UI"/>
              </a:rPr>
              <a:t>群マネに取り組む上で、</a:t>
            </a:r>
            <a:r>
              <a:rPr sz="1368" dirty="0">
                <a:latin typeface="Meiryo UI"/>
                <a:cs typeface="Meiryo UI"/>
              </a:rPr>
              <a:t>3</a:t>
            </a:r>
            <a:r>
              <a:rPr sz="1368" spc="-4" dirty="0">
                <a:latin typeface="Meiryo UI"/>
                <a:cs typeface="Meiryo UI"/>
              </a:rPr>
              <a:t>つの群</a:t>
            </a:r>
            <a:r>
              <a:rPr sz="1368" dirty="0">
                <a:latin typeface="Meiryo UI"/>
                <a:cs typeface="Meiryo UI"/>
              </a:rPr>
              <a:t>（＝</a:t>
            </a:r>
            <a:r>
              <a:rPr sz="1368" spc="-4" dirty="0">
                <a:latin typeface="Meiryo UI"/>
                <a:cs typeface="Meiryo UI"/>
              </a:rPr>
              <a:t>束ねるもの</a:t>
            </a:r>
            <a:r>
              <a:rPr sz="1368" dirty="0">
                <a:latin typeface="Meiryo UI"/>
                <a:cs typeface="Meiryo UI"/>
              </a:rPr>
              <a:t>）</a:t>
            </a:r>
            <a:r>
              <a:rPr sz="1368" spc="-21" dirty="0">
                <a:latin typeface="Meiryo UI"/>
                <a:cs typeface="Meiryo UI"/>
              </a:rPr>
              <a:t>があると考えられ、地域が抱える課題や期待される効果に応じ、適</a:t>
            </a:r>
            <a:r>
              <a:rPr sz="1368" spc="-4" dirty="0">
                <a:latin typeface="Meiryo UI"/>
                <a:cs typeface="Meiryo UI"/>
              </a:rPr>
              <a:t>切な選択が求められる</a:t>
            </a:r>
            <a:endParaRPr sz="1368">
              <a:latin typeface="Meiryo UI"/>
              <a:cs typeface="Meiryo UI"/>
            </a:endParaRPr>
          </a:p>
          <a:p>
            <a:pPr marL="333395" marR="127602" indent="-249232">
              <a:lnSpc>
                <a:spcPct val="101899"/>
              </a:lnSpc>
              <a:buFont typeface="Wingdings"/>
              <a:buChar char=""/>
              <a:tabLst>
                <a:tab pos="333395" algn="l"/>
              </a:tabLst>
            </a:pPr>
            <a:r>
              <a:rPr sz="1368" spc="-4" dirty="0">
                <a:latin typeface="Meiryo UI"/>
                <a:cs typeface="Meiryo UI"/>
              </a:rPr>
              <a:t>具体的な方策として既存の制度や取組みが存在するが、自治体・事業者間の役割分担の考え方を示すとともに、より群マネの効果を高める方策の検討が必要ではないか</a:t>
            </a:r>
            <a:endParaRPr sz="1368">
              <a:latin typeface="Meiryo UI"/>
              <a:cs typeface="Meiryo UI"/>
            </a:endParaRPr>
          </a:p>
        </p:txBody>
      </p:sp>
      <p:sp>
        <p:nvSpPr>
          <p:cNvPr id="48" name="object 48"/>
          <p:cNvSpPr txBox="1"/>
          <p:nvPr/>
        </p:nvSpPr>
        <p:spPr>
          <a:xfrm>
            <a:off x="3254855" y="6300412"/>
            <a:ext cx="3272618" cy="382142"/>
          </a:xfrm>
          <a:prstGeom prst="rect">
            <a:avLst/>
          </a:prstGeom>
        </p:spPr>
        <p:txBody>
          <a:bodyPr vert="horz" wrap="square" lIns="0" tIns="13575" rIns="0" bIns="0" rtlCol="0">
            <a:spAutoFit/>
          </a:bodyPr>
          <a:lstStyle/>
          <a:p>
            <a:pPr marL="10860">
              <a:spcBef>
                <a:spcPts val="107"/>
              </a:spcBef>
            </a:pPr>
            <a:r>
              <a:rPr sz="1197" spc="-13" dirty="0">
                <a:solidFill>
                  <a:srgbClr val="00AF50"/>
                </a:solidFill>
                <a:latin typeface="Meiryo UI"/>
                <a:cs typeface="Meiryo UI"/>
              </a:rPr>
              <a:t>入札・契約に関する内容は、主に実施検討会で議論</a:t>
            </a:r>
            <a:endParaRPr sz="1197">
              <a:latin typeface="Meiryo UI"/>
              <a:cs typeface="Meiryo UI"/>
            </a:endParaRPr>
          </a:p>
        </p:txBody>
      </p:sp>
      <p:grpSp>
        <p:nvGrpSpPr>
          <p:cNvPr id="49" name="object 49"/>
          <p:cNvGrpSpPr/>
          <p:nvPr/>
        </p:nvGrpSpPr>
        <p:grpSpPr>
          <a:xfrm>
            <a:off x="1118782" y="5412770"/>
            <a:ext cx="1504090" cy="477291"/>
            <a:chOff x="1308353" y="6101334"/>
            <a:chExt cx="1758950" cy="558165"/>
          </a:xfrm>
        </p:grpSpPr>
        <p:sp>
          <p:nvSpPr>
            <p:cNvPr id="50" name="object 50"/>
            <p:cNvSpPr/>
            <p:nvPr/>
          </p:nvSpPr>
          <p:spPr>
            <a:xfrm>
              <a:off x="1312163" y="6105144"/>
              <a:ext cx="1751330" cy="550545"/>
            </a:xfrm>
            <a:custGeom>
              <a:avLst/>
              <a:gdLst/>
              <a:ahLst/>
              <a:cxnLst/>
              <a:rect l="l" t="t" r="r" b="b"/>
              <a:pathLst>
                <a:path w="1751330" h="550545">
                  <a:moveTo>
                    <a:pt x="1659636" y="550163"/>
                  </a:moveTo>
                  <a:lnTo>
                    <a:pt x="91439" y="550163"/>
                  </a:lnTo>
                  <a:lnTo>
                    <a:pt x="55935" y="542948"/>
                  </a:lnTo>
                  <a:lnTo>
                    <a:pt x="26860" y="523303"/>
                  </a:lnTo>
                  <a:lnTo>
                    <a:pt x="7215" y="494228"/>
                  </a:lnTo>
                  <a:lnTo>
                    <a:pt x="0" y="458724"/>
                  </a:lnTo>
                  <a:lnTo>
                    <a:pt x="0" y="91439"/>
                  </a:lnTo>
                  <a:lnTo>
                    <a:pt x="7215" y="55935"/>
                  </a:lnTo>
                  <a:lnTo>
                    <a:pt x="26860" y="26860"/>
                  </a:lnTo>
                  <a:lnTo>
                    <a:pt x="55935" y="7215"/>
                  </a:lnTo>
                  <a:lnTo>
                    <a:pt x="91439" y="0"/>
                  </a:lnTo>
                  <a:lnTo>
                    <a:pt x="1659636" y="0"/>
                  </a:lnTo>
                  <a:lnTo>
                    <a:pt x="1695140" y="7215"/>
                  </a:lnTo>
                  <a:lnTo>
                    <a:pt x="1724215" y="26860"/>
                  </a:lnTo>
                  <a:lnTo>
                    <a:pt x="1743860" y="55935"/>
                  </a:lnTo>
                  <a:lnTo>
                    <a:pt x="1751075" y="91439"/>
                  </a:lnTo>
                  <a:lnTo>
                    <a:pt x="1751075" y="458724"/>
                  </a:lnTo>
                  <a:lnTo>
                    <a:pt x="1743860" y="494228"/>
                  </a:lnTo>
                  <a:lnTo>
                    <a:pt x="1724215" y="523303"/>
                  </a:lnTo>
                  <a:lnTo>
                    <a:pt x="1695140" y="542948"/>
                  </a:lnTo>
                  <a:lnTo>
                    <a:pt x="1659636" y="550163"/>
                  </a:lnTo>
                  <a:close/>
                </a:path>
              </a:pathLst>
            </a:custGeom>
            <a:solidFill>
              <a:srgbClr val="FFFFFF"/>
            </a:solidFill>
          </p:spPr>
          <p:txBody>
            <a:bodyPr wrap="square" lIns="0" tIns="0" rIns="0" bIns="0" rtlCol="0"/>
            <a:lstStyle/>
            <a:p>
              <a:endParaRPr sz="1749"/>
            </a:p>
          </p:txBody>
        </p:sp>
        <p:sp>
          <p:nvSpPr>
            <p:cNvPr id="51" name="object 51"/>
            <p:cNvSpPr/>
            <p:nvPr/>
          </p:nvSpPr>
          <p:spPr>
            <a:xfrm>
              <a:off x="1312163" y="6105144"/>
              <a:ext cx="1751330" cy="550545"/>
            </a:xfrm>
            <a:custGeom>
              <a:avLst/>
              <a:gdLst/>
              <a:ahLst/>
              <a:cxnLst/>
              <a:rect l="l" t="t" r="r" b="b"/>
              <a:pathLst>
                <a:path w="1751330" h="550545">
                  <a:moveTo>
                    <a:pt x="0" y="91439"/>
                  </a:moveTo>
                  <a:lnTo>
                    <a:pt x="7215" y="55935"/>
                  </a:lnTo>
                  <a:lnTo>
                    <a:pt x="26860" y="26860"/>
                  </a:lnTo>
                  <a:lnTo>
                    <a:pt x="55935" y="7215"/>
                  </a:lnTo>
                  <a:lnTo>
                    <a:pt x="91439" y="0"/>
                  </a:lnTo>
                  <a:lnTo>
                    <a:pt x="1659636" y="0"/>
                  </a:lnTo>
                  <a:lnTo>
                    <a:pt x="1695140" y="7215"/>
                  </a:lnTo>
                  <a:lnTo>
                    <a:pt x="1724215" y="26860"/>
                  </a:lnTo>
                  <a:lnTo>
                    <a:pt x="1743860" y="55935"/>
                  </a:lnTo>
                  <a:lnTo>
                    <a:pt x="1751075" y="91439"/>
                  </a:lnTo>
                  <a:lnTo>
                    <a:pt x="1751075" y="458724"/>
                  </a:lnTo>
                  <a:lnTo>
                    <a:pt x="1743860" y="494228"/>
                  </a:lnTo>
                  <a:lnTo>
                    <a:pt x="1724215" y="523303"/>
                  </a:lnTo>
                  <a:lnTo>
                    <a:pt x="1695140" y="542948"/>
                  </a:lnTo>
                  <a:lnTo>
                    <a:pt x="1659636" y="550163"/>
                  </a:lnTo>
                  <a:lnTo>
                    <a:pt x="91439" y="550163"/>
                  </a:lnTo>
                  <a:lnTo>
                    <a:pt x="55935" y="542948"/>
                  </a:lnTo>
                  <a:lnTo>
                    <a:pt x="26860" y="523303"/>
                  </a:lnTo>
                  <a:lnTo>
                    <a:pt x="7215" y="494228"/>
                  </a:lnTo>
                  <a:lnTo>
                    <a:pt x="0" y="458724"/>
                  </a:lnTo>
                  <a:lnTo>
                    <a:pt x="0" y="91439"/>
                  </a:lnTo>
                  <a:close/>
                </a:path>
              </a:pathLst>
            </a:custGeom>
            <a:ln w="7620">
              <a:solidFill>
                <a:srgbClr val="595959"/>
              </a:solidFill>
            </a:ln>
          </p:spPr>
          <p:txBody>
            <a:bodyPr wrap="square" lIns="0" tIns="0" rIns="0" bIns="0" rtlCol="0"/>
            <a:lstStyle/>
            <a:p>
              <a:endParaRPr sz="1749"/>
            </a:p>
          </p:txBody>
        </p:sp>
      </p:grpSp>
      <p:sp>
        <p:nvSpPr>
          <p:cNvPr id="52" name="object 52"/>
          <p:cNvSpPr txBox="1"/>
          <p:nvPr/>
        </p:nvSpPr>
        <p:spPr>
          <a:xfrm>
            <a:off x="1460397" y="5521138"/>
            <a:ext cx="819376" cy="251664"/>
          </a:xfrm>
          <a:prstGeom prst="rect">
            <a:avLst/>
          </a:prstGeom>
        </p:spPr>
        <p:txBody>
          <a:bodyPr vert="horz" wrap="square" lIns="0" tIns="14661" rIns="0" bIns="0" rtlCol="0">
            <a:spAutoFit/>
          </a:bodyPr>
          <a:lstStyle/>
          <a:p>
            <a:pPr marL="10860">
              <a:spcBef>
                <a:spcPts val="115"/>
              </a:spcBef>
            </a:pPr>
            <a:r>
              <a:rPr sz="1539" spc="-13" dirty="0">
                <a:latin typeface="Meiryo UI"/>
                <a:cs typeface="Meiryo UI"/>
              </a:rPr>
              <a:t>垂直連携</a:t>
            </a:r>
            <a:endParaRPr sz="1539">
              <a:latin typeface="Meiryo UI"/>
              <a:cs typeface="Meiryo UI"/>
            </a:endParaRPr>
          </a:p>
        </p:txBody>
      </p:sp>
      <p:grpSp>
        <p:nvGrpSpPr>
          <p:cNvPr id="53" name="object 53"/>
          <p:cNvGrpSpPr/>
          <p:nvPr/>
        </p:nvGrpSpPr>
        <p:grpSpPr>
          <a:xfrm>
            <a:off x="1118782" y="4911045"/>
            <a:ext cx="1504090" cy="477291"/>
            <a:chOff x="1308353" y="5514594"/>
            <a:chExt cx="1758950" cy="558165"/>
          </a:xfrm>
        </p:grpSpPr>
        <p:sp>
          <p:nvSpPr>
            <p:cNvPr id="54" name="object 54"/>
            <p:cNvSpPr/>
            <p:nvPr/>
          </p:nvSpPr>
          <p:spPr>
            <a:xfrm>
              <a:off x="1312163" y="5518404"/>
              <a:ext cx="1751330" cy="550545"/>
            </a:xfrm>
            <a:custGeom>
              <a:avLst/>
              <a:gdLst/>
              <a:ahLst/>
              <a:cxnLst/>
              <a:rect l="l" t="t" r="r" b="b"/>
              <a:pathLst>
                <a:path w="1751330" h="550545">
                  <a:moveTo>
                    <a:pt x="1659636" y="550163"/>
                  </a:moveTo>
                  <a:lnTo>
                    <a:pt x="91439" y="550163"/>
                  </a:lnTo>
                  <a:lnTo>
                    <a:pt x="55935" y="542948"/>
                  </a:lnTo>
                  <a:lnTo>
                    <a:pt x="26860" y="523303"/>
                  </a:lnTo>
                  <a:lnTo>
                    <a:pt x="7215" y="494228"/>
                  </a:lnTo>
                  <a:lnTo>
                    <a:pt x="0" y="458724"/>
                  </a:lnTo>
                  <a:lnTo>
                    <a:pt x="0" y="92963"/>
                  </a:lnTo>
                  <a:lnTo>
                    <a:pt x="7215" y="56578"/>
                  </a:lnTo>
                  <a:lnTo>
                    <a:pt x="26860" y="27050"/>
                  </a:lnTo>
                  <a:lnTo>
                    <a:pt x="55935" y="7238"/>
                  </a:lnTo>
                  <a:lnTo>
                    <a:pt x="91439" y="0"/>
                  </a:lnTo>
                  <a:lnTo>
                    <a:pt x="1659636" y="0"/>
                  </a:lnTo>
                  <a:lnTo>
                    <a:pt x="1695140" y="7238"/>
                  </a:lnTo>
                  <a:lnTo>
                    <a:pt x="1724215" y="27050"/>
                  </a:lnTo>
                  <a:lnTo>
                    <a:pt x="1743860" y="56578"/>
                  </a:lnTo>
                  <a:lnTo>
                    <a:pt x="1751075" y="92963"/>
                  </a:lnTo>
                  <a:lnTo>
                    <a:pt x="1751075" y="458724"/>
                  </a:lnTo>
                  <a:lnTo>
                    <a:pt x="1743860" y="494228"/>
                  </a:lnTo>
                  <a:lnTo>
                    <a:pt x="1724215" y="523303"/>
                  </a:lnTo>
                  <a:lnTo>
                    <a:pt x="1695140" y="542948"/>
                  </a:lnTo>
                  <a:lnTo>
                    <a:pt x="1659636" y="550163"/>
                  </a:lnTo>
                  <a:close/>
                </a:path>
              </a:pathLst>
            </a:custGeom>
            <a:solidFill>
              <a:srgbClr val="FFFFFF"/>
            </a:solidFill>
          </p:spPr>
          <p:txBody>
            <a:bodyPr wrap="square" lIns="0" tIns="0" rIns="0" bIns="0" rtlCol="0"/>
            <a:lstStyle/>
            <a:p>
              <a:endParaRPr sz="1749"/>
            </a:p>
          </p:txBody>
        </p:sp>
        <p:sp>
          <p:nvSpPr>
            <p:cNvPr id="55" name="object 55"/>
            <p:cNvSpPr/>
            <p:nvPr/>
          </p:nvSpPr>
          <p:spPr>
            <a:xfrm>
              <a:off x="1312163" y="5518404"/>
              <a:ext cx="1751330" cy="550545"/>
            </a:xfrm>
            <a:custGeom>
              <a:avLst/>
              <a:gdLst/>
              <a:ahLst/>
              <a:cxnLst/>
              <a:rect l="l" t="t" r="r" b="b"/>
              <a:pathLst>
                <a:path w="1751330" h="550545">
                  <a:moveTo>
                    <a:pt x="0" y="92963"/>
                  </a:moveTo>
                  <a:lnTo>
                    <a:pt x="7215" y="56578"/>
                  </a:lnTo>
                  <a:lnTo>
                    <a:pt x="26860" y="27050"/>
                  </a:lnTo>
                  <a:lnTo>
                    <a:pt x="55935" y="7238"/>
                  </a:lnTo>
                  <a:lnTo>
                    <a:pt x="91439" y="0"/>
                  </a:lnTo>
                  <a:lnTo>
                    <a:pt x="1659636" y="0"/>
                  </a:lnTo>
                  <a:lnTo>
                    <a:pt x="1695140" y="7238"/>
                  </a:lnTo>
                  <a:lnTo>
                    <a:pt x="1724215" y="27050"/>
                  </a:lnTo>
                  <a:lnTo>
                    <a:pt x="1743860" y="56578"/>
                  </a:lnTo>
                  <a:lnTo>
                    <a:pt x="1751075" y="92963"/>
                  </a:lnTo>
                  <a:lnTo>
                    <a:pt x="1751075" y="458724"/>
                  </a:lnTo>
                  <a:lnTo>
                    <a:pt x="1743860" y="494228"/>
                  </a:lnTo>
                  <a:lnTo>
                    <a:pt x="1724215" y="523303"/>
                  </a:lnTo>
                  <a:lnTo>
                    <a:pt x="1695140" y="542948"/>
                  </a:lnTo>
                  <a:lnTo>
                    <a:pt x="1659636" y="550163"/>
                  </a:lnTo>
                  <a:lnTo>
                    <a:pt x="91439" y="550163"/>
                  </a:lnTo>
                  <a:lnTo>
                    <a:pt x="55935" y="542948"/>
                  </a:lnTo>
                  <a:lnTo>
                    <a:pt x="26860" y="523303"/>
                  </a:lnTo>
                  <a:lnTo>
                    <a:pt x="7215" y="494228"/>
                  </a:lnTo>
                  <a:lnTo>
                    <a:pt x="0" y="458724"/>
                  </a:lnTo>
                  <a:lnTo>
                    <a:pt x="0" y="92963"/>
                  </a:lnTo>
                  <a:close/>
                </a:path>
              </a:pathLst>
            </a:custGeom>
            <a:ln w="7620">
              <a:solidFill>
                <a:srgbClr val="595959"/>
              </a:solidFill>
            </a:ln>
          </p:spPr>
          <p:txBody>
            <a:bodyPr wrap="square" lIns="0" tIns="0" rIns="0" bIns="0" rtlCol="0"/>
            <a:lstStyle/>
            <a:p>
              <a:endParaRPr sz="1749"/>
            </a:p>
          </p:txBody>
        </p:sp>
      </p:grpSp>
      <p:sp>
        <p:nvSpPr>
          <p:cNvPr id="56" name="object 56"/>
          <p:cNvSpPr txBox="1"/>
          <p:nvPr/>
        </p:nvSpPr>
        <p:spPr>
          <a:xfrm>
            <a:off x="1460397" y="5020723"/>
            <a:ext cx="819376" cy="251664"/>
          </a:xfrm>
          <a:prstGeom prst="rect">
            <a:avLst/>
          </a:prstGeom>
        </p:spPr>
        <p:txBody>
          <a:bodyPr vert="horz" wrap="square" lIns="0" tIns="14661" rIns="0" bIns="0" rtlCol="0">
            <a:spAutoFit/>
          </a:bodyPr>
          <a:lstStyle/>
          <a:p>
            <a:pPr marL="10860">
              <a:spcBef>
                <a:spcPts val="115"/>
              </a:spcBef>
            </a:pPr>
            <a:r>
              <a:rPr sz="1539" spc="-13" dirty="0">
                <a:latin typeface="Meiryo UI"/>
                <a:cs typeface="Meiryo UI"/>
              </a:rPr>
              <a:t>水平連携</a:t>
            </a:r>
            <a:endParaRPr sz="1539">
              <a:latin typeface="Meiryo UI"/>
              <a:cs typeface="Meiryo UI"/>
            </a:endParaRPr>
          </a:p>
        </p:txBody>
      </p:sp>
      <p:sp>
        <p:nvSpPr>
          <p:cNvPr id="65" name="object 65"/>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49</a:t>
            </a:fld>
            <a:endParaRPr spc="-21" dirty="0"/>
          </a:p>
        </p:txBody>
      </p:sp>
      <p:sp>
        <p:nvSpPr>
          <p:cNvPr id="57" name="object 57"/>
          <p:cNvSpPr txBox="1"/>
          <p:nvPr/>
        </p:nvSpPr>
        <p:spPr>
          <a:xfrm>
            <a:off x="1322730" y="4644543"/>
            <a:ext cx="986618" cy="217635"/>
          </a:xfrm>
          <a:prstGeom prst="rect">
            <a:avLst/>
          </a:prstGeom>
          <a:solidFill>
            <a:srgbClr val="8397AF"/>
          </a:solidFill>
        </p:spPr>
        <p:txBody>
          <a:bodyPr vert="horz" wrap="square" lIns="0" tIns="7059" rIns="0" bIns="0" rtlCol="0">
            <a:spAutoFit/>
          </a:bodyPr>
          <a:lstStyle/>
          <a:p>
            <a:pPr marL="314933">
              <a:spcBef>
                <a:spcPts val="56"/>
              </a:spcBef>
            </a:pPr>
            <a:r>
              <a:rPr sz="1368" b="1" spc="-21" dirty="0">
                <a:solidFill>
                  <a:srgbClr val="FFFFFF"/>
                </a:solidFill>
                <a:latin typeface="Meiryo UI"/>
                <a:cs typeface="Meiryo UI"/>
              </a:rPr>
              <a:t>空間</a:t>
            </a:r>
            <a:endParaRPr sz="1368">
              <a:latin typeface="Meiryo UI"/>
              <a:cs typeface="Meiryo UI"/>
            </a:endParaRPr>
          </a:p>
        </p:txBody>
      </p:sp>
      <p:sp>
        <p:nvSpPr>
          <p:cNvPr id="58" name="object 58"/>
          <p:cNvSpPr txBox="1"/>
          <p:nvPr/>
        </p:nvSpPr>
        <p:spPr>
          <a:xfrm>
            <a:off x="3832661" y="4626299"/>
            <a:ext cx="934491" cy="217635"/>
          </a:xfrm>
          <a:prstGeom prst="rect">
            <a:avLst/>
          </a:prstGeom>
          <a:solidFill>
            <a:srgbClr val="8397AF"/>
          </a:solidFill>
        </p:spPr>
        <p:txBody>
          <a:bodyPr vert="horz" wrap="square" lIns="0" tIns="7059" rIns="0" bIns="0" rtlCol="0">
            <a:spAutoFit/>
          </a:bodyPr>
          <a:lstStyle/>
          <a:p>
            <a:pPr marL="290499">
              <a:spcBef>
                <a:spcPts val="56"/>
              </a:spcBef>
            </a:pPr>
            <a:r>
              <a:rPr sz="1368" b="1" spc="-21" dirty="0">
                <a:solidFill>
                  <a:srgbClr val="FFFFFF"/>
                </a:solidFill>
                <a:latin typeface="Meiryo UI"/>
                <a:cs typeface="Meiryo UI"/>
              </a:rPr>
              <a:t>分野</a:t>
            </a:r>
            <a:endParaRPr sz="1368">
              <a:latin typeface="Meiryo UI"/>
              <a:cs typeface="Meiryo UI"/>
            </a:endParaRPr>
          </a:p>
        </p:txBody>
      </p:sp>
      <p:sp>
        <p:nvSpPr>
          <p:cNvPr id="59" name="object 59"/>
          <p:cNvSpPr txBox="1"/>
          <p:nvPr/>
        </p:nvSpPr>
        <p:spPr>
          <a:xfrm>
            <a:off x="3131549" y="5365203"/>
            <a:ext cx="933405" cy="217635"/>
          </a:xfrm>
          <a:prstGeom prst="rect">
            <a:avLst/>
          </a:prstGeom>
          <a:solidFill>
            <a:srgbClr val="8397AF"/>
          </a:solidFill>
        </p:spPr>
        <p:txBody>
          <a:bodyPr vert="horz" wrap="square" lIns="0" tIns="7059" rIns="0" bIns="0" rtlCol="0">
            <a:spAutoFit/>
          </a:bodyPr>
          <a:lstStyle/>
          <a:p>
            <a:pPr marL="174299">
              <a:spcBef>
                <a:spcPts val="56"/>
              </a:spcBef>
            </a:pPr>
            <a:r>
              <a:rPr sz="1368" b="1" spc="-13" dirty="0">
                <a:solidFill>
                  <a:srgbClr val="FFFFFF"/>
                </a:solidFill>
                <a:latin typeface="Meiryo UI"/>
                <a:cs typeface="Meiryo UI"/>
              </a:rPr>
              <a:t>プロセス</a:t>
            </a:r>
            <a:endParaRPr sz="1368">
              <a:latin typeface="Meiryo UI"/>
              <a:cs typeface="Meiryo UI"/>
            </a:endParaRPr>
          </a:p>
        </p:txBody>
      </p:sp>
      <p:sp>
        <p:nvSpPr>
          <p:cNvPr id="60" name="object 60"/>
          <p:cNvSpPr txBox="1"/>
          <p:nvPr/>
        </p:nvSpPr>
        <p:spPr>
          <a:xfrm>
            <a:off x="4494678" y="5358688"/>
            <a:ext cx="934491" cy="219280"/>
          </a:xfrm>
          <a:prstGeom prst="rect">
            <a:avLst/>
          </a:prstGeom>
          <a:solidFill>
            <a:srgbClr val="8397AF"/>
          </a:solidFill>
        </p:spPr>
        <p:txBody>
          <a:bodyPr vert="horz" wrap="square" lIns="0" tIns="8688" rIns="0" bIns="0" rtlCol="0">
            <a:spAutoFit/>
          </a:bodyPr>
          <a:lstStyle/>
          <a:p>
            <a:pPr marL="201449">
              <a:spcBef>
                <a:spcPts val="68"/>
              </a:spcBef>
            </a:pPr>
            <a:r>
              <a:rPr sz="1368" b="1" spc="-17" dirty="0">
                <a:solidFill>
                  <a:srgbClr val="FFFFFF"/>
                </a:solidFill>
                <a:latin typeface="Meiryo UI"/>
                <a:cs typeface="Meiryo UI"/>
              </a:rPr>
              <a:t>時間軸</a:t>
            </a:r>
            <a:endParaRPr sz="1368">
              <a:latin typeface="Meiryo UI"/>
              <a:cs typeface="Meiryo UI"/>
            </a:endParaRPr>
          </a:p>
        </p:txBody>
      </p:sp>
      <p:sp>
        <p:nvSpPr>
          <p:cNvPr id="61" name="object 61"/>
          <p:cNvSpPr txBox="1"/>
          <p:nvPr/>
        </p:nvSpPr>
        <p:spPr>
          <a:xfrm>
            <a:off x="1361443" y="4337873"/>
            <a:ext cx="907884" cy="549376"/>
          </a:xfrm>
          <a:prstGeom prst="rect">
            <a:avLst/>
          </a:prstGeom>
        </p:spPr>
        <p:txBody>
          <a:bodyPr vert="horz" wrap="square" lIns="0" tIns="9774" rIns="0" bIns="0" rtlCol="0">
            <a:spAutoFit/>
          </a:bodyPr>
          <a:lstStyle/>
          <a:p>
            <a:pPr marL="10860">
              <a:spcBef>
                <a:spcPts val="77"/>
              </a:spcBef>
            </a:pPr>
            <a:r>
              <a:rPr sz="1753" b="1" spc="-30" dirty="0">
                <a:latin typeface="Meiryo UI"/>
                <a:cs typeface="Meiryo UI"/>
              </a:rPr>
              <a:t>【発注者】</a:t>
            </a:r>
            <a:endParaRPr sz="1753">
              <a:latin typeface="Meiryo UI"/>
              <a:cs typeface="Meiryo UI"/>
            </a:endParaRPr>
          </a:p>
        </p:txBody>
      </p:sp>
      <p:sp>
        <p:nvSpPr>
          <p:cNvPr id="62" name="object 62"/>
          <p:cNvSpPr txBox="1"/>
          <p:nvPr/>
        </p:nvSpPr>
        <p:spPr>
          <a:xfrm>
            <a:off x="3944328" y="4339171"/>
            <a:ext cx="686343" cy="549376"/>
          </a:xfrm>
          <a:prstGeom prst="rect">
            <a:avLst/>
          </a:prstGeom>
        </p:spPr>
        <p:txBody>
          <a:bodyPr vert="horz" wrap="square" lIns="0" tIns="9774" rIns="0" bIns="0" rtlCol="0">
            <a:spAutoFit/>
          </a:bodyPr>
          <a:lstStyle/>
          <a:p>
            <a:pPr marL="10860">
              <a:spcBef>
                <a:spcPts val="77"/>
              </a:spcBef>
            </a:pPr>
            <a:r>
              <a:rPr sz="1753" b="1" spc="-30" dirty="0">
                <a:latin typeface="Meiryo UI"/>
                <a:cs typeface="Meiryo UI"/>
              </a:rPr>
              <a:t>【業務】</a:t>
            </a:r>
            <a:endParaRPr sz="1753" dirty="0">
              <a:latin typeface="Meiryo UI"/>
              <a:cs typeface="Meiryo UI"/>
            </a:endParaRPr>
          </a:p>
        </p:txBody>
      </p:sp>
      <p:sp>
        <p:nvSpPr>
          <p:cNvPr id="63" name="object 63"/>
          <p:cNvSpPr txBox="1"/>
          <p:nvPr/>
        </p:nvSpPr>
        <p:spPr>
          <a:xfrm>
            <a:off x="4334021" y="2243606"/>
            <a:ext cx="508241" cy="599252"/>
          </a:xfrm>
          <a:prstGeom prst="rect">
            <a:avLst/>
          </a:prstGeom>
        </p:spPr>
        <p:txBody>
          <a:bodyPr vert="horz" wrap="square" lIns="0" tIns="13575" rIns="0" bIns="0" rtlCol="0">
            <a:spAutoFit/>
          </a:bodyPr>
          <a:lstStyle/>
          <a:p>
            <a:pPr marL="10860">
              <a:spcBef>
                <a:spcPts val="107"/>
              </a:spcBef>
            </a:pPr>
            <a:r>
              <a:rPr sz="3805" b="1" spc="-43" dirty="0">
                <a:latin typeface="Meiryo UI"/>
                <a:cs typeface="Meiryo UI"/>
              </a:rPr>
              <a:t>＋</a:t>
            </a:r>
            <a:endParaRPr sz="3805">
              <a:latin typeface="Meiryo UI"/>
              <a:cs typeface="Meiryo UI"/>
            </a:endParaRPr>
          </a:p>
        </p:txBody>
      </p:sp>
      <p:sp>
        <p:nvSpPr>
          <p:cNvPr id="64" name="object 64"/>
          <p:cNvSpPr txBox="1"/>
          <p:nvPr/>
        </p:nvSpPr>
        <p:spPr>
          <a:xfrm>
            <a:off x="5129329" y="727175"/>
            <a:ext cx="3697238" cy="394753"/>
          </a:xfrm>
          <a:prstGeom prst="rect">
            <a:avLst/>
          </a:prstGeom>
          <a:ln w="13715">
            <a:solidFill>
              <a:srgbClr val="000000"/>
            </a:solidFill>
          </a:ln>
        </p:spPr>
        <p:txBody>
          <a:bodyPr vert="horz" wrap="square" lIns="0" tIns="26064" rIns="0" bIns="0" rtlCol="0">
            <a:spAutoFit/>
          </a:bodyPr>
          <a:lstStyle/>
          <a:p>
            <a:pPr marL="160182">
              <a:spcBef>
                <a:spcPts val="205"/>
              </a:spcBef>
            </a:pPr>
            <a:r>
              <a:rPr sz="1197" spc="-4" dirty="0">
                <a:latin typeface="ＭＳ Ｐゴシック"/>
                <a:cs typeface="ＭＳ Ｐゴシック"/>
              </a:rPr>
              <a:t>令和６年７月２日  第４回群マネ計画検討会資料より</a:t>
            </a:r>
            <a:endParaRPr sz="1197">
              <a:latin typeface="ＭＳ Ｐゴシック"/>
              <a:cs typeface="ＭＳ Ｐゴシック"/>
            </a:endParaRPr>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EF873169-6F59-6DFB-15A1-B1F4E18C9550}"/>
              </a:ext>
            </a:extLst>
          </p:cNvPr>
          <p:cNvPicPr>
            <a:picLocks noChangeAspect="1"/>
          </p:cNvPicPr>
          <p:nvPr/>
        </p:nvPicPr>
        <p:blipFill>
          <a:blip r:embed="rId2"/>
          <a:stretch>
            <a:fillRect/>
          </a:stretch>
        </p:blipFill>
        <p:spPr>
          <a:xfrm>
            <a:off x="129125" y="316728"/>
            <a:ext cx="9014875" cy="6388872"/>
          </a:xfrm>
          <a:prstGeom prst="rect">
            <a:avLst/>
          </a:prstGeom>
        </p:spPr>
      </p:pic>
    </p:spTree>
    <p:extLst>
      <p:ext uri="{BB962C8B-B14F-4D97-AF65-F5344CB8AC3E}">
        <p14:creationId xmlns:p14="http://schemas.microsoft.com/office/powerpoint/2010/main" val="4165403584"/>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765813" y="1252358"/>
            <a:ext cx="6942164" cy="743634"/>
          </a:xfrm>
          <a:prstGeom prst="rect">
            <a:avLst/>
          </a:prstGeom>
          <a:solidFill>
            <a:srgbClr val="FF0000"/>
          </a:solidFill>
        </p:spPr>
        <p:txBody>
          <a:bodyPr vert="horz" wrap="square" lIns="0" tIns="100997" rIns="0" bIns="0" rtlCol="0">
            <a:spAutoFit/>
          </a:bodyPr>
          <a:lstStyle/>
          <a:p>
            <a:pPr marL="29864" marR="235114">
              <a:lnSpc>
                <a:spcPts val="2505"/>
              </a:lnSpc>
              <a:spcBef>
                <a:spcPts val="795"/>
              </a:spcBef>
            </a:pPr>
            <a:r>
              <a:rPr sz="2095" b="1" spc="-38" dirty="0">
                <a:solidFill>
                  <a:srgbClr val="FFFFFF"/>
                </a:solidFill>
                <a:latin typeface="Meiryo UI"/>
                <a:cs typeface="Meiryo UI"/>
              </a:rPr>
              <a:t>適切にインフラメンテナンスを行っていく上で、行政として必要な技術的体制を確保できていない</a:t>
            </a:r>
            <a:endParaRPr sz="2095">
              <a:latin typeface="Meiryo UI"/>
              <a:cs typeface="Meiryo UI"/>
            </a:endParaRPr>
          </a:p>
        </p:txBody>
      </p:sp>
      <p:sp>
        <p:nvSpPr>
          <p:cNvPr id="9" name="object 9"/>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50</a:t>
            </a:fld>
            <a:endParaRPr spc="-21" dirty="0"/>
          </a:p>
        </p:txBody>
      </p:sp>
      <p:sp>
        <p:nvSpPr>
          <p:cNvPr id="3" name="object 3"/>
          <p:cNvSpPr txBox="1"/>
          <p:nvPr/>
        </p:nvSpPr>
        <p:spPr>
          <a:xfrm>
            <a:off x="372710" y="1252358"/>
            <a:ext cx="1341192" cy="573516"/>
          </a:xfrm>
          <a:prstGeom prst="rect">
            <a:avLst/>
          </a:prstGeom>
          <a:ln w="27432">
            <a:solidFill>
              <a:srgbClr val="000000"/>
            </a:solidFill>
          </a:ln>
        </p:spPr>
        <p:txBody>
          <a:bodyPr vert="horz" wrap="square" lIns="0" tIns="248691" rIns="0" bIns="0" rtlCol="0">
            <a:spAutoFit/>
          </a:bodyPr>
          <a:lstStyle/>
          <a:p>
            <a:pPr marL="150951">
              <a:spcBef>
                <a:spcPts val="1958"/>
              </a:spcBef>
            </a:pPr>
            <a:r>
              <a:rPr sz="2095" b="1" spc="-30" dirty="0">
                <a:latin typeface="Meiryo UI"/>
                <a:cs typeface="Meiryo UI"/>
              </a:rPr>
              <a:t>主な課題</a:t>
            </a:r>
            <a:endParaRPr sz="2095">
              <a:latin typeface="Meiryo UI"/>
              <a:cs typeface="Meiryo UI"/>
            </a:endParaRPr>
          </a:p>
        </p:txBody>
      </p:sp>
      <p:sp>
        <p:nvSpPr>
          <p:cNvPr id="4" name="object 4"/>
          <p:cNvSpPr txBox="1"/>
          <p:nvPr/>
        </p:nvSpPr>
        <p:spPr>
          <a:xfrm>
            <a:off x="703332" y="2215649"/>
            <a:ext cx="8074847" cy="4358083"/>
          </a:xfrm>
          <a:prstGeom prst="rect">
            <a:avLst/>
          </a:prstGeom>
        </p:spPr>
        <p:txBody>
          <a:bodyPr vert="horz" wrap="square" lIns="0" tIns="10317" rIns="0" bIns="0" rtlCol="0">
            <a:spAutoFit/>
          </a:bodyPr>
          <a:lstStyle/>
          <a:p>
            <a:pPr marL="259549" marR="48869" indent="-249232">
              <a:lnSpc>
                <a:spcPct val="149400"/>
              </a:lnSpc>
              <a:spcBef>
                <a:spcPts val="81"/>
              </a:spcBef>
              <a:buFont typeface="Wingdings"/>
              <a:buChar char=""/>
              <a:tabLst>
                <a:tab pos="259549" algn="l"/>
                <a:tab pos="420816" algn="l"/>
              </a:tabLst>
            </a:pPr>
            <a:r>
              <a:rPr sz="1924" dirty="0">
                <a:latin typeface="Times New Roman"/>
                <a:cs typeface="Times New Roman"/>
              </a:rPr>
              <a:t>	</a:t>
            </a:r>
            <a:r>
              <a:rPr sz="1924" spc="-47" dirty="0">
                <a:latin typeface="Meiryo UI"/>
                <a:cs typeface="Meiryo UI"/>
              </a:rPr>
              <a:t>各自治体において、技術的なバックグラウンドを持った技術系職種の職員を確保し、管理者として適切にメンテナンスを実施することが望ましいが、技術系職員の確</a:t>
            </a:r>
            <a:r>
              <a:rPr sz="1924" spc="-38" dirty="0">
                <a:latin typeface="Meiryo UI"/>
                <a:cs typeface="Meiryo UI"/>
              </a:rPr>
              <a:t>保が困難な場合、産学官の技術者による</a:t>
            </a:r>
            <a:r>
              <a:rPr sz="1924" spc="-43" dirty="0">
                <a:solidFill>
                  <a:srgbClr val="FF0000"/>
                </a:solidFill>
                <a:latin typeface="Meiryo UI"/>
                <a:cs typeface="Meiryo UI"/>
              </a:rPr>
              <a:t>自治体技術者(※)の育成</a:t>
            </a:r>
            <a:r>
              <a:rPr sz="1924" spc="-17" dirty="0">
                <a:latin typeface="Meiryo UI"/>
                <a:cs typeface="Meiryo UI"/>
              </a:rPr>
              <a:t>や、</a:t>
            </a:r>
            <a:r>
              <a:rPr sz="1924" spc="-43" dirty="0">
                <a:solidFill>
                  <a:srgbClr val="FF0000"/>
                </a:solidFill>
                <a:latin typeface="Meiryo UI"/>
                <a:cs typeface="Meiryo UI"/>
              </a:rPr>
              <a:t>自治体</a:t>
            </a:r>
            <a:r>
              <a:rPr sz="1924" spc="-26" dirty="0">
                <a:solidFill>
                  <a:srgbClr val="FF0000"/>
                </a:solidFill>
                <a:latin typeface="Meiryo UI"/>
                <a:cs typeface="Meiryo UI"/>
              </a:rPr>
              <a:t>間連携</a:t>
            </a:r>
            <a:r>
              <a:rPr sz="1924" spc="-47" dirty="0">
                <a:latin typeface="Meiryo UI"/>
                <a:cs typeface="Meiryo UI"/>
              </a:rPr>
              <a:t>によって技術的な補完を行う体制の構築を検討し、</a:t>
            </a:r>
            <a:r>
              <a:rPr sz="1924" spc="-43" dirty="0">
                <a:solidFill>
                  <a:srgbClr val="FF0000"/>
                </a:solidFill>
                <a:latin typeface="Meiryo UI"/>
                <a:cs typeface="Meiryo UI"/>
              </a:rPr>
              <a:t>メンテナンスの技術的</a:t>
            </a:r>
            <a:r>
              <a:rPr sz="1924" spc="-38" dirty="0">
                <a:solidFill>
                  <a:srgbClr val="FF0000"/>
                </a:solidFill>
                <a:latin typeface="Meiryo UI"/>
                <a:cs typeface="Meiryo UI"/>
              </a:rPr>
              <a:t>体制を確保していくことが必要</a:t>
            </a:r>
            <a:r>
              <a:rPr sz="1924" spc="-34" dirty="0">
                <a:latin typeface="Meiryo UI"/>
                <a:cs typeface="Meiryo UI"/>
              </a:rPr>
              <a:t>ではないか</a:t>
            </a:r>
            <a:endParaRPr sz="1924">
              <a:latin typeface="Meiryo UI"/>
              <a:cs typeface="Meiryo UI"/>
            </a:endParaRPr>
          </a:p>
          <a:p>
            <a:pPr marL="1110411" marR="4344" indent="-468056" algn="just">
              <a:lnSpc>
                <a:spcPct val="152800"/>
              </a:lnSpc>
              <a:spcBef>
                <a:spcPts val="2151"/>
              </a:spcBef>
            </a:pPr>
            <a:r>
              <a:rPr sz="1539" dirty="0">
                <a:latin typeface="Meiryo UI"/>
                <a:cs typeface="Meiryo UI"/>
              </a:rPr>
              <a:t>(※) ここでいう自治体技術者については、必ずしも【技術力を有する職員</a:t>
            </a:r>
            <a:r>
              <a:rPr sz="1539" spc="30" dirty="0">
                <a:latin typeface="Meiryo UI"/>
                <a:cs typeface="Meiryo UI"/>
              </a:rPr>
              <a:t>＝</a:t>
            </a:r>
            <a:r>
              <a:rPr sz="1539" spc="17" dirty="0">
                <a:latin typeface="Meiryo UI"/>
                <a:cs typeface="Meiryo UI"/>
              </a:rPr>
              <a:t>技術系職員】では</a:t>
            </a:r>
            <a:r>
              <a:rPr sz="1539" spc="-4" dirty="0">
                <a:latin typeface="Meiryo UI"/>
                <a:cs typeface="Meiryo UI"/>
              </a:rPr>
              <a:t>なく、技術系職員でなくても人材育成、業務経験等によって行政としてインフラメンテナンス</a:t>
            </a:r>
            <a:r>
              <a:rPr sz="1539" dirty="0">
                <a:latin typeface="Meiryo UI"/>
                <a:cs typeface="Meiryo UI"/>
              </a:rPr>
              <a:t>を進めて行く上で必要な技術力を身に付けることは可能と考えられる</a:t>
            </a:r>
            <a:endParaRPr sz="1539">
              <a:latin typeface="Meiryo UI"/>
              <a:cs typeface="Meiryo UI"/>
            </a:endParaRPr>
          </a:p>
        </p:txBody>
      </p:sp>
      <p:sp>
        <p:nvSpPr>
          <p:cNvPr id="5" name="object 5"/>
          <p:cNvSpPr txBox="1"/>
          <p:nvPr/>
        </p:nvSpPr>
        <p:spPr>
          <a:xfrm>
            <a:off x="5129329" y="727175"/>
            <a:ext cx="3697238" cy="394753"/>
          </a:xfrm>
          <a:prstGeom prst="rect">
            <a:avLst/>
          </a:prstGeom>
          <a:ln w="13715">
            <a:solidFill>
              <a:srgbClr val="000000"/>
            </a:solidFill>
          </a:ln>
        </p:spPr>
        <p:txBody>
          <a:bodyPr vert="horz" wrap="square" lIns="0" tIns="26064" rIns="0" bIns="0" rtlCol="0">
            <a:spAutoFit/>
          </a:bodyPr>
          <a:lstStyle/>
          <a:p>
            <a:pPr marL="160182">
              <a:spcBef>
                <a:spcPts val="205"/>
              </a:spcBef>
            </a:pPr>
            <a:r>
              <a:rPr sz="1197" spc="-4" dirty="0">
                <a:latin typeface="ＭＳ Ｐゴシック"/>
                <a:cs typeface="ＭＳ Ｐゴシック"/>
              </a:rPr>
              <a:t>令和６年７月２日  第４回群マネ計画検討会資料より</a:t>
            </a:r>
            <a:endParaRPr sz="1197">
              <a:latin typeface="ＭＳ Ｐゴシック"/>
              <a:cs typeface="ＭＳ Ｐゴシック"/>
            </a:endParaRPr>
          </a:p>
        </p:txBody>
      </p:sp>
      <p:sp>
        <p:nvSpPr>
          <p:cNvPr id="6" name="object 6"/>
          <p:cNvSpPr txBox="1">
            <a:spLocks noGrp="1"/>
          </p:cNvSpPr>
          <p:nvPr>
            <p:ph type="title"/>
          </p:nvPr>
        </p:nvSpPr>
        <p:spPr>
          <a:xfrm>
            <a:off x="1" y="221249"/>
            <a:ext cx="2564668" cy="416132"/>
          </a:xfrm>
          <a:prstGeom prst="rect">
            <a:avLst/>
          </a:prstGeom>
        </p:spPr>
        <p:txBody>
          <a:bodyPr vert="horz" wrap="square" lIns="0" tIns="14661" rIns="0" bIns="0" rtlCol="0">
            <a:spAutoFit/>
          </a:bodyPr>
          <a:lstStyle/>
          <a:p>
            <a:pPr marL="10860">
              <a:lnSpc>
                <a:spcPct val="100000"/>
              </a:lnSpc>
              <a:spcBef>
                <a:spcPts val="115"/>
              </a:spcBef>
            </a:pPr>
            <a:r>
              <a:rPr sz="2608" dirty="0">
                <a:latin typeface="ＭＳ Ｐゴシック"/>
                <a:cs typeface="ＭＳ Ｐゴシック"/>
              </a:rPr>
              <a:t>【</a:t>
            </a:r>
            <a:r>
              <a:rPr sz="2608" spc="13" dirty="0">
                <a:solidFill>
                  <a:srgbClr val="E46B0A"/>
                </a:solidFill>
                <a:latin typeface="ＭＳ Ｐゴシック"/>
                <a:cs typeface="ＭＳ Ｐゴシック"/>
              </a:rPr>
              <a:t>技術者</a:t>
            </a:r>
            <a:r>
              <a:rPr sz="2608" spc="-17" dirty="0">
                <a:latin typeface="ＭＳ Ｐゴシック"/>
                <a:cs typeface="ＭＳ Ｐゴシック"/>
              </a:rPr>
              <a:t>の束】</a:t>
            </a:r>
            <a:endParaRPr sz="2608" dirty="0">
              <a:latin typeface="ＭＳ Ｐゴシック"/>
              <a:cs typeface="ＭＳ Ｐゴシック"/>
            </a:endParaRPr>
          </a:p>
        </p:txBody>
      </p:sp>
      <p:sp>
        <p:nvSpPr>
          <p:cNvPr id="7" name="object 7"/>
          <p:cNvSpPr txBox="1"/>
          <p:nvPr/>
        </p:nvSpPr>
        <p:spPr>
          <a:xfrm>
            <a:off x="372710" y="756695"/>
            <a:ext cx="1638621" cy="416132"/>
          </a:xfrm>
          <a:prstGeom prst="rect">
            <a:avLst/>
          </a:prstGeom>
        </p:spPr>
        <p:txBody>
          <a:bodyPr vert="horz" wrap="square" lIns="0" tIns="14661" rIns="0" bIns="0" rtlCol="0">
            <a:spAutoFit/>
          </a:bodyPr>
          <a:lstStyle/>
          <a:p>
            <a:pPr marL="10860">
              <a:spcBef>
                <a:spcPts val="115"/>
              </a:spcBef>
            </a:pPr>
            <a:r>
              <a:rPr sz="2608" spc="9" dirty="0">
                <a:solidFill>
                  <a:srgbClr val="3F87C8"/>
                </a:solidFill>
                <a:latin typeface="ＭＳ Ｐゴシック"/>
                <a:cs typeface="ＭＳ Ｐゴシック"/>
              </a:rPr>
              <a:t>主な課題</a:t>
            </a:r>
            <a:endParaRPr sz="2608" dirty="0">
              <a:latin typeface="ＭＳ Ｐゴシック"/>
              <a:cs typeface="ＭＳ Ｐゴシック"/>
            </a:endParaRPr>
          </a:p>
        </p:txBody>
      </p:sp>
      <p:sp>
        <p:nvSpPr>
          <p:cNvPr id="8" name="object 8"/>
          <p:cNvSpPr txBox="1"/>
          <p:nvPr/>
        </p:nvSpPr>
        <p:spPr>
          <a:xfrm>
            <a:off x="4373037" y="62116"/>
            <a:ext cx="4334940" cy="359651"/>
          </a:xfrm>
          <a:prstGeom prst="rect">
            <a:avLst/>
          </a:prstGeom>
        </p:spPr>
        <p:txBody>
          <a:bodyPr vert="horz" wrap="square" lIns="0" tIns="10860" rIns="0" bIns="0" rtlCol="0">
            <a:spAutoFit/>
          </a:bodyPr>
          <a:lstStyle/>
          <a:p>
            <a:pPr marL="10860">
              <a:spcBef>
                <a:spcPts val="86"/>
              </a:spcBef>
            </a:pPr>
            <a:r>
              <a:rPr sz="2266" spc="-4" dirty="0">
                <a:solidFill>
                  <a:srgbClr val="3F87C8"/>
                </a:solidFill>
                <a:latin typeface="ＭＳ Ｐゴシック"/>
                <a:cs typeface="ＭＳ Ｐゴシック"/>
              </a:rPr>
              <a:t>第４回群マネ計画検討会資料</a:t>
            </a:r>
            <a:endParaRPr sz="2266" dirty="0">
              <a:latin typeface="ＭＳ Ｐゴシック"/>
              <a:cs typeface="ＭＳ Ｐゴシック"/>
            </a:endParaRPr>
          </a:p>
        </p:txBody>
      </p:sp>
    </p:spTree>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1528633" y="1027559"/>
            <a:ext cx="6446411" cy="5131283"/>
            <a:chOff x="1787651" y="973073"/>
            <a:chExt cx="7538720" cy="6000750"/>
          </a:xfrm>
        </p:grpSpPr>
        <p:pic>
          <p:nvPicPr>
            <p:cNvPr id="3" name="object 3"/>
            <p:cNvPicPr/>
            <p:nvPr/>
          </p:nvPicPr>
          <p:blipFill>
            <a:blip r:embed="rId2" cstate="print"/>
            <a:stretch>
              <a:fillRect/>
            </a:stretch>
          </p:blipFill>
          <p:spPr>
            <a:xfrm>
              <a:off x="2433828" y="973835"/>
              <a:ext cx="6891527" cy="5414771"/>
            </a:xfrm>
            <a:prstGeom prst="rect">
              <a:avLst/>
            </a:prstGeom>
          </p:spPr>
        </p:pic>
        <p:sp>
          <p:nvSpPr>
            <p:cNvPr id="4" name="object 4"/>
            <p:cNvSpPr/>
            <p:nvPr/>
          </p:nvSpPr>
          <p:spPr>
            <a:xfrm>
              <a:off x="2439924" y="979931"/>
              <a:ext cx="6879590" cy="5405755"/>
            </a:xfrm>
            <a:custGeom>
              <a:avLst/>
              <a:gdLst/>
              <a:ahLst/>
              <a:cxnLst/>
              <a:rect l="l" t="t" r="r" b="b"/>
              <a:pathLst>
                <a:path w="6879590" h="5405755">
                  <a:moveTo>
                    <a:pt x="0" y="0"/>
                  </a:moveTo>
                  <a:lnTo>
                    <a:pt x="6879336" y="0"/>
                  </a:lnTo>
                  <a:lnTo>
                    <a:pt x="6879336" y="5405628"/>
                  </a:lnTo>
                  <a:lnTo>
                    <a:pt x="0" y="5405628"/>
                  </a:lnTo>
                  <a:lnTo>
                    <a:pt x="0" y="0"/>
                  </a:lnTo>
                  <a:close/>
                </a:path>
              </a:pathLst>
            </a:custGeom>
            <a:ln w="13716">
              <a:solidFill>
                <a:srgbClr val="213F59"/>
              </a:solidFill>
            </a:ln>
          </p:spPr>
          <p:txBody>
            <a:bodyPr wrap="square" lIns="0" tIns="0" rIns="0" bIns="0" rtlCol="0"/>
            <a:lstStyle/>
            <a:p>
              <a:endParaRPr sz="1749"/>
            </a:p>
          </p:txBody>
        </p:sp>
        <p:pic>
          <p:nvPicPr>
            <p:cNvPr id="5" name="object 5"/>
            <p:cNvPicPr/>
            <p:nvPr/>
          </p:nvPicPr>
          <p:blipFill>
            <a:blip r:embed="rId3" cstate="print"/>
            <a:stretch>
              <a:fillRect/>
            </a:stretch>
          </p:blipFill>
          <p:spPr>
            <a:xfrm>
              <a:off x="1891283" y="6576060"/>
              <a:ext cx="7418832" cy="397763"/>
            </a:xfrm>
            <a:prstGeom prst="rect">
              <a:avLst/>
            </a:prstGeom>
          </p:spPr>
        </p:pic>
        <p:pic>
          <p:nvPicPr>
            <p:cNvPr id="6" name="object 6"/>
            <p:cNvPicPr/>
            <p:nvPr/>
          </p:nvPicPr>
          <p:blipFill>
            <a:blip r:embed="rId4" cstate="print"/>
            <a:stretch>
              <a:fillRect/>
            </a:stretch>
          </p:blipFill>
          <p:spPr>
            <a:xfrm>
              <a:off x="1787651" y="989075"/>
              <a:ext cx="396240" cy="5827775"/>
            </a:xfrm>
            <a:prstGeom prst="rect">
              <a:avLst/>
            </a:prstGeom>
          </p:spPr>
        </p:pic>
        <p:pic>
          <p:nvPicPr>
            <p:cNvPr id="7" name="object 7"/>
            <p:cNvPicPr/>
            <p:nvPr/>
          </p:nvPicPr>
          <p:blipFill>
            <a:blip r:embed="rId5" cstate="print"/>
            <a:stretch>
              <a:fillRect/>
            </a:stretch>
          </p:blipFill>
          <p:spPr>
            <a:xfrm>
              <a:off x="2450591" y="2627375"/>
              <a:ext cx="4451603" cy="3761231"/>
            </a:xfrm>
            <a:prstGeom prst="rect">
              <a:avLst/>
            </a:prstGeom>
          </p:spPr>
        </p:pic>
      </p:grpSp>
      <p:sp>
        <p:nvSpPr>
          <p:cNvPr id="8" name="object 8"/>
          <p:cNvSpPr txBox="1">
            <a:spLocks noGrp="1"/>
          </p:cNvSpPr>
          <p:nvPr>
            <p:ph type="title"/>
          </p:nvPr>
        </p:nvSpPr>
        <p:spPr>
          <a:xfrm>
            <a:off x="335644" y="247617"/>
            <a:ext cx="6810217" cy="236092"/>
          </a:xfrm>
          <a:prstGeom prst="rect">
            <a:avLst/>
          </a:prstGeom>
        </p:spPr>
        <p:txBody>
          <a:bodyPr vert="horz" wrap="square" lIns="0" tIns="10860" rIns="0" bIns="0" rtlCol="0">
            <a:spAutoFit/>
          </a:bodyPr>
          <a:lstStyle/>
          <a:p>
            <a:pPr marL="10860">
              <a:lnSpc>
                <a:spcPct val="100000"/>
              </a:lnSpc>
              <a:spcBef>
                <a:spcPts val="86"/>
              </a:spcBef>
            </a:pPr>
            <a:r>
              <a:rPr spc="30" dirty="0"/>
              <a:t>維持管理業務のレベルと地方自治体の技術力</a:t>
            </a:r>
            <a:r>
              <a:rPr dirty="0"/>
              <a:t>（</a:t>
            </a:r>
            <a:r>
              <a:rPr spc="209" dirty="0"/>
              <a:t>イメージ</a:t>
            </a:r>
            <a:r>
              <a:rPr spc="-43" dirty="0"/>
              <a:t>）</a:t>
            </a:r>
          </a:p>
        </p:txBody>
      </p:sp>
      <p:sp>
        <p:nvSpPr>
          <p:cNvPr id="21" name="object 21"/>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51</a:t>
            </a:fld>
            <a:endParaRPr spc="-21" dirty="0"/>
          </a:p>
        </p:txBody>
      </p:sp>
      <p:sp>
        <p:nvSpPr>
          <p:cNvPr id="9" name="object 9"/>
          <p:cNvSpPr txBox="1"/>
          <p:nvPr/>
        </p:nvSpPr>
        <p:spPr>
          <a:xfrm>
            <a:off x="1177657" y="1460488"/>
            <a:ext cx="236745" cy="3319376"/>
          </a:xfrm>
          <a:prstGeom prst="rect">
            <a:avLst/>
          </a:prstGeom>
        </p:spPr>
        <p:txBody>
          <a:bodyPr vert="horz" wrap="square" lIns="0" tIns="16833" rIns="0" bIns="0" rtlCol="0">
            <a:spAutoFit/>
          </a:bodyPr>
          <a:lstStyle/>
          <a:p>
            <a:pPr marL="10860" marR="4344" algn="just">
              <a:lnSpc>
                <a:spcPct val="98900"/>
              </a:lnSpc>
              <a:spcBef>
                <a:spcPts val="133"/>
              </a:spcBef>
            </a:pPr>
            <a:r>
              <a:rPr sz="1667" spc="-43" dirty="0">
                <a:latin typeface="ＭＳ Ｐゴシック"/>
                <a:cs typeface="ＭＳ Ｐゴシック"/>
              </a:rPr>
              <a:t>業務に求められる技術レベル</a:t>
            </a:r>
            <a:endParaRPr sz="1667">
              <a:latin typeface="ＭＳ Ｐゴシック"/>
              <a:cs typeface="ＭＳ Ｐゴシック"/>
            </a:endParaRPr>
          </a:p>
        </p:txBody>
      </p:sp>
      <p:sp>
        <p:nvSpPr>
          <p:cNvPr id="10" name="object 10"/>
          <p:cNvSpPr txBox="1"/>
          <p:nvPr/>
        </p:nvSpPr>
        <p:spPr>
          <a:xfrm>
            <a:off x="4865842" y="6188521"/>
            <a:ext cx="2236588" cy="270801"/>
          </a:xfrm>
          <a:prstGeom prst="rect">
            <a:avLst/>
          </a:prstGeom>
        </p:spPr>
        <p:txBody>
          <a:bodyPr vert="horz" wrap="square" lIns="0" tIns="14118" rIns="0" bIns="0" rtlCol="0">
            <a:spAutoFit/>
          </a:bodyPr>
          <a:lstStyle/>
          <a:p>
            <a:pPr marL="10860">
              <a:spcBef>
                <a:spcPts val="111"/>
              </a:spcBef>
            </a:pPr>
            <a:r>
              <a:rPr sz="1667" spc="4" dirty="0">
                <a:latin typeface="ＭＳ Ｐゴシック"/>
                <a:cs typeface="ＭＳ Ｐゴシック"/>
              </a:rPr>
              <a:t>地方自治体の技術力 等</a:t>
            </a:r>
            <a:endParaRPr sz="1667">
              <a:latin typeface="ＭＳ Ｐゴシック"/>
              <a:cs typeface="ＭＳ Ｐゴシック"/>
            </a:endParaRPr>
          </a:p>
        </p:txBody>
      </p:sp>
      <p:sp>
        <p:nvSpPr>
          <p:cNvPr id="11" name="object 11"/>
          <p:cNvSpPr txBox="1"/>
          <p:nvPr/>
        </p:nvSpPr>
        <p:spPr>
          <a:xfrm>
            <a:off x="5973791" y="1270604"/>
            <a:ext cx="1631694" cy="342072"/>
          </a:xfrm>
          <a:prstGeom prst="rect">
            <a:avLst/>
          </a:prstGeom>
          <a:solidFill>
            <a:srgbClr val="FFFFFF"/>
          </a:solidFill>
          <a:ln w="10667">
            <a:solidFill>
              <a:srgbClr val="213F59"/>
            </a:solidFill>
          </a:ln>
        </p:spPr>
        <p:txBody>
          <a:bodyPr vert="horz" wrap="square" lIns="0" tIns="136834" rIns="0" bIns="0" rtlCol="0">
            <a:spAutoFit/>
          </a:bodyPr>
          <a:lstStyle/>
          <a:p>
            <a:pPr marL="141720">
              <a:spcBef>
                <a:spcPts val="1077"/>
              </a:spcBef>
            </a:pPr>
            <a:r>
              <a:rPr sz="1325" spc="-26" dirty="0">
                <a:latin typeface="ＭＳ Ｐゴシック"/>
                <a:cs typeface="ＭＳ Ｐゴシック"/>
              </a:rPr>
              <a:t>最先端技術の活用</a:t>
            </a:r>
            <a:endParaRPr sz="1325">
              <a:latin typeface="ＭＳ Ｐゴシック"/>
              <a:cs typeface="ＭＳ Ｐゴシック"/>
            </a:endParaRPr>
          </a:p>
        </p:txBody>
      </p:sp>
      <p:sp>
        <p:nvSpPr>
          <p:cNvPr id="12" name="object 12"/>
          <p:cNvSpPr txBox="1"/>
          <p:nvPr/>
        </p:nvSpPr>
        <p:spPr>
          <a:xfrm>
            <a:off x="5001615" y="3499047"/>
            <a:ext cx="1631694" cy="443992"/>
          </a:xfrm>
          <a:prstGeom prst="rect">
            <a:avLst/>
          </a:prstGeom>
          <a:solidFill>
            <a:srgbClr val="FFFFFF"/>
          </a:solidFill>
          <a:ln w="10667">
            <a:solidFill>
              <a:srgbClr val="213F59"/>
            </a:solidFill>
          </a:ln>
        </p:spPr>
        <p:txBody>
          <a:bodyPr vert="horz" wrap="square" lIns="0" tIns="35838" rIns="0" bIns="0" rtlCol="0">
            <a:spAutoFit/>
          </a:bodyPr>
          <a:lstStyle/>
          <a:p>
            <a:pPr marL="310046" marR="226426" indent="-79819">
              <a:spcBef>
                <a:spcPts val="282"/>
              </a:spcBef>
            </a:pPr>
            <a:r>
              <a:rPr sz="1325" spc="-26" dirty="0">
                <a:latin typeface="ＭＳ Ｐゴシック"/>
                <a:cs typeface="ＭＳ Ｐゴシック"/>
              </a:rPr>
              <a:t>導入実績の多い新技術の活用</a:t>
            </a:r>
            <a:endParaRPr sz="1325">
              <a:latin typeface="ＭＳ Ｐゴシック"/>
              <a:cs typeface="ＭＳ Ｐゴシック"/>
            </a:endParaRPr>
          </a:p>
        </p:txBody>
      </p:sp>
      <p:sp>
        <p:nvSpPr>
          <p:cNvPr id="13" name="object 13"/>
          <p:cNvSpPr txBox="1"/>
          <p:nvPr/>
        </p:nvSpPr>
        <p:spPr>
          <a:xfrm>
            <a:off x="3427371" y="1666771"/>
            <a:ext cx="1631694" cy="443992"/>
          </a:xfrm>
          <a:prstGeom prst="rect">
            <a:avLst/>
          </a:prstGeom>
          <a:solidFill>
            <a:srgbClr val="FFFFFF"/>
          </a:solidFill>
          <a:ln w="10668">
            <a:solidFill>
              <a:srgbClr val="213F59"/>
            </a:solidFill>
          </a:ln>
        </p:spPr>
        <p:txBody>
          <a:bodyPr vert="horz" wrap="square" lIns="0" tIns="35838" rIns="0" bIns="0" rtlCol="0">
            <a:spAutoFit/>
          </a:bodyPr>
          <a:lstStyle/>
          <a:p>
            <a:pPr marL="479459" marR="229141" indent="-244345">
              <a:spcBef>
                <a:spcPts val="282"/>
              </a:spcBef>
            </a:pPr>
            <a:r>
              <a:rPr sz="1325" spc="-26" dirty="0">
                <a:latin typeface="ＭＳ Ｐゴシック"/>
                <a:cs typeface="ＭＳ Ｐゴシック"/>
              </a:rPr>
              <a:t>特殊な構造物の</a:t>
            </a:r>
            <a:r>
              <a:rPr sz="1325" spc="-30" dirty="0">
                <a:latin typeface="ＭＳ Ｐゴシック"/>
                <a:cs typeface="ＭＳ Ｐゴシック"/>
              </a:rPr>
              <a:t>維持管理</a:t>
            </a:r>
            <a:endParaRPr sz="1325">
              <a:latin typeface="ＭＳ Ｐゴシック"/>
              <a:cs typeface="ＭＳ Ｐゴシック"/>
            </a:endParaRPr>
          </a:p>
        </p:txBody>
      </p:sp>
      <p:sp>
        <p:nvSpPr>
          <p:cNvPr id="14" name="object 14"/>
          <p:cNvSpPr txBox="1"/>
          <p:nvPr/>
        </p:nvSpPr>
        <p:spPr>
          <a:xfrm>
            <a:off x="3284020" y="3496439"/>
            <a:ext cx="1630608" cy="646797"/>
          </a:xfrm>
          <a:prstGeom prst="rect">
            <a:avLst/>
          </a:prstGeom>
          <a:solidFill>
            <a:srgbClr val="FFFFFF"/>
          </a:solidFill>
          <a:ln w="10668">
            <a:solidFill>
              <a:srgbClr val="213F59"/>
            </a:solidFill>
          </a:ln>
        </p:spPr>
        <p:txBody>
          <a:bodyPr vert="horz" wrap="square" lIns="0" tIns="34752" rIns="0" bIns="0" rtlCol="0">
            <a:spAutoFit/>
          </a:bodyPr>
          <a:lstStyle/>
          <a:p>
            <a:pPr marL="196562" marR="94479" indent="-95566">
              <a:spcBef>
                <a:spcPts val="274"/>
              </a:spcBef>
            </a:pPr>
            <a:r>
              <a:rPr sz="1325" spc="-26" dirty="0">
                <a:latin typeface="ＭＳ Ｐゴシック"/>
                <a:cs typeface="ＭＳ Ｐゴシック"/>
              </a:rPr>
              <a:t>多くの自治体で問題</a:t>
            </a:r>
            <a:r>
              <a:rPr sz="1325" spc="-30" dirty="0">
                <a:latin typeface="ＭＳ Ｐゴシック"/>
                <a:cs typeface="ＭＳ Ｐゴシック"/>
              </a:rPr>
              <a:t>になっている課題</a:t>
            </a:r>
            <a:endParaRPr sz="1325">
              <a:latin typeface="ＭＳ Ｐゴシック"/>
              <a:cs typeface="ＭＳ Ｐゴシック"/>
            </a:endParaRPr>
          </a:p>
        </p:txBody>
      </p:sp>
      <p:sp>
        <p:nvSpPr>
          <p:cNvPr id="15" name="object 15"/>
          <p:cNvSpPr txBox="1"/>
          <p:nvPr/>
        </p:nvSpPr>
        <p:spPr>
          <a:xfrm>
            <a:off x="3407823" y="2228443"/>
            <a:ext cx="1631694" cy="646797"/>
          </a:xfrm>
          <a:prstGeom prst="rect">
            <a:avLst/>
          </a:prstGeom>
          <a:solidFill>
            <a:srgbClr val="FFFFFF"/>
          </a:solidFill>
          <a:ln w="10668">
            <a:solidFill>
              <a:srgbClr val="213F59"/>
            </a:solidFill>
          </a:ln>
        </p:spPr>
        <p:txBody>
          <a:bodyPr vert="horz" wrap="square" lIns="0" tIns="34752" rIns="0" bIns="0" rtlCol="0">
            <a:spAutoFit/>
          </a:bodyPr>
          <a:lstStyle/>
          <a:p>
            <a:pPr marL="168869" marR="164526" indent="57557">
              <a:spcBef>
                <a:spcPts val="274"/>
              </a:spcBef>
            </a:pPr>
            <a:r>
              <a:rPr sz="1325" spc="-26" dirty="0">
                <a:latin typeface="ＭＳ Ｐゴシック"/>
                <a:cs typeface="ＭＳ Ｐゴシック"/>
              </a:rPr>
              <a:t>地域特有の課題を有する維持管理</a:t>
            </a:r>
            <a:endParaRPr sz="1325">
              <a:latin typeface="ＭＳ Ｐゴシック"/>
              <a:cs typeface="ＭＳ Ｐゴシック"/>
            </a:endParaRPr>
          </a:p>
        </p:txBody>
      </p:sp>
      <p:sp>
        <p:nvSpPr>
          <p:cNvPr id="16" name="object 16"/>
          <p:cNvSpPr txBox="1"/>
          <p:nvPr/>
        </p:nvSpPr>
        <p:spPr>
          <a:xfrm>
            <a:off x="2251900" y="5023771"/>
            <a:ext cx="1630608" cy="443992"/>
          </a:xfrm>
          <a:prstGeom prst="rect">
            <a:avLst/>
          </a:prstGeom>
          <a:solidFill>
            <a:srgbClr val="FFFFFF"/>
          </a:solidFill>
          <a:ln w="10668">
            <a:solidFill>
              <a:srgbClr val="213F59"/>
            </a:solidFill>
          </a:ln>
        </p:spPr>
        <p:txBody>
          <a:bodyPr vert="horz" wrap="square" lIns="0" tIns="35838" rIns="0" bIns="0" rtlCol="0">
            <a:spAutoFit/>
          </a:bodyPr>
          <a:lstStyle/>
          <a:p>
            <a:pPr marL="310046" marR="304617" indent="176471">
              <a:spcBef>
                <a:spcPts val="282"/>
              </a:spcBef>
            </a:pPr>
            <a:r>
              <a:rPr sz="1325" spc="-30" dirty="0">
                <a:latin typeface="ＭＳ Ｐゴシック"/>
                <a:cs typeface="ＭＳ Ｐゴシック"/>
              </a:rPr>
              <a:t>一般的な</a:t>
            </a:r>
            <a:r>
              <a:rPr sz="1325" spc="-43" dirty="0">
                <a:latin typeface="ＭＳ Ｐゴシック"/>
                <a:cs typeface="ＭＳ Ｐゴシック"/>
              </a:rPr>
              <a:t> </a:t>
            </a:r>
            <a:r>
              <a:rPr sz="1325" spc="-26" dirty="0">
                <a:latin typeface="ＭＳ Ｐゴシック"/>
                <a:cs typeface="ＭＳ Ｐゴシック"/>
              </a:rPr>
              <a:t>維持管理業務</a:t>
            </a:r>
            <a:endParaRPr sz="1325">
              <a:latin typeface="ＭＳ Ｐゴシック"/>
              <a:cs typeface="ＭＳ Ｐゴシック"/>
            </a:endParaRPr>
          </a:p>
        </p:txBody>
      </p:sp>
      <p:sp>
        <p:nvSpPr>
          <p:cNvPr id="17" name="object 17"/>
          <p:cNvSpPr txBox="1"/>
          <p:nvPr/>
        </p:nvSpPr>
        <p:spPr>
          <a:xfrm>
            <a:off x="3548567" y="4370876"/>
            <a:ext cx="1826085" cy="646797"/>
          </a:xfrm>
          <a:prstGeom prst="rect">
            <a:avLst/>
          </a:prstGeom>
          <a:solidFill>
            <a:srgbClr val="FFFFFF"/>
          </a:solidFill>
          <a:ln w="10668">
            <a:solidFill>
              <a:srgbClr val="213F59"/>
            </a:solidFill>
          </a:ln>
        </p:spPr>
        <p:txBody>
          <a:bodyPr vert="horz" wrap="square" lIns="0" tIns="34752" rIns="0" bIns="0" rtlCol="0">
            <a:spAutoFit/>
          </a:bodyPr>
          <a:lstStyle/>
          <a:p>
            <a:pPr marL="98824" marR="93937" indent="57014">
              <a:spcBef>
                <a:spcPts val="274"/>
              </a:spcBef>
            </a:pPr>
            <a:r>
              <a:rPr sz="1325" spc="-26" dirty="0">
                <a:latin typeface="ＭＳ Ｐゴシック"/>
                <a:cs typeface="ＭＳ Ｐゴシック"/>
              </a:rPr>
              <a:t>一定程度の土木技術</a:t>
            </a:r>
            <a:r>
              <a:rPr sz="1325" spc="-30" dirty="0">
                <a:latin typeface="ＭＳ Ｐゴシック"/>
                <a:cs typeface="ＭＳ Ｐゴシック"/>
              </a:rPr>
              <a:t>を要する維持管理業務</a:t>
            </a:r>
            <a:endParaRPr sz="1325">
              <a:latin typeface="ＭＳ Ｐゴシック"/>
              <a:cs typeface="ＭＳ Ｐゴシック"/>
            </a:endParaRPr>
          </a:p>
        </p:txBody>
      </p:sp>
      <p:sp>
        <p:nvSpPr>
          <p:cNvPr id="18" name="object 18"/>
          <p:cNvSpPr txBox="1"/>
          <p:nvPr/>
        </p:nvSpPr>
        <p:spPr>
          <a:xfrm>
            <a:off x="4363057" y="2775779"/>
            <a:ext cx="2022648" cy="454232"/>
          </a:xfrm>
          <a:prstGeom prst="rect">
            <a:avLst/>
          </a:prstGeom>
          <a:solidFill>
            <a:srgbClr val="FFFFFF"/>
          </a:solidFill>
          <a:ln w="10667">
            <a:solidFill>
              <a:srgbClr val="213F59"/>
            </a:solidFill>
          </a:ln>
        </p:spPr>
        <p:txBody>
          <a:bodyPr vert="horz" wrap="square" lIns="0" tIns="43439" rIns="0" bIns="0" rtlCol="0">
            <a:spAutoFit/>
          </a:bodyPr>
          <a:lstStyle/>
          <a:p>
            <a:pPr marL="198191" marR="97194" indent="-95566">
              <a:lnSpc>
                <a:spcPts val="1573"/>
              </a:lnSpc>
              <a:spcBef>
                <a:spcPts val="342"/>
              </a:spcBef>
            </a:pPr>
            <a:r>
              <a:rPr sz="1325" spc="-30" dirty="0">
                <a:latin typeface="ＭＳ Ｐゴシック"/>
                <a:cs typeface="ＭＳ Ｐゴシック"/>
              </a:rPr>
              <a:t>専門家からの技術的助言を要する維持管理業務</a:t>
            </a:r>
            <a:endParaRPr sz="1325">
              <a:latin typeface="ＭＳ Ｐゴシック"/>
              <a:cs typeface="ＭＳ Ｐゴシック"/>
            </a:endParaRPr>
          </a:p>
        </p:txBody>
      </p:sp>
      <p:sp>
        <p:nvSpPr>
          <p:cNvPr id="19" name="object 19"/>
          <p:cNvSpPr txBox="1"/>
          <p:nvPr/>
        </p:nvSpPr>
        <p:spPr>
          <a:xfrm>
            <a:off x="5337837" y="1962594"/>
            <a:ext cx="2022648" cy="455877"/>
          </a:xfrm>
          <a:prstGeom prst="rect">
            <a:avLst/>
          </a:prstGeom>
          <a:solidFill>
            <a:srgbClr val="FFFFFF"/>
          </a:solidFill>
          <a:ln w="10667">
            <a:solidFill>
              <a:srgbClr val="213F59"/>
            </a:solidFill>
          </a:ln>
        </p:spPr>
        <p:txBody>
          <a:bodyPr vert="horz" wrap="square" lIns="0" tIns="45068" rIns="0" bIns="0" rtlCol="0">
            <a:spAutoFit/>
          </a:bodyPr>
          <a:lstStyle/>
          <a:p>
            <a:pPr marL="197648" marR="79276" indent="-111313">
              <a:lnSpc>
                <a:spcPts val="1573"/>
              </a:lnSpc>
              <a:spcBef>
                <a:spcPts val="354"/>
              </a:spcBef>
            </a:pPr>
            <a:r>
              <a:rPr sz="1325" spc="-26" dirty="0">
                <a:latin typeface="ＭＳ Ｐゴシック"/>
                <a:cs typeface="ＭＳ Ｐゴシック"/>
              </a:rPr>
              <a:t>学識経験者の技術的助言を要する維持管理業務</a:t>
            </a:r>
            <a:endParaRPr sz="1325">
              <a:latin typeface="ＭＳ Ｐゴシック"/>
              <a:cs typeface="ＭＳ Ｐゴシック"/>
            </a:endParaRPr>
          </a:p>
        </p:txBody>
      </p:sp>
      <p:sp>
        <p:nvSpPr>
          <p:cNvPr id="20" name="object 20"/>
          <p:cNvSpPr txBox="1"/>
          <p:nvPr/>
        </p:nvSpPr>
        <p:spPr>
          <a:xfrm>
            <a:off x="3973405" y="5018557"/>
            <a:ext cx="1631694" cy="443992"/>
          </a:xfrm>
          <a:prstGeom prst="rect">
            <a:avLst/>
          </a:prstGeom>
          <a:solidFill>
            <a:srgbClr val="FFFFFF"/>
          </a:solidFill>
          <a:ln w="10667">
            <a:solidFill>
              <a:srgbClr val="213F59"/>
            </a:solidFill>
          </a:ln>
        </p:spPr>
        <p:txBody>
          <a:bodyPr vert="horz" wrap="square" lIns="0" tIns="35838" rIns="0" bIns="0" rtlCol="0">
            <a:spAutoFit/>
          </a:bodyPr>
          <a:lstStyle/>
          <a:p>
            <a:pPr marL="310046" marR="306246" indent="8688">
              <a:spcBef>
                <a:spcPts val="282"/>
              </a:spcBef>
            </a:pPr>
            <a:r>
              <a:rPr sz="1325" spc="-26" dirty="0">
                <a:latin typeface="ＭＳ Ｐゴシック"/>
                <a:cs typeface="ＭＳ Ｐゴシック"/>
              </a:rPr>
              <a:t>導入が容易な新技術の活用</a:t>
            </a:r>
            <a:endParaRPr sz="1325">
              <a:latin typeface="ＭＳ Ｐゴシック"/>
              <a:cs typeface="ＭＳ Ｐゴシック"/>
            </a:endParaRPr>
          </a:p>
        </p:txBody>
      </p:sp>
    </p:spTree>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335644" y="247617"/>
            <a:ext cx="3504476" cy="236092"/>
          </a:xfrm>
          <a:prstGeom prst="rect">
            <a:avLst/>
          </a:prstGeom>
        </p:spPr>
        <p:txBody>
          <a:bodyPr vert="horz" wrap="square" lIns="0" tIns="10860" rIns="0" bIns="0" rtlCol="0">
            <a:spAutoFit/>
          </a:bodyPr>
          <a:lstStyle/>
          <a:p>
            <a:pPr marL="10860">
              <a:lnSpc>
                <a:spcPct val="100000"/>
              </a:lnSpc>
              <a:spcBef>
                <a:spcPts val="86"/>
              </a:spcBef>
            </a:pPr>
            <a:r>
              <a:rPr spc="64" dirty="0"/>
              <a:t>自立的な支援体制のイメージ</a:t>
            </a:r>
          </a:p>
        </p:txBody>
      </p:sp>
      <p:grpSp>
        <p:nvGrpSpPr>
          <p:cNvPr id="3" name="object 3"/>
          <p:cNvGrpSpPr/>
          <p:nvPr/>
        </p:nvGrpSpPr>
        <p:grpSpPr>
          <a:xfrm>
            <a:off x="2774477" y="2067282"/>
            <a:ext cx="3191711" cy="3434973"/>
            <a:chOff x="3244596" y="2188972"/>
            <a:chExt cx="3732529" cy="4017010"/>
          </a:xfrm>
        </p:grpSpPr>
        <p:sp>
          <p:nvSpPr>
            <p:cNvPr id="4" name="object 4"/>
            <p:cNvSpPr/>
            <p:nvPr/>
          </p:nvSpPr>
          <p:spPr>
            <a:xfrm>
              <a:off x="4846319" y="2830068"/>
              <a:ext cx="466725" cy="841375"/>
            </a:xfrm>
            <a:custGeom>
              <a:avLst/>
              <a:gdLst/>
              <a:ahLst/>
              <a:cxnLst/>
              <a:rect l="l" t="t" r="r" b="b"/>
              <a:pathLst>
                <a:path w="466725" h="841375">
                  <a:moveTo>
                    <a:pt x="233172" y="841248"/>
                  </a:moveTo>
                  <a:lnTo>
                    <a:pt x="0" y="608075"/>
                  </a:lnTo>
                  <a:lnTo>
                    <a:pt x="115824" y="608075"/>
                  </a:lnTo>
                  <a:lnTo>
                    <a:pt x="115824" y="0"/>
                  </a:lnTo>
                  <a:lnTo>
                    <a:pt x="348996" y="0"/>
                  </a:lnTo>
                  <a:lnTo>
                    <a:pt x="348996" y="608075"/>
                  </a:lnTo>
                  <a:lnTo>
                    <a:pt x="466344" y="608075"/>
                  </a:lnTo>
                  <a:lnTo>
                    <a:pt x="233172" y="841248"/>
                  </a:lnTo>
                  <a:close/>
                </a:path>
              </a:pathLst>
            </a:custGeom>
            <a:solidFill>
              <a:srgbClr val="FFBF00"/>
            </a:solidFill>
          </p:spPr>
          <p:txBody>
            <a:bodyPr wrap="square" lIns="0" tIns="0" rIns="0" bIns="0" rtlCol="0"/>
            <a:lstStyle/>
            <a:p>
              <a:endParaRPr sz="1749"/>
            </a:p>
          </p:txBody>
        </p:sp>
        <p:sp>
          <p:nvSpPr>
            <p:cNvPr id="5" name="object 5"/>
            <p:cNvSpPr/>
            <p:nvPr/>
          </p:nvSpPr>
          <p:spPr>
            <a:xfrm>
              <a:off x="4846319" y="2830068"/>
              <a:ext cx="466725" cy="841375"/>
            </a:xfrm>
            <a:custGeom>
              <a:avLst/>
              <a:gdLst/>
              <a:ahLst/>
              <a:cxnLst/>
              <a:rect l="l" t="t" r="r" b="b"/>
              <a:pathLst>
                <a:path w="466725" h="841375">
                  <a:moveTo>
                    <a:pt x="0" y="608075"/>
                  </a:moveTo>
                  <a:lnTo>
                    <a:pt x="115824" y="608075"/>
                  </a:lnTo>
                  <a:lnTo>
                    <a:pt x="115824" y="0"/>
                  </a:lnTo>
                  <a:lnTo>
                    <a:pt x="348996" y="0"/>
                  </a:lnTo>
                  <a:lnTo>
                    <a:pt x="348996" y="608075"/>
                  </a:lnTo>
                  <a:lnTo>
                    <a:pt x="466344" y="608075"/>
                  </a:lnTo>
                  <a:lnTo>
                    <a:pt x="233172" y="841248"/>
                  </a:lnTo>
                  <a:lnTo>
                    <a:pt x="0" y="608075"/>
                  </a:lnTo>
                  <a:close/>
                </a:path>
              </a:pathLst>
            </a:custGeom>
            <a:ln w="27432">
              <a:solidFill>
                <a:srgbClr val="FFBF00"/>
              </a:solidFill>
            </a:ln>
          </p:spPr>
          <p:txBody>
            <a:bodyPr wrap="square" lIns="0" tIns="0" rIns="0" bIns="0" rtlCol="0"/>
            <a:lstStyle/>
            <a:p>
              <a:endParaRPr sz="1749"/>
            </a:p>
          </p:txBody>
        </p:sp>
        <p:pic>
          <p:nvPicPr>
            <p:cNvPr id="6" name="object 6"/>
            <p:cNvPicPr/>
            <p:nvPr/>
          </p:nvPicPr>
          <p:blipFill>
            <a:blip r:embed="rId2" cstate="print"/>
            <a:stretch>
              <a:fillRect/>
            </a:stretch>
          </p:blipFill>
          <p:spPr>
            <a:xfrm>
              <a:off x="3244596" y="2557272"/>
              <a:ext cx="3732275" cy="3648456"/>
            </a:xfrm>
            <a:prstGeom prst="rect">
              <a:avLst/>
            </a:prstGeom>
          </p:spPr>
        </p:pic>
        <p:sp>
          <p:nvSpPr>
            <p:cNvPr id="7" name="object 7"/>
            <p:cNvSpPr/>
            <p:nvPr/>
          </p:nvSpPr>
          <p:spPr>
            <a:xfrm>
              <a:off x="3788664" y="4945380"/>
              <a:ext cx="447040" cy="452755"/>
            </a:xfrm>
            <a:custGeom>
              <a:avLst/>
              <a:gdLst/>
              <a:ahLst/>
              <a:cxnLst/>
              <a:rect l="l" t="t" r="r" b="b"/>
              <a:pathLst>
                <a:path w="447039" h="452754">
                  <a:moveTo>
                    <a:pt x="156971" y="452627"/>
                  </a:moveTo>
                  <a:lnTo>
                    <a:pt x="0" y="242316"/>
                  </a:lnTo>
                  <a:lnTo>
                    <a:pt x="184403" y="105155"/>
                  </a:lnTo>
                  <a:lnTo>
                    <a:pt x="106679" y="0"/>
                  </a:lnTo>
                  <a:lnTo>
                    <a:pt x="446532" y="76200"/>
                  </a:lnTo>
                  <a:lnTo>
                    <a:pt x="419100" y="423671"/>
                  </a:lnTo>
                  <a:lnTo>
                    <a:pt x="341375" y="316991"/>
                  </a:lnTo>
                  <a:lnTo>
                    <a:pt x="156971" y="452627"/>
                  </a:lnTo>
                  <a:close/>
                </a:path>
              </a:pathLst>
            </a:custGeom>
            <a:solidFill>
              <a:srgbClr val="4472C3"/>
            </a:solidFill>
          </p:spPr>
          <p:txBody>
            <a:bodyPr wrap="square" lIns="0" tIns="0" rIns="0" bIns="0" rtlCol="0"/>
            <a:lstStyle/>
            <a:p>
              <a:endParaRPr sz="1749"/>
            </a:p>
          </p:txBody>
        </p:sp>
        <p:sp>
          <p:nvSpPr>
            <p:cNvPr id="8" name="object 8"/>
            <p:cNvSpPr/>
            <p:nvPr/>
          </p:nvSpPr>
          <p:spPr>
            <a:xfrm>
              <a:off x="3788664" y="4945380"/>
              <a:ext cx="447040" cy="452755"/>
            </a:xfrm>
            <a:custGeom>
              <a:avLst/>
              <a:gdLst/>
              <a:ahLst/>
              <a:cxnLst/>
              <a:rect l="l" t="t" r="r" b="b"/>
              <a:pathLst>
                <a:path w="447039" h="452754">
                  <a:moveTo>
                    <a:pt x="419100" y="423671"/>
                  </a:moveTo>
                  <a:lnTo>
                    <a:pt x="341375" y="316991"/>
                  </a:lnTo>
                  <a:lnTo>
                    <a:pt x="156971" y="452627"/>
                  </a:lnTo>
                  <a:lnTo>
                    <a:pt x="0" y="242316"/>
                  </a:lnTo>
                  <a:lnTo>
                    <a:pt x="184403" y="105155"/>
                  </a:lnTo>
                  <a:lnTo>
                    <a:pt x="106679" y="0"/>
                  </a:lnTo>
                  <a:lnTo>
                    <a:pt x="446532" y="76200"/>
                  </a:lnTo>
                  <a:lnTo>
                    <a:pt x="419100" y="423671"/>
                  </a:lnTo>
                  <a:close/>
                </a:path>
              </a:pathLst>
            </a:custGeom>
            <a:ln w="27432">
              <a:solidFill>
                <a:srgbClr val="4472C3"/>
              </a:solidFill>
            </a:ln>
          </p:spPr>
          <p:txBody>
            <a:bodyPr wrap="square" lIns="0" tIns="0" rIns="0" bIns="0" rtlCol="0"/>
            <a:lstStyle/>
            <a:p>
              <a:endParaRPr sz="1749"/>
            </a:p>
          </p:txBody>
        </p:sp>
        <p:sp>
          <p:nvSpPr>
            <p:cNvPr id="9" name="object 9"/>
            <p:cNvSpPr/>
            <p:nvPr/>
          </p:nvSpPr>
          <p:spPr>
            <a:xfrm>
              <a:off x="5629655" y="4920996"/>
              <a:ext cx="487680" cy="472440"/>
            </a:xfrm>
            <a:custGeom>
              <a:avLst/>
              <a:gdLst/>
              <a:ahLst/>
              <a:cxnLst/>
              <a:rect l="l" t="t" r="r" b="b"/>
              <a:pathLst>
                <a:path w="487679" h="472439">
                  <a:moveTo>
                    <a:pt x="333756" y="472439"/>
                  </a:moveTo>
                  <a:lnTo>
                    <a:pt x="129540" y="329183"/>
                  </a:lnTo>
                  <a:lnTo>
                    <a:pt x="51816" y="438911"/>
                  </a:lnTo>
                  <a:lnTo>
                    <a:pt x="0" y="76200"/>
                  </a:lnTo>
                  <a:lnTo>
                    <a:pt x="359664" y="0"/>
                  </a:lnTo>
                  <a:lnTo>
                    <a:pt x="281940" y="109727"/>
                  </a:lnTo>
                  <a:lnTo>
                    <a:pt x="487680" y="252983"/>
                  </a:lnTo>
                  <a:lnTo>
                    <a:pt x="333756" y="472439"/>
                  </a:lnTo>
                  <a:close/>
                </a:path>
              </a:pathLst>
            </a:custGeom>
            <a:solidFill>
              <a:srgbClr val="70AC46"/>
            </a:solidFill>
          </p:spPr>
          <p:txBody>
            <a:bodyPr wrap="square" lIns="0" tIns="0" rIns="0" bIns="0" rtlCol="0"/>
            <a:lstStyle/>
            <a:p>
              <a:endParaRPr sz="1749"/>
            </a:p>
          </p:txBody>
        </p:sp>
        <p:sp>
          <p:nvSpPr>
            <p:cNvPr id="10" name="object 10"/>
            <p:cNvSpPr/>
            <p:nvPr/>
          </p:nvSpPr>
          <p:spPr>
            <a:xfrm>
              <a:off x="5629655" y="4920996"/>
              <a:ext cx="487680" cy="472440"/>
            </a:xfrm>
            <a:custGeom>
              <a:avLst/>
              <a:gdLst/>
              <a:ahLst/>
              <a:cxnLst/>
              <a:rect l="l" t="t" r="r" b="b"/>
              <a:pathLst>
                <a:path w="487679" h="472439">
                  <a:moveTo>
                    <a:pt x="359664" y="0"/>
                  </a:moveTo>
                  <a:lnTo>
                    <a:pt x="281940" y="109727"/>
                  </a:lnTo>
                  <a:lnTo>
                    <a:pt x="487680" y="252983"/>
                  </a:lnTo>
                  <a:lnTo>
                    <a:pt x="333756" y="472439"/>
                  </a:lnTo>
                  <a:lnTo>
                    <a:pt x="129540" y="329183"/>
                  </a:lnTo>
                  <a:lnTo>
                    <a:pt x="51816" y="438911"/>
                  </a:lnTo>
                  <a:lnTo>
                    <a:pt x="0" y="76200"/>
                  </a:lnTo>
                  <a:lnTo>
                    <a:pt x="359664" y="0"/>
                  </a:lnTo>
                  <a:close/>
                </a:path>
              </a:pathLst>
            </a:custGeom>
            <a:ln w="27431">
              <a:solidFill>
                <a:srgbClr val="70AC46"/>
              </a:solidFill>
            </a:ln>
          </p:spPr>
          <p:txBody>
            <a:bodyPr wrap="square" lIns="0" tIns="0" rIns="0" bIns="0" rtlCol="0"/>
            <a:lstStyle/>
            <a:p>
              <a:endParaRPr sz="1749"/>
            </a:p>
          </p:txBody>
        </p:sp>
        <p:sp>
          <p:nvSpPr>
            <p:cNvPr id="11" name="object 11"/>
            <p:cNvSpPr/>
            <p:nvPr/>
          </p:nvSpPr>
          <p:spPr>
            <a:xfrm>
              <a:off x="4636008" y="2206752"/>
              <a:ext cx="923925" cy="932815"/>
            </a:xfrm>
            <a:custGeom>
              <a:avLst/>
              <a:gdLst/>
              <a:ahLst/>
              <a:cxnLst/>
              <a:rect l="l" t="t" r="r" b="b"/>
              <a:pathLst>
                <a:path w="923925" h="932814">
                  <a:moveTo>
                    <a:pt x="923543" y="932688"/>
                  </a:moveTo>
                  <a:lnTo>
                    <a:pt x="0" y="932688"/>
                  </a:lnTo>
                  <a:lnTo>
                    <a:pt x="0" y="0"/>
                  </a:lnTo>
                  <a:lnTo>
                    <a:pt x="923543" y="0"/>
                  </a:lnTo>
                  <a:lnTo>
                    <a:pt x="923543" y="932688"/>
                  </a:lnTo>
                  <a:close/>
                </a:path>
              </a:pathLst>
            </a:custGeom>
            <a:solidFill>
              <a:srgbClr val="FFBF00"/>
            </a:solidFill>
          </p:spPr>
          <p:txBody>
            <a:bodyPr wrap="square" lIns="0" tIns="0" rIns="0" bIns="0" rtlCol="0"/>
            <a:lstStyle/>
            <a:p>
              <a:endParaRPr sz="1749"/>
            </a:p>
          </p:txBody>
        </p:sp>
        <p:sp>
          <p:nvSpPr>
            <p:cNvPr id="12" name="object 12"/>
            <p:cNvSpPr/>
            <p:nvPr/>
          </p:nvSpPr>
          <p:spPr>
            <a:xfrm>
              <a:off x="4636008" y="2206752"/>
              <a:ext cx="923925" cy="932815"/>
            </a:xfrm>
            <a:custGeom>
              <a:avLst/>
              <a:gdLst/>
              <a:ahLst/>
              <a:cxnLst/>
              <a:rect l="l" t="t" r="r" b="b"/>
              <a:pathLst>
                <a:path w="923925" h="932814">
                  <a:moveTo>
                    <a:pt x="0" y="932688"/>
                  </a:moveTo>
                  <a:lnTo>
                    <a:pt x="0" y="0"/>
                  </a:lnTo>
                  <a:lnTo>
                    <a:pt x="461772" y="0"/>
                  </a:lnTo>
                  <a:lnTo>
                    <a:pt x="923543" y="0"/>
                  </a:lnTo>
                  <a:lnTo>
                    <a:pt x="923543" y="932688"/>
                  </a:lnTo>
                  <a:lnTo>
                    <a:pt x="0" y="932688"/>
                  </a:lnTo>
                  <a:close/>
                </a:path>
              </a:pathLst>
            </a:custGeom>
            <a:ln w="35052">
              <a:solidFill>
                <a:srgbClr val="FFBF00"/>
              </a:solidFill>
            </a:ln>
          </p:spPr>
          <p:txBody>
            <a:bodyPr wrap="square" lIns="0" tIns="0" rIns="0" bIns="0" rtlCol="0"/>
            <a:lstStyle/>
            <a:p>
              <a:endParaRPr sz="1749"/>
            </a:p>
          </p:txBody>
        </p:sp>
        <p:sp>
          <p:nvSpPr>
            <p:cNvPr id="13" name="object 13"/>
            <p:cNvSpPr/>
            <p:nvPr/>
          </p:nvSpPr>
          <p:spPr>
            <a:xfrm>
              <a:off x="5949696" y="5149596"/>
              <a:ext cx="922019" cy="934719"/>
            </a:xfrm>
            <a:custGeom>
              <a:avLst/>
              <a:gdLst/>
              <a:ahLst/>
              <a:cxnLst/>
              <a:rect l="l" t="t" r="r" b="b"/>
              <a:pathLst>
                <a:path w="922020" h="934720">
                  <a:moveTo>
                    <a:pt x="922019" y="934211"/>
                  </a:moveTo>
                  <a:lnTo>
                    <a:pt x="0" y="934211"/>
                  </a:lnTo>
                  <a:lnTo>
                    <a:pt x="0" y="0"/>
                  </a:lnTo>
                  <a:lnTo>
                    <a:pt x="922019" y="0"/>
                  </a:lnTo>
                  <a:lnTo>
                    <a:pt x="922019" y="934211"/>
                  </a:lnTo>
                  <a:close/>
                </a:path>
              </a:pathLst>
            </a:custGeom>
            <a:solidFill>
              <a:srgbClr val="70AC46"/>
            </a:solidFill>
          </p:spPr>
          <p:txBody>
            <a:bodyPr wrap="square" lIns="0" tIns="0" rIns="0" bIns="0" rtlCol="0"/>
            <a:lstStyle/>
            <a:p>
              <a:endParaRPr sz="1749"/>
            </a:p>
          </p:txBody>
        </p:sp>
        <p:sp>
          <p:nvSpPr>
            <p:cNvPr id="14" name="object 14"/>
            <p:cNvSpPr/>
            <p:nvPr/>
          </p:nvSpPr>
          <p:spPr>
            <a:xfrm>
              <a:off x="5949696" y="5149596"/>
              <a:ext cx="922019" cy="934719"/>
            </a:xfrm>
            <a:custGeom>
              <a:avLst/>
              <a:gdLst/>
              <a:ahLst/>
              <a:cxnLst/>
              <a:rect l="l" t="t" r="r" b="b"/>
              <a:pathLst>
                <a:path w="922020" h="934720">
                  <a:moveTo>
                    <a:pt x="0" y="934211"/>
                  </a:moveTo>
                  <a:lnTo>
                    <a:pt x="0" y="0"/>
                  </a:lnTo>
                  <a:lnTo>
                    <a:pt x="460248" y="0"/>
                  </a:lnTo>
                  <a:lnTo>
                    <a:pt x="922019" y="0"/>
                  </a:lnTo>
                  <a:lnTo>
                    <a:pt x="922019" y="934211"/>
                  </a:lnTo>
                  <a:lnTo>
                    <a:pt x="0" y="934211"/>
                  </a:lnTo>
                  <a:close/>
                </a:path>
              </a:pathLst>
            </a:custGeom>
            <a:ln w="35052">
              <a:solidFill>
                <a:srgbClr val="70AC46"/>
              </a:solidFill>
            </a:ln>
          </p:spPr>
          <p:txBody>
            <a:bodyPr wrap="square" lIns="0" tIns="0" rIns="0" bIns="0" rtlCol="0"/>
            <a:lstStyle/>
            <a:p>
              <a:endParaRPr sz="1749"/>
            </a:p>
          </p:txBody>
        </p:sp>
      </p:grpSp>
      <p:sp>
        <p:nvSpPr>
          <p:cNvPr id="15" name="object 15"/>
          <p:cNvSpPr txBox="1"/>
          <p:nvPr/>
        </p:nvSpPr>
        <p:spPr>
          <a:xfrm>
            <a:off x="5278221" y="4752325"/>
            <a:ext cx="405072" cy="474283"/>
          </a:xfrm>
          <a:prstGeom prst="rect">
            <a:avLst/>
          </a:prstGeom>
        </p:spPr>
        <p:txBody>
          <a:bodyPr vert="horz" wrap="square" lIns="0" tIns="13575" rIns="0" bIns="0" rtlCol="0">
            <a:spAutoFit/>
          </a:bodyPr>
          <a:lstStyle/>
          <a:p>
            <a:pPr marL="10860">
              <a:spcBef>
                <a:spcPts val="107"/>
              </a:spcBef>
            </a:pPr>
            <a:r>
              <a:rPr sz="2993" spc="-43" dirty="0">
                <a:solidFill>
                  <a:srgbClr val="FFFFFF"/>
                </a:solidFill>
                <a:latin typeface="ＭＳ Ｐゴシック"/>
                <a:cs typeface="ＭＳ Ｐゴシック"/>
              </a:rPr>
              <a:t>学</a:t>
            </a:r>
            <a:endParaRPr sz="2993">
              <a:latin typeface="ＭＳ Ｐゴシック"/>
              <a:cs typeface="ＭＳ Ｐゴシック"/>
            </a:endParaRPr>
          </a:p>
        </p:txBody>
      </p:sp>
      <p:grpSp>
        <p:nvGrpSpPr>
          <p:cNvPr id="16" name="object 16"/>
          <p:cNvGrpSpPr/>
          <p:nvPr/>
        </p:nvGrpSpPr>
        <p:grpSpPr>
          <a:xfrm>
            <a:off x="2566401" y="3657817"/>
            <a:ext cx="2477133" cy="1781560"/>
            <a:chOff x="3001263" y="4049014"/>
            <a:chExt cx="2896870" cy="2083435"/>
          </a:xfrm>
        </p:grpSpPr>
        <p:sp>
          <p:nvSpPr>
            <p:cNvPr id="17" name="object 17"/>
            <p:cNvSpPr/>
            <p:nvPr/>
          </p:nvSpPr>
          <p:spPr>
            <a:xfrm>
              <a:off x="3019043" y="5177028"/>
              <a:ext cx="887094" cy="937260"/>
            </a:xfrm>
            <a:custGeom>
              <a:avLst/>
              <a:gdLst/>
              <a:ahLst/>
              <a:cxnLst/>
              <a:rect l="l" t="t" r="r" b="b"/>
              <a:pathLst>
                <a:path w="887095" h="937260">
                  <a:moveTo>
                    <a:pt x="886967" y="937259"/>
                  </a:moveTo>
                  <a:lnTo>
                    <a:pt x="0" y="937259"/>
                  </a:lnTo>
                  <a:lnTo>
                    <a:pt x="0" y="0"/>
                  </a:lnTo>
                  <a:lnTo>
                    <a:pt x="886967" y="0"/>
                  </a:lnTo>
                  <a:lnTo>
                    <a:pt x="886967" y="937259"/>
                  </a:lnTo>
                  <a:close/>
                </a:path>
              </a:pathLst>
            </a:custGeom>
            <a:solidFill>
              <a:srgbClr val="4472C3"/>
            </a:solidFill>
          </p:spPr>
          <p:txBody>
            <a:bodyPr wrap="square" lIns="0" tIns="0" rIns="0" bIns="0" rtlCol="0"/>
            <a:lstStyle/>
            <a:p>
              <a:endParaRPr sz="1749"/>
            </a:p>
          </p:txBody>
        </p:sp>
        <p:sp>
          <p:nvSpPr>
            <p:cNvPr id="18" name="object 18"/>
            <p:cNvSpPr/>
            <p:nvPr/>
          </p:nvSpPr>
          <p:spPr>
            <a:xfrm>
              <a:off x="3019043" y="5177028"/>
              <a:ext cx="887094" cy="937260"/>
            </a:xfrm>
            <a:custGeom>
              <a:avLst/>
              <a:gdLst/>
              <a:ahLst/>
              <a:cxnLst/>
              <a:rect l="l" t="t" r="r" b="b"/>
              <a:pathLst>
                <a:path w="887095" h="937260">
                  <a:moveTo>
                    <a:pt x="0" y="937259"/>
                  </a:moveTo>
                  <a:lnTo>
                    <a:pt x="0" y="0"/>
                  </a:lnTo>
                  <a:lnTo>
                    <a:pt x="443483" y="0"/>
                  </a:lnTo>
                  <a:lnTo>
                    <a:pt x="886967" y="0"/>
                  </a:lnTo>
                  <a:lnTo>
                    <a:pt x="886967" y="937259"/>
                  </a:lnTo>
                  <a:lnTo>
                    <a:pt x="0" y="937259"/>
                  </a:lnTo>
                  <a:close/>
                </a:path>
              </a:pathLst>
            </a:custGeom>
            <a:ln w="35052">
              <a:solidFill>
                <a:srgbClr val="4472C3"/>
              </a:solidFill>
            </a:ln>
          </p:spPr>
          <p:txBody>
            <a:bodyPr wrap="square" lIns="0" tIns="0" rIns="0" bIns="0" rtlCol="0"/>
            <a:lstStyle/>
            <a:p>
              <a:endParaRPr sz="1749"/>
            </a:p>
          </p:txBody>
        </p:sp>
        <p:sp>
          <p:nvSpPr>
            <p:cNvPr id="19" name="object 19"/>
            <p:cNvSpPr/>
            <p:nvPr/>
          </p:nvSpPr>
          <p:spPr>
            <a:xfrm>
              <a:off x="4311396" y="4062984"/>
              <a:ext cx="1572895" cy="536575"/>
            </a:xfrm>
            <a:custGeom>
              <a:avLst/>
              <a:gdLst/>
              <a:ahLst/>
              <a:cxnLst/>
              <a:rect l="l" t="t" r="r" b="b"/>
              <a:pathLst>
                <a:path w="1572895" h="536575">
                  <a:moveTo>
                    <a:pt x="1572767" y="536448"/>
                  </a:moveTo>
                  <a:lnTo>
                    <a:pt x="0" y="536448"/>
                  </a:lnTo>
                  <a:lnTo>
                    <a:pt x="0" y="0"/>
                  </a:lnTo>
                  <a:lnTo>
                    <a:pt x="1572767" y="0"/>
                  </a:lnTo>
                  <a:lnTo>
                    <a:pt x="1572767" y="536448"/>
                  </a:lnTo>
                  <a:close/>
                </a:path>
              </a:pathLst>
            </a:custGeom>
            <a:solidFill>
              <a:srgbClr val="ED7C31"/>
            </a:solidFill>
          </p:spPr>
          <p:txBody>
            <a:bodyPr wrap="square" lIns="0" tIns="0" rIns="0" bIns="0" rtlCol="0"/>
            <a:lstStyle/>
            <a:p>
              <a:endParaRPr sz="1749"/>
            </a:p>
          </p:txBody>
        </p:sp>
        <p:sp>
          <p:nvSpPr>
            <p:cNvPr id="20" name="object 20"/>
            <p:cNvSpPr/>
            <p:nvPr/>
          </p:nvSpPr>
          <p:spPr>
            <a:xfrm>
              <a:off x="4311396" y="4062984"/>
              <a:ext cx="1572895" cy="536575"/>
            </a:xfrm>
            <a:custGeom>
              <a:avLst/>
              <a:gdLst/>
              <a:ahLst/>
              <a:cxnLst/>
              <a:rect l="l" t="t" r="r" b="b"/>
              <a:pathLst>
                <a:path w="1572895" h="536575">
                  <a:moveTo>
                    <a:pt x="0" y="0"/>
                  </a:moveTo>
                  <a:lnTo>
                    <a:pt x="1572767" y="0"/>
                  </a:lnTo>
                  <a:lnTo>
                    <a:pt x="1572767" y="536448"/>
                  </a:lnTo>
                  <a:lnTo>
                    <a:pt x="0" y="536448"/>
                  </a:lnTo>
                  <a:lnTo>
                    <a:pt x="0" y="0"/>
                  </a:lnTo>
                  <a:close/>
                </a:path>
              </a:pathLst>
            </a:custGeom>
            <a:ln w="27432">
              <a:solidFill>
                <a:srgbClr val="ED7C31"/>
              </a:solidFill>
            </a:ln>
          </p:spPr>
          <p:txBody>
            <a:bodyPr wrap="square" lIns="0" tIns="0" rIns="0" bIns="0" rtlCol="0"/>
            <a:lstStyle/>
            <a:p>
              <a:endParaRPr sz="1749"/>
            </a:p>
          </p:txBody>
        </p:sp>
      </p:grpSp>
      <p:sp>
        <p:nvSpPr>
          <p:cNvPr id="21" name="object 21"/>
          <p:cNvSpPr txBox="1"/>
          <p:nvPr/>
        </p:nvSpPr>
        <p:spPr>
          <a:xfrm>
            <a:off x="3698432" y="3756890"/>
            <a:ext cx="1321645" cy="270801"/>
          </a:xfrm>
          <a:prstGeom prst="rect">
            <a:avLst/>
          </a:prstGeom>
        </p:spPr>
        <p:txBody>
          <a:bodyPr vert="horz" wrap="square" lIns="0" tIns="14118" rIns="0" bIns="0" rtlCol="0">
            <a:spAutoFit/>
          </a:bodyPr>
          <a:lstStyle/>
          <a:p>
            <a:pPr marL="122172">
              <a:spcBef>
                <a:spcPts val="111"/>
              </a:spcBef>
            </a:pPr>
            <a:r>
              <a:rPr sz="1667" spc="-9" dirty="0">
                <a:solidFill>
                  <a:srgbClr val="FFFFFF"/>
                </a:solidFill>
                <a:latin typeface="ＭＳ Ｐゴシック"/>
                <a:cs typeface="ＭＳ Ｐゴシック"/>
              </a:rPr>
              <a:t>支援自治体</a:t>
            </a:r>
            <a:endParaRPr sz="1667">
              <a:latin typeface="ＭＳ Ｐゴシック"/>
              <a:cs typeface="ＭＳ Ｐゴシック"/>
            </a:endParaRPr>
          </a:p>
        </p:txBody>
      </p:sp>
      <p:grpSp>
        <p:nvGrpSpPr>
          <p:cNvPr id="22" name="object 22"/>
          <p:cNvGrpSpPr/>
          <p:nvPr/>
        </p:nvGrpSpPr>
        <p:grpSpPr>
          <a:xfrm>
            <a:off x="4636507" y="2621787"/>
            <a:ext cx="1411781" cy="361632"/>
            <a:chOff x="5422137" y="2837433"/>
            <a:chExt cx="1651000" cy="422909"/>
          </a:xfrm>
        </p:grpSpPr>
        <p:sp>
          <p:nvSpPr>
            <p:cNvPr id="23" name="object 23"/>
            <p:cNvSpPr/>
            <p:nvPr/>
          </p:nvSpPr>
          <p:spPr>
            <a:xfrm>
              <a:off x="5436107" y="2851403"/>
              <a:ext cx="1623060" cy="394970"/>
            </a:xfrm>
            <a:custGeom>
              <a:avLst/>
              <a:gdLst/>
              <a:ahLst/>
              <a:cxnLst/>
              <a:rect l="l" t="t" r="r" b="b"/>
              <a:pathLst>
                <a:path w="1623059" h="394969">
                  <a:moveTo>
                    <a:pt x="1623060" y="394716"/>
                  </a:moveTo>
                  <a:lnTo>
                    <a:pt x="0" y="394716"/>
                  </a:lnTo>
                  <a:lnTo>
                    <a:pt x="0" y="0"/>
                  </a:lnTo>
                  <a:lnTo>
                    <a:pt x="1623060" y="0"/>
                  </a:lnTo>
                  <a:lnTo>
                    <a:pt x="1623060" y="394716"/>
                  </a:lnTo>
                  <a:close/>
                </a:path>
              </a:pathLst>
            </a:custGeom>
            <a:solidFill>
              <a:srgbClr val="FFBF00"/>
            </a:solidFill>
          </p:spPr>
          <p:txBody>
            <a:bodyPr wrap="square" lIns="0" tIns="0" rIns="0" bIns="0" rtlCol="0"/>
            <a:lstStyle/>
            <a:p>
              <a:endParaRPr sz="1749"/>
            </a:p>
          </p:txBody>
        </p:sp>
        <p:sp>
          <p:nvSpPr>
            <p:cNvPr id="24" name="object 24"/>
            <p:cNvSpPr/>
            <p:nvPr/>
          </p:nvSpPr>
          <p:spPr>
            <a:xfrm>
              <a:off x="5436107" y="2851403"/>
              <a:ext cx="1623060" cy="394970"/>
            </a:xfrm>
            <a:custGeom>
              <a:avLst/>
              <a:gdLst/>
              <a:ahLst/>
              <a:cxnLst/>
              <a:rect l="l" t="t" r="r" b="b"/>
              <a:pathLst>
                <a:path w="1623059" h="394969">
                  <a:moveTo>
                    <a:pt x="0" y="0"/>
                  </a:moveTo>
                  <a:lnTo>
                    <a:pt x="1623060" y="0"/>
                  </a:lnTo>
                  <a:lnTo>
                    <a:pt x="1623060" y="394716"/>
                  </a:lnTo>
                  <a:lnTo>
                    <a:pt x="0" y="394716"/>
                  </a:lnTo>
                  <a:lnTo>
                    <a:pt x="0" y="0"/>
                  </a:lnTo>
                  <a:close/>
                </a:path>
              </a:pathLst>
            </a:custGeom>
            <a:ln w="27432">
              <a:solidFill>
                <a:srgbClr val="FFFFFF"/>
              </a:solidFill>
            </a:ln>
          </p:spPr>
          <p:txBody>
            <a:bodyPr wrap="square" lIns="0" tIns="0" rIns="0" bIns="0" rtlCol="0"/>
            <a:lstStyle/>
            <a:p>
              <a:endParaRPr sz="1749"/>
            </a:p>
          </p:txBody>
        </p:sp>
      </p:grpSp>
      <p:sp>
        <p:nvSpPr>
          <p:cNvPr id="25" name="object 25"/>
          <p:cNvSpPr txBox="1"/>
          <p:nvPr/>
        </p:nvSpPr>
        <p:spPr>
          <a:xfrm>
            <a:off x="3964282" y="2234997"/>
            <a:ext cx="2072061" cy="683571"/>
          </a:xfrm>
          <a:prstGeom prst="rect">
            <a:avLst/>
          </a:prstGeom>
        </p:spPr>
        <p:txBody>
          <a:bodyPr vert="horz" wrap="square" lIns="0" tIns="13575" rIns="0" bIns="0" rtlCol="0">
            <a:spAutoFit/>
          </a:bodyPr>
          <a:lstStyle/>
          <a:p>
            <a:pPr marL="201992">
              <a:lnSpc>
                <a:spcPts val="3523"/>
              </a:lnSpc>
              <a:spcBef>
                <a:spcPts val="107"/>
              </a:spcBef>
            </a:pPr>
            <a:r>
              <a:rPr sz="2993" spc="-43" dirty="0">
                <a:solidFill>
                  <a:srgbClr val="FFFFFF"/>
                </a:solidFill>
                <a:latin typeface="ＭＳ Ｐゴシック"/>
                <a:cs typeface="ＭＳ Ｐゴシック"/>
              </a:rPr>
              <a:t>産</a:t>
            </a:r>
            <a:endParaRPr sz="2993">
              <a:latin typeface="ＭＳ Ｐゴシック"/>
              <a:cs typeface="ＭＳ Ｐゴシック"/>
            </a:endParaRPr>
          </a:p>
          <a:p>
            <a:pPr marL="861180">
              <a:lnSpc>
                <a:spcPts val="1727"/>
              </a:lnSpc>
            </a:pPr>
            <a:r>
              <a:rPr sz="1496" spc="-9" dirty="0">
                <a:solidFill>
                  <a:srgbClr val="FFFFFF"/>
                </a:solidFill>
                <a:latin typeface="ＭＳ Ｐゴシック"/>
                <a:cs typeface="ＭＳ Ｐゴシック"/>
              </a:rPr>
              <a:t>アドバイザー</a:t>
            </a:r>
            <a:endParaRPr sz="1496">
              <a:latin typeface="ＭＳ Ｐゴシック"/>
              <a:cs typeface="ＭＳ Ｐゴシック"/>
            </a:endParaRPr>
          </a:p>
        </p:txBody>
      </p:sp>
      <p:grpSp>
        <p:nvGrpSpPr>
          <p:cNvPr id="26" name="object 26"/>
          <p:cNvGrpSpPr/>
          <p:nvPr/>
        </p:nvGrpSpPr>
        <p:grpSpPr>
          <a:xfrm>
            <a:off x="1762989" y="5292009"/>
            <a:ext cx="1411781" cy="360547"/>
            <a:chOff x="2061717" y="5960110"/>
            <a:chExt cx="1651000" cy="421640"/>
          </a:xfrm>
        </p:grpSpPr>
        <p:sp>
          <p:nvSpPr>
            <p:cNvPr id="27" name="object 27"/>
            <p:cNvSpPr/>
            <p:nvPr/>
          </p:nvSpPr>
          <p:spPr>
            <a:xfrm>
              <a:off x="2075687" y="5974080"/>
              <a:ext cx="1623060" cy="393700"/>
            </a:xfrm>
            <a:custGeom>
              <a:avLst/>
              <a:gdLst/>
              <a:ahLst/>
              <a:cxnLst/>
              <a:rect l="l" t="t" r="r" b="b"/>
              <a:pathLst>
                <a:path w="1623060" h="393700">
                  <a:moveTo>
                    <a:pt x="1623060" y="393191"/>
                  </a:moveTo>
                  <a:lnTo>
                    <a:pt x="0" y="393191"/>
                  </a:lnTo>
                  <a:lnTo>
                    <a:pt x="0" y="0"/>
                  </a:lnTo>
                  <a:lnTo>
                    <a:pt x="1623060" y="0"/>
                  </a:lnTo>
                  <a:lnTo>
                    <a:pt x="1623060" y="393191"/>
                  </a:lnTo>
                  <a:close/>
                </a:path>
              </a:pathLst>
            </a:custGeom>
            <a:solidFill>
              <a:srgbClr val="4472C3"/>
            </a:solidFill>
          </p:spPr>
          <p:txBody>
            <a:bodyPr wrap="square" lIns="0" tIns="0" rIns="0" bIns="0" rtlCol="0"/>
            <a:lstStyle/>
            <a:p>
              <a:endParaRPr sz="1749"/>
            </a:p>
          </p:txBody>
        </p:sp>
        <p:sp>
          <p:nvSpPr>
            <p:cNvPr id="28" name="object 28"/>
            <p:cNvSpPr/>
            <p:nvPr/>
          </p:nvSpPr>
          <p:spPr>
            <a:xfrm>
              <a:off x="2075687" y="5974080"/>
              <a:ext cx="1623060" cy="393700"/>
            </a:xfrm>
            <a:custGeom>
              <a:avLst/>
              <a:gdLst/>
              <a:ahLst/>
              <a:cxnLst/>
              <a:rect l="l" t="t" r="r" b="b"/>
              <a:pathLst>
                <a:path w="1623060" h="393700">
                  <a:moveTo>
                    <a:pt x="0" y="0"/>
                  </a:moveTo>
                  <a:lnTo>
                    <a:pt x="1623060" y="0"/>
                  </a:lnTo>
                  <a:lnTo>
                    <a:pt x="1623060" y="393191"/>
                  </a:lnTo>
                  <a:lnTo>
                    <a:pt x="0" y="393191"/>
                  </a:lnTo>
                  <a:lnTo>
                    <a:pt x="0" y="0"/>
                  </a:lnTo>
                  <a:close/>
                </a:path>
              </a:pathLst>
            </a:custGeom>
            <a:ln w="27432">
              <a:solidFill>
                <a:srgbClr val="FFFFFF"/>
              </a:solidFill>
            </a:ln>
          </p:spPr>
          <p:txBody>
            <a:bodyPr wrap="square" lIns="0" tIns="0" rIns="0" bIns="0" rtlCol="0"/>
            <a:lstStyle/>
            <a:p>
              <a:endParaRPr sz="1749"/>
            </a:p>
          </p:txBody>
        </p:sp>
      </p:grpSp>
      <p:sp>
        <p:nvSpPr>
          <p:cNvPr id="29" name="object 29"/>
          <p:cNvSpPr txBox="1"/>
          <p:nvPr/>
        </p:nvSpPr>
        <p:spPr>
          <a:xfrm>
            <a:off x="1774936" y="4559875"/>
            <a:ext cx="1565448" cy="1038660"/>
          </a:xfrm>
          <a:prstGeom prst="rect">
            <a:avLst/>
          </a:prstGeom>
        </p:spPr>
        <p:txBody>
          <a:bodyPr vert="horz" wrap="square" lIns="0" tIns="230229" rIns="0" bIns="0" rtlCol="0">
            <a:spAutoFit/>
          </a:bodyPr>
          <a:lstStyle/>
          <a:p>
            <a:pPr marL="992040">
              <a:spcBef>
                <a:spcPts val="1813"/>
              </a:spcBef>
            </a:pPr>
            <a:r>
              <a:rPr sz="2993" spc="-43" dirty="0">
                <a:solidFill>
                  <a:srgbClr val="FFFFFF"/>
                </a:solidFill>
                <a:latin typeface="ＭＳ Ｐゴシック"/>
                <a:cs typeface="ＭＳ Ｐゴシック"/>
              </a:rPr>
              <a:t>官</a:t>
            </a:r>
            <a:endParaRPr sz="2993">
              <a:latin typeface="ＭＳ Ｐゴシック"/>
              <a:cs typeface="ＭＳ Ｐゴシック"/>
            </a:endParaRPr>
          </a:p>
          <a:p>
            <a:pPr marL="177014">
              <a:spcBef>
                <a:spcPts val="868"/>
              </a:spcBef>
            </a:pPr>
            <a:r>
              <a:rPr sz="1496" spc="-9" dirty="0">
                <a:solidFill>
                  <a:srgbClr val="FFFFFF"/>
                </a:solidFill>
                <a:latin typeface="ＭＳ Ｐゴシック"/>
                <a:cs typeface="ＭＳ Ｐゴシック"/>
              </a:rPr>
              <a:t>アドバイザー</a:t>
            </a:r>
            <a:endParaRPr sz="1496">
              <a:latin typeface="ＭＳ Ｐゴシック"/>
              <a:cs typeface="ＭＳ Ｐゴシック"/>
            </a:endParaRPr>
          </a:p>
        </p:txBody>
      </p:sp>
      <p:grpSp>
        <p:nvGrpSpPr>
          <p:cNvPr id="30" name="object 30"/>
          <p:cNvGrpSpPr/>
          <p:nvPr/>
        </p:nvGrpSpPr>
        <p:grpSpPr>
          <a:xfrm>
            <a:off x="5330018" y="5244009"/>
            <a:ext cx="1411781" cy="361090"/>
            <a:chOff x="6233160" y="5903976"/>
            <a:chExt cx="1651000" cy="422275"/>
          </a:xfrm>
        </p:grpSpPr>
        <p:sp>
          <p:nvSpPr>
            <p:cNvPr id="31" name="object 31"/>
            <p:cNvSpPr/>
            <p:nvPr/>
          </p:nvSpPr>
          <p:spPr>
            <a:xfrm>
              <a:off x="6246876" y="5917692"/>
              <a:ext cx="1623060" cy="394970"/>
            </a:xfrm>
            <a:custGeom>
              <a:avLst/>
              <a:gdLst/>
              <a:ahLst/>
              <a:cxnLst/>
              <a:rect l="l" t="t" r="r" b="b"/>
              <a:pathLst>
                <a:path w="1623059" h="394970">
                  <a:moveTo>
                    <a:pt x="1623059" y="394715"/>
                  </a:moveTo>
                  <a:lnTo>
                    <a:pt x="0" y="394715"/>
                  </a:lnTo>
                  <a:lnTo>
                    <a:pt x="0" y="0"/>
                  </a:lnTo>
                  <a:lnTo>
                    <a:pt x="1623059" y="0"/>
                  </a:lnTo>
                  <a:lnTo>
                    <a:pt x="1623059" y="394715"/>
                  </a:lnTo>
                  <a:close/>
                </a:path>
              </a:pathLst>
            </a:custGeom>
            <a:solidFill>
              <a:srgbClr val="70AC46"/>
            </a:solidFill>
          </p:spPr>
          <p:txBody>
            <a:bodyPr wrap="square" lIns="0" tIns="0" rIns="0" bIns="0" rtlCol="0"/>
            <a:lstStyle/>
            <a:p>
              <a:endParaRPr sz="1749"/>
            </a:p>
          </p:txBody>
        </p:sp>
        <p:sp>
          <p:nvSpPr>
            <p:cNvPr id="32" name="object 32"/>
            <p:cNvSpPr/>
            <p:nvPr/>
          </p:nvSpPr>
          <p:spPr>
            <a:xfrm>
              <a:off x="6246876" y="5917692"/>
              <a:ext cx="1623060" cy="394970"/>
            </a:xfrm>
            <a:custGeom>
              <a:avLst/>
              <a:gdLst/>
              <a:ahLst/>
              <a:cxnLst/>
              <a:rect l="l" t="t" r="r" b="b"/>
              <a:pathLst>
                <a:path w="1623059" h="394970">
                  <a:moveTo>
                    <a:pt x="0" y="0"/>
                  </a:moveTo>
                  <a:lnTo>
                    <a:pt x="1623059" y="0"/>
                  </a:lnTo>
                  <a:lnTo>
                    <a:pt x="1623059" y="394715"/>
                  </a:lnTo>
                  <a:lnTo>
                    <a:pt x="0" y="394715"/>
                  </a:lnTo>
                  <a:lnTo>
                    <a:pt x="0" y="0"/>
                  </a:lnTo>
                  <a:close/>
                </a:path>
              </a:pathLst>
            </a:custGeom>
            <a:ln w="27432">
              <a:solidFill>
                <a:srgbClr val="FFFFFF"/>
              </a:solidFill>
            </a:ln>
          </p:spPr>
          <p:txBody>
            <a:bodyPr wrap="square" lIns="0" tIns="0" rIns="0" bIns="0" rtlCol="0"/>
            <a:lstStyle/>
            <a:p>
              <a:endParaRPr sz="1749"/>
            </a:p>
          </p:txBody>
        </p:sp>
      </p:grpSp>
      <p:sp>
        <p:nvSpPr>
          <p:cNvPr id="33" name="object 33"/>
          <p:cNvSpPr txBox="1"/>
          <p:nvPr/>
        </p:nvSpPr>
        <p:spPr>
          <a:xfrm>
            <a:off x="5341747" y="5255737"/>
            <a:ext cx="1387890" cy="284472"/>
          </a:xfrm>
          <a:prstGeom prst="rect">
            <a:avLst/>
          </a:prstGeom>
        </p:spPr>
        <p:txBody>
          <a:bodyPr vert="horz" wrap="square" lIns="0" tIns="53756" rIns="0" bIns="0" rtlCol="0">
            <a:spAutoFit/>
          </a:bodyPr>
          <a:lstStyle/>
          <a:p>
            <a:pPr marL="177014">
              <a:spcBef>
                <a:spcPts val="423"/>
              </a:spcBef>
            </a:pPr>
            <a:r>
              <a:rPr sz="1496" spc="-9" dirty="0">
                <a:solidFill>
                  <a:srgbClr val="FFFFFF"/>
                </a:solidFill>
                <a:latin typeface="ＭＳ Ｐゴシック"/>
                <a:cs typeface="ＭＳ Ｐゴシック"/>
              </a:rPr>
              <a:t>アドバイザー</a:t>
            </a:r>
            <a:endParaRPr sz="1496">
              <a:latin typeface="ＭＳ Ｐゴシック"/>
              <a:cs typeface="ＭＳ Ｐゴシック"/>
            </a:endParaRPr>
          </a:p>
        </p:txBody>
      </p:sp>
      <p:grpSp>
        <p:nvGrpSpPr>
          <p:cNvPr id="34" name="object 34"/>
          <p:cNvGrpSpPr/>
          <p:nvPr/>
        </p:nvGrpSpPr>
        <p:grpSpPr>
          <a:xfrm>
            <a:off x="1045153" y="1685016"/>
            <a:ext cx="6761347" cy="4517158"/>
            <a:chOff x="1222248" y="1741932"/>
            <a:chExt cx="7907020" cy="5282565"/>
          </a:xfrm>
        </p:grpSpPr>
        <p:sp>
          <p:nvSpPr>
            <p:cNvPr id="35" name="object 35"/>
            <p:cNvSpPr/>
            <p:nvPr/>
          </p:nvSpPr>
          <p:spPr>
            <a:xfrm>
              <a:off x="1229106" y="1793747"/>
              <a:ext cx="0" cy="5222875"/>
            </a:xfrm>
            <a:custGeom>
              <a:avLst/>
              <a:gdLst/>
              <a:ahLst/>
              <a:cxnLst/>
              <a:rect l="l" t="t" r="r" b="b"/>
              <a:pathLst>
                <a:path h="5222875">
                  <a:moveTo>
                    <a:pt x="0" y="0"/>
                  </a:moveTo>
                  <a:lnTo>
                    <a:pt x="0" y="5222748"/>
                  </a:lnTo>
                </a:path>
              </a:pathLst>
            </a:custGeom>
            <a:ln w="13716">
              <a:solidFill>
                <a:srgbClr val="000000"/>
              </a:solidFill>
              <a:prstDash val="sysDot"/>
            </a:ln>
          </p:spPr>
          <p:txBody>
            <a:bodyPr wrap="square" lIns="0" tIns="0" rIns="0" bIns="0" rtlCol="0"/>
            <a:lstStyle/>
            <a:p>
              <a:endParaRPr sz="1749"/>
            </a:p>
          </p:txBody>
        </p:sp>
        <p:sp>
          <p:nvSpPr>
            <p:cNvPr id="36" name="object 36"/>
            <p:cNvSpPr/>
            <p:nvPr/>
          </p:nvSpPr>
          <p:spPr>
            <a:xfrm>
              <a:off x="1222248" y="1741932"/>
              <a:ext cx="355600" cy="38100"/>
            </a:xfrm>
            <a:custGeom>
              <a:avLst/>
              <a:gdLst/>
              <a:ahLst/>
              <a:cxnLst/>
              <a:rect l="l" t="t" r="r" b="b"/>
              <a:pathLst>
                <a:path w="355600" h="38100">
                  <a:moveTo>
                    <a:pt x="13716" y="38100"/>
                  </a:moveTo>
                  <a:lnTo>
                    <a:pt x="0" y="38100"/>
                  </a:lnTo>
                  <a:lnTo>
                    <a:pt x="0" y="22860"/>
                  </a:lnTo>
                  <a:lnTo>
                    <a:pt x="13716" y="22860"/>
                  </a:lnTo>
                  <a:lnTo>
                    <a:pt x="13716" y="38100"/>
                  </a:lnTo>
                  <a:close/>
                </a:path>
                <a:path w="355600" h="38100">
                  <a:moveTo>
                    <a:pt x="12192" y="9144"/>
                  </a:moveTo>
                  <a:lnTo>
                    <a:pt x="0" y="9144"/>
                  </a:lnTo>
                  <a:lnTo>
                    <a:pt x="0" y="0"/>
                  </a:lnTo>
                  <a:lnTo>
                    <a:pt x="18288" y="0"/>
                  </a:lnTo>
                  <a:lnTo>
                    <a:pt x="18288" y="7620"/>
                  </a:lnTo>
                  <a:lnTo>
                    <a:pt x="13716" y="7620"/>
                  </a:lnTo>
                  <a:lnTo>
                    <a:pt x="12192" y="9144"/>
                  </a:lnTo>
                  <a:close/>
                </a:path>
                <a:path w="355600" h="38100">
                  <a:moveTo>
                    <a:pt x="18288" y="13716"/>
                  </a:moveTo>
                  <a:lnTo>
                    <a:pt x="7620" y="13716"/>
                  </a:lnTo>
                  <a:lnTo>
                    <a:pt x="13716" y="7620"/>
                  </a:lnTo>
                  <a:lnTo>
                    <a:pt x="13716" y="9144"/>
                  </a:lnTo>
                  <a:lnTo>
                    <a:pt x="18288" y="9144"/>
                  </a:lnTo>
                  <a:lnTo>
                    <a:pt x="18288" y="13716"/>
                  </a:lnTo>
                  <a:close/>
                </a:path>
                <a:path w="355600" h="38100">
                  <a:moveTo>
                    <a:pt x="18288" y="9144"/>
                  </a:moveTo>
                  <a:lnTo>
                    <a:pt x="13716" y="9144"/>
                  </a:lnTo>
                  <a:lnTo>
                    <a:pt x="13716" y="7620"/>
                  </a:lnTo>
                  <a:lnTo>
                    <a:pt x="18288" y="7620"/>
                  </a:lnTo>
                  <a:lnTo>
                    <a:pt x="18288" y="9144"/>
                  </a:lnTo>
                  <a:close/>
                </a:path>
                <a:path w="355600" h="38100">
                  <a:moveTo>
                    <a:pt x="47244" y="13716"/>
                  </a:moveTo>
                  <a:lnTo>
                    <a:pt x="33528" y="13716"/>
                  </a:lnTo>
                  <a:lnTo>
                    <a:pt x="33528" y="0"/>
                  </a:lnTo>
                  <a:lnTo>
                    <a:pt x="47244" y="0"/>
                  </a:lnTo>
                  <a:lnTo>
                    <a:pt x="47244" y="13716"/>
                  </a:lnTo>
                  <a:close/>
                </a:path>
                <a:path w="355600" h="38100">
                  <a:moveTo>
                    <a:pt x="74676" y="13716"/>
                  </a:moveTo>
                  <a:lnTo>
                    <a:pt x="60960" y="13716"/>
                  </a:lnTo>
                  <a:lnTo>
                    <a:pt x="60960" y="0"/>
                  </a:lnTo>
                  <a:lnTo>
                    <a:pt x="74676" y="0"/>
                  </a:lnTo>
                  <a:lnTo>
                    <a:pt x="74676" y="13716"/>
                  </a:lnTo>
                  <a:close/>
                </a:path>
                <a:path w="355600" h="38100">
                  <a:moveTo>
                    <a:pt x="102108" y="13716"/>
                  </a:moveTo>
                  <a:lnTo>
                    <a:pt x="88392" y="13716"/>
                  </a:lnTo>
                  <a:lnTo>
                    <a:pt x="88392" y="0"/>
                  </a:lnTo>
                  <a:lnTo>
                    <a:pt x="102108" y="0"/>
                  </a:lnTo>
                  <a:lnTo>
                    <a:pt x="102108" y="13716"/>
                  </a:lnTo>
                  <a:close/>
                </a:path>
                <a:path w="355600" h="38100">
                  <a:moveTo>
                    <a:pt x="131064" y="13716"/>
                  </a:moveTo>
                  <a:lnTo>
                    <a:pt x="117348" y="13716"/>
                  </a:lnTo>
                  <a:lnTo>
                    <a:pt x="117348" y="0"/>
                  </a:lnTo>
                  <a:lnTo>
                    <a:pt x="131064" y="0"/>
                  </a:lnTo>
                  <a:lnTo>
                    <a:pt x="131064" y="13716"/>
                  </a:lnTo>
                  <a:close/>
                </a:path>
                <a:path w="355600" h="38100">
                  <a:moveTo>
                    <a:pt x="158495" y="13716"/>
                  </a:moveTo>
                  <a:lnTo>
                    <a:pt x="144780" y="13716"/>
                  </a:lnTo>
                  <a:lnTo>
                    <a:pt x="144780" y="0"/>
                  </a:lnTo>
                  <a:lnTo>
                    <a:pt x="158495" y="0"/>
                  </a:lnTo>
                  <a:lnTo>
                    <a:pt x="158495" y="13716"/>
                  </a:lnTo>
                  <a:close/>
                </a:path>
                <a:path w="355600" h="38100">
                  <a:moveTo>
                    <a:pt x="187452" y="13716"/>
                  </a:moveTo>
                  <a:lnTo>
                    <a:pt x="172212" y="13716"/>
                  </a:lnTo>
                  <a:lnTo>
                    <a:pt x="172212" y="0"/>
                  </a:lnTo>
                  <a:lnTo>
                    <a:pt x="187452" y="0"/>
                  </a:lnTo>
                  <a:lnTo>
                    <a:pt x="187452" y="13716"/>
                  </a:lnTo>
                  <a:close/>
                </a:path>
                <a:path w="355600" h="38100">
                  <a:moveTo>
                    <a:pt x="214883" y="13716"/>
                  </a:moveTo>
                  <a:lnTo>
                    <a:pt x="201168" y="13716"/>
                  </a:lnTo>
                  <a:lnTo>
                    <a:pt x="201168" y="0"/>
                  </a:lnTo>
                  <a:lnTo>
                    <a:pt x="214883" y="0"/>
                  </a:lnTo>
                  <a:lnTo>
                    <a:pt x="214883" y="13716"/>
                  </a:lnTo>
                  <a:close/>
                </a:path>
                <a:path w="355600" h="38100">
                  <a:moveTo>
                    <a:pt x="242316" y="13716"/>
                  </a:moveTo>
                  <a:lnTo>
                    <a:pt x="228600" y="13716"/>
                  </a:lnTo>
                  <a:lnTo>
                    <a:pt x="228600" y="0"/>
                  </a:lnTo>
                  <a:lnTo>
                    <a:pt x="242316" y="0"/>
                  </a:lnTo>
                  <a:lnTo>
                    <a:pt x="242316" y="13716"/>
                  </a:lnTo>
                  <a:close/>
                </a:path>
                <a:path w="355600" h="38100">
                  <a:moveTo>
                    <a:pt x="271272" y="13716"/>
                  </a:moveTo>
                  <a:lnTo>
                    <a:pt x="257556" y="13716"/>
                  </a:lnTo>
                  <a:lnTo>
                    <a:pt x="257556" y="0"/>
                  </a:lnTo>
                  <a:lnTo>
                    <a:pt x="271272" y="0"/>
                  </a:lnTo>
                  <a:lnTo>
                    <a:pt x="271272" y="13716"/>
                  </a:lnTo>
                  <a:close/>
                </a:path>
                <a:path w="355600" h="38100">
                  <a:moveTo>
                    <a:pt x="298704" y="13716"/>
                  </a:moveTo>
                  <a:lnTo>
                    <a:pt x="284988" y="13716"/>
                  </a:lnTo>
                  <a:lnTo>
                    <a:pt x="284988" y="0"/>
                  </a:lnTo>
                  <a:lnTo>
                    <a:pt x="298704" y="0"/>
                  </a:lnTo>
                  <a:lnTo>
                    <a:pt x="298704" y="13716"/>
                  </a:lnTo>
                  <a:close/>
                </a:path>
                <a:path w="355600" h="38100">
                  <a:moveTo>
                    <a:pt x="326136" y="13716"/>
                  </a:moveTo>
                  <a:lnTo>
                    <a:pt x="312419" y="13716"/>
                  </a:lnTo>
                  <a:lnTo>
                    <a:pt x="312419" y="0"/>
                  </a:lnTo>
                  <a:lnTo>
                    <a:pt x="326136" y="0"/>
                  </a:lnTo>
                  <a:lnTo>
                    <a:pt x="326136" y="13716"/>
                  </a:lnTo>
                  <a:close/>
                </a:path>
                <a:path w="355600" h="38100">
                  <a:moveTo>
                    <a:pt x="355092" y="13716"/>
                  </a:moveTo>
                  <a:lnTo>
                    <a:pt x="341376" y="13716"/>
                  </a:lnTo>
                  <a:lnTo>
                    <a:pt x="341376" y="0"/>
                  </a:lnTo>
                  <a:lnTo>
                    <a:pt x="355092" y="0"/>
                  </a:lnTo>
                  <a:lnTo>
                    <a:pt x="355092" y="13716"/>
                  </a:lnTo>
                  <a:close/>
                </a:path>
              </a:pathLst>
            </a:custGeom>
            <a:solidFill>
              <a:srgbClr val="000000"/>
            </a:solidFill>
          </p:spPr>
          <p:txBody>
            <a:bodyPr wrap="square" lIns="0" tIns="0" rIns="0" bIns="0" rtlCol="0"/>
            <a:lstStyle/>
            <a:p>
              <a:endParaRPr sz="1749"/>
            </a:p>
          </p:txBody>
        </p:sp>
        <p:sp>
          <p:nvSpPr>
            <p:cNvPr id="37" name="object 37"/>
            <p:cNvSpPr/>
            <p:nvPr/>
          </p:nvSpPr>
          <p:spPr>
            <a:xfrm>
              <a:off x="1591055" y="1748790"/>
              <a:ext cx="7519670" cy="0"/>
            </a:xfrm>
            <a:custGeom>
              <a:avLst/>
              <a:gdLst/>
              <a:ahLst/>
              <a:cxnLst/>
              <a:rect l="l" t="t" r="r" b="b"/>
              <a:pathLst>
                <a:path w="7519670">
                  <a:moveTo>
                    <a:pt x="0" y="0"/>
                  </a:moveTo>
                  <a:lnTo>
                    <a:pt x="2253995" y="0"/>
                  </a:lnTo>
                </a:path>
                <a:path w="7519670">
                  <a:moveTo>
                    <a:pt x="5244083" y="0"/>
                  </a:moveTo>
                  <a:lnTo>
                    <a:pt x="7519416" y="0"/>
                  </a:lnTo>
                </a:path>
              </a:pathLst>
            </a:custGeom>
            <a:ln w="13716">
              <a:solidFill>
                <a:srgbClr val="000000"/>
              </a:solidFill>
              <a:prstDash val="sysDot"/>
            </a:ln>
          </p:spPr>
          <p:txBody>
            <a:bodyPr wrap="square" lIns="0" tIns="0" rIns="0" bIns="0" rtlCol="0"/>
            <a:lstStyle/>
            <a:p>
              <a:endParaRPr sz="1749"/>
            </a:p>
          </p:txBody>
        </p:sp>
        <p:sp>
          <p:nvSpPr>
            <p:cNvPr id="38" name="object 38"/>
            <p:cNvSpPr/>
            <p:nvPr/>
          </p:nvSpPr>
          <p:spPr>
            <a:xfrm>
              <a:off x="9121902" y="1751076"/>
              <a:ext cx="0" cy="5166360"/>
            </a:xfrm>
            <a:custGeom>
              <a:avLst/>
              <a:gdLst/>
              <a:ahLst/>
              <a:cxnLst/>
              <a:rect l="l" t="t" r="r" b="b"/>
              <a:pathLst>
                <a:path h="5166359">
                  <a:moveTo>
                    <a:pt x="0" y="0"/>
                  </a:moveTo>
                  <a:lnTo>
                    <a:pt x="0" y="5166359"/>
                  </a:lnTo>
                </a:path>
              </a:pathLst>
            </a:custGeom>
            <a:ln w="13716">
              <a:solidFill>
                <a:srgbClr val="000000"/>
              </a:solidFill>
              <a:prstDash val="sysDot"/>
            </a:ln>
          </p:spPr>
          <p:txBody>
            <a:bodyPr wrap="square" lIns="0" tIns="0" rIns="0" bIns="0" rtlCol="0"/>
            <a:lstStyle/>
            <a:p>
              <a:endParaRPr sz="1749"/>
            </a:p>
          </p:txBody>
        </p:sp>
        <p:sp>
          <p:nvSpPr>
            <p:cNvPr id="39" name="object 39"/>
            <p:cNvSpPr/>
            <p:nvPr/>
          </p:nvSpPr>
          <p:spPr>
            <a:xfrm>
              <a:off x="8828531" y="6932676"/>
              <a:ext cx="300355" cy="91440"/>
            </a:xfrm>
            <a:custGeom>
              <a:avLst/>
              <a:gdLst/>
              <a:ahLst/>
              <a:cxnLst/>
              <a:rect l="l" t="t" r="r" b="b"/>
              <a:pathLst>
                <a:path w="300354" h="91440">
                  <a:moveTo>
                    <a:pt x="300228" y="13716"/>
                  </a:moveTo>
                  <a:lnTo>
                    <a:pt x="286512" y="13716"/>
                  </a:lnTo>
                  <a:lnTo>
                    <a:pt x="286512" y="0"/>
                  </a:lnTo>
                  <a:lnTo>
                    <a:pt x="300228" y="0"/>
                  </a:lnTo>
                  <a:lnTo>
                    <a:pt x="300228" y="13716"/>
                  </a:lnTo>
                  <a:close/>
                </a:path>
                <a:path w="300354" h="91440">
                  <a:moveTo>
                    <a:pt x="300228" y="41148"/>
                  </a:moveTo>
                  <a:lnTo>
                    <a:pt x="286512" y="41148"/>
                  </a:lnTo>
                  <a:lnTo>
                    <a:pt x="286512" y="27432"/>
                  </a:lnTo>
                  <a:lnTo>
                    <a:pt x="300228" y="27432"/>
                  </a:lnTo>
                  <a:lnTo>
                    <a:pt x="300228" y="41148"/>
                  </a:lnTo>
                  <a:close/>
                </a:path>
                <a:path w="300354" h="91440">
                  <a:moveTo>
                    <a:pt x="300228" y="70104"/>
                  </a:moveTo>
                  <a:lnTo>
                    <a:pt x="286512" y="70104"/>
                  </a:lnTo>
                  <a:lnTo>
                    <a:pt x="286512" y="54864"/>
                  </a:lnTo>
                  <a:lnTo>
                    <a:pt x="300228" y="54864"/>
                  </a:lnTo>
                  <a:lnTo>
                    <a:pt x="300228" y="70104"/>
                  </a:lnTo>
                  <a:close/>
                </a:path>
                <a:path w="300354" h="91440">
                  <a:moveTo>
                    <a:pt x="300228" y="91440"/>
                  </a:moveTo>
                  <a:lnTo>
                    <a:pt x="280416" y="91440"/>
                  </a:lnTo>
                  <a:lnTo>
                    <a:pt x="280416" y="76200"/>
                  </a:lnTo>
                  <a:lnTo>
                    <a:pt x="294132" y="76200"/>
                  </a:lnTo>
                  <a:lnTo>
                    <a:pt x="286512" y="83820"/>
                  </a:lnTo>
                  <a:lnTo>
                    <a:pt x="300228" y="83820"/>
                  </a:lnTo>
                  <a:lnTo>
                    <a:pt x="300228" y="91440"/>
                  </a:lnTo>
                  <a:close/>
                </a:path>
                <a:path w="300354" h="91440">
                  <a:moveTo>
                    <a:pt x="265176" y="91440"/>
                  </a:moveTo>
                  <a:lnTo>
                    <a:pt x="251460" y="91440"/>
                  </a:lnTo>
                  <a:lnTo>
                    <a:pt x="251460" y="76200"/>
                  </a:lnTo>
                  <a:lnTo>
                    <a:pt x="265176" y="76200"/>
                  </a:lnTo>
                  <a:lnTo>
                    <a:pt x="265176" y="91440"/>
                  </a:lnTo>
                  <a:close/>
                </a:path>
                <a:path w="300354" h="91440">
                  <a:moveTo>
                    <a:pt x="237744" y="91440"/>
                  </a:moveTo>
                  <a:lnTo>
                    <a:pt x="224028" y="91440"/>
                  </a:lnTo>
                  <a:lnTo>
                    <a:pt x="224028" y="76200"/>
                  </a:lnTo>
                  <a:lnTo>
                    <a:pt x="237744" y="76200"/>
                  </a:lnTo>
                  <a:lnTo>
                    <a:pt x="237744" y="91440"/>
                  </a:lnTo>
                  <a:close/>
                </a:path>
                <a:path w="300354" h="91440">
                  <a:moveTo>
                    <a:pt x="210312" y="91440"/>
                  </a:moveTo>
                  <a:lnTo>
                    <a:pt x="196596" y="91440"/>
                  </a:lnTo>
                  <a:lnTo>
                    <a:pt x="196596" y="76200"/>
                  </a:lnTo>
                  <a:lnTo>
                    <a:pt x="210312" y="76200"/>
                  </a:lnTo>
                  <a:lnTo>
                    <a:pt x="210312" y="91440"/>
                  </a:lnTo>
                  <a:close/>
                </a:path>
                <a:path w="300354" h="91440">
                  <a:moveTo>
                    <a:pt x="181356" y="91440"/>
                  </a:moveTo>
                  <a:lnTo>
                    <a:pt x="167640" y="91440"/>
                  </a:lnTo>
                  <a:lnTo>
                    <a:pt x="167640" y="76200"/>
                  </a:lnTo>
                  <a:lnTo>
                    <a:pt x="181356" y="76200"/>
                  </a:lnTo>
                  <a:lnTo>
                    <a:pt x="181356" y="91440"/>
                  </a:lnTo>
                  <a:close/>
                </a:path>
                <a:path w="300354" h="91440">
                  <a:moveTo>
                    <a:pt x="153924" y="91440"/>
                  </a:moveTo>
                  <a:lnTo>
                    <a:pt x="140208" y="91440"/>
                  </a:lnTo>
                  <a:lnTo>
                    <a:pt x="140208" y="76200"/>
                  </a:lnTo>
                  <a:lnTo>
                    <a:pt x="153924" y="76200"/>
                  </a:lnTo>
                  <a:lnTo>
                    <a:pt x="153924" y="91440"/>
                  </a:lnTo>
                  <a:close/>
                </a:path>
                <a:path w="300354" h="91440">
                  <a:moveTo>
                    <a:pt x="126492" y="91440"/>
                  </a:moveTo>
                  <a:lnTo>
                    <a:pt x="111252" y="91440"/>
                  </a:lnTo>
                  <a:lnTo>
                    <a:pt x="111252" y="76200"/>
                  </a:lnTo>
                  <a:lnTo>
                    <a:pt x="126492" y="76200"/>
                  </a:lnTo>
                  <a:lnTo>
                    <a:pt x="126492" y="91440"/>
                  </a:lnTo>
                  <a:close/>
                </a:path>
                <a:path w="300354" h="91440">
                  <a:moveTo>
                    <a:pt x="97535" y="91440"/>
                  </a:moveTo>
                  <a:lnTo>
                    <a:pt x="83820" y="91440"/>
                  </a:lnTo>
                  <a:lnTo>
                    <a:pt x="83820" y="76200"/>
                  </a:lnTo>
                  <a:lnTo>
                    <a:pt x="97535" y="76200"/>
                  </a:lnTo>
                  <a:lnTo>
                    <a:pt x="97535" y="91440"/>
                  </a:lnTo>
                  <a:close/>
                </a:path>
                <a:path w="300354" h="91440">
                  <a:moveTo>
                    <a:pt x="70104" y="91440"/>
                  </a:moveTo>
                  <a:lnTo>
                    <a:pt x="56388" y="91440"/>
                  </a:lnTo>
                  <a:lnTo>
                    <a:pt x="56388" y="76200"/>
                  </a:lnTo>
                  <a:lnTo>
                    <a:pt x="70104" y="76200"/>
                  </a:lnTo>
                  <a:lnTo>
                    <a:pt x="70104" y="91440"/>
                  </a:lnTo>
                  <a:close/>
                </a:path>
                <a:path w="300354" h="91440">
                  <a:moveTo>
                    <a:pt x="41147" y="91440"/>
                  </a:moveTo>
                  <a:lnTo>
                    <a:pt x="27432" y="91440"/>
                  </a:lnTo>
                  <a:lnTo>
                    <a:pt x="27432" y="76200"/>
                  </a:lnTo>
                  <a:lnTo>
                    <a:pt x="41147" y="76200"/>
                  </a:lnTo>
                  <a:lnTo>
                    <a:pt x="41147" y="91440"/>
                  </a:lnTo>
                  <a:close/>
                </a:path>
                <a:path w="300354" h="91440">
                  <a:moveTo>
                    <a:pt x="13716" y="91440"/>
                  </a:moveTo>
                  <a:lnTo>
                    <a:pt x="0" y="91440"/>
                  </a:lnTo>
                  <a:lnTo>
                    <a:pt x="0" y="76200"/>
                  </a:lnTo>
                  <a:lnTo>
                    <a:pt x="13716" y="76200"/>
                  </a:lnTo>
                  <a:lnTo>
                    <a:pt x="13716" y="91440"/>
                  </a:lnTo>
                  <a:close/>
                </a:path>
              </a:pathLst>
            </a:custGeom>
            <a:solidFill>
              <a:srgbClr val="000000"/>
            </a:solidFill>
          </p:spPr>
          <p:txBody>
            <a:bodyPr wrap="square" lIns="0" tIns="0" rIns="0" bIns="0" rtlCol="0"/>
            <a:lstStyle/>
            <a:p>
              <a:endParaRPr sz="1749"/>
            </a:p>
          </p:txBody>
        </p:sp>
        <p:sp>
          <p:nvSpPr>
            <p:cNvPr id="40" name="object 40"/>
            <p:cNvSpPr/>
            <p:nvPr/>
          </p:nvSpPr>
          <p:spPr>
            <a:xfrm>
              <a:off x="1239011" y="7016496"/>
              <a:ext cx="7576184" cy="0"/>
            </a:xfrm>
            <a:custGeom>
              <a:avLst/>
              <a:gdLst/>
              <a:ahLst/>
              <a:cxnLst/>
              <a:rect l="l" t="t" r="r" b="b"/>
              <a:pathLst>
                <a:path w="7576184">
                  <a:moveTo>
                    <a:pt x="0" y="0"/>
                  </a:moveTo>
                  <a:lnTo>
                    <a:pt x="7575804" y="0"/>
                  </a:lnTo>
                </a:path>
              </a:pathLst>
            </a:custGeom>
            <a:ln w="15240">
              <a:solidFill>
                <a:srgbClr val="000000"/>
              </a:solidFill>
              <a:prstDash val="sysDot"/>
            </a:ln>
          </p:spPr>
          <p:txBody>
            <a:bodyPr wrap="square" lIns="0" tIns="0" rIns="0" bIns="0" rtlCol="0"/>
            <a:lstStyle/>
            <a:p>
              <a:endParaRPr sz="1749"/>
            </a:p>
          </p:txBody>
        </p:sp>
      </p:grpSp>
      <p:sp>
        <p:nvSpPr>
          <p:cNvPr id="41" name="object 41"/>
          <p:cNvSpPr txBox="1"/>
          <p:nvPr/>
        </p:nvSpPr>
        <p:spPr>
          <a:xfrm>
            <a:off x="3381240" y="1654303"/>
            <a:ext cx="2379938" cy="472993"/>
          </a:xfrm>
          <a:prstGeom prst="rect">
            <a:avLst/>
          </a:prstGeom>
        </p:spPr>
        <p:txBody>
          <a:bodyPr vert="horz" wrap="square" lIns="0" tIns="12489" rIns="0" bIns="0" rtlCol="0">
            <a:spAutoFit/>
          </a:bodyPr>
          <a:lstStyle/>
          <a:p>
            <a:pPr marL="10860">
              <a:spcBef>
                <a:spcPts val="98"/>
              </a:spcBef>
            </a:pPr>
            <a:r>
              <a:rPr sz="1496" spc="-9" dirty="0">
                <a:latin typeface="ＭＳ Ｐゴシック"/>
                <a:cs typeface="ＭＳ Ｐゴシック"/>
              </a:rPr>
              <a:t>自立的な支援体制のイメージ</a:t>
            </a:r>
            <a:endParaRPr sz="1496">
              <a:latin typeface="ＭＳ Ｐゴシック"/>
              <a:cs typeface="ＭＳ Ｐゴシック"/>
            </a:endParaRPr>
          </a:p>
        </p:txBody>
      </p:sp>
      <p:sp>
        <p:nvSpPr>
          <p:cNvPr id="43" name="object 43"/>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52</a:t>
            </a:fld>
            <a:endParaRPr spc="-21" dirty="0"/>
          </a:p>
        </p:txBody>
      </p:sp>
      <p:sp>
        <p:nvSpPr>
          <p:cNvPr id="42" name="object 42"/>
          <p:cNvSpPr txBox="1"/>
          <p:nvPr/>
        </p:nvSpPr>
        <p:spPr>
          <a:xfrm>
            <a:off x="405289" y="926562"/>
            <a:ext cx="7871225" cy="310826"/>
          </a:xfrm>
          <a:prstGeom prst="rect">
            <a:avLst/>
          </a:prstGeom>
          <a:ln w="21336">
            <a:solidFill>
              <a:srgbClr val="000000"/>
            </a:solidFill>
          </a:ln>
        </p:spPr>
        <p:txBody>
          <a:bodyPr vert="horz" wrap="square" lIns="0" tIns="53756" rIns="0" bIns="0" rtlCol="0">
            <a:spAutoFit/>
          </a:bodyPr>
          <a:lstStyle/>
          <a:p>
            <a:pPr marL="85792">
              <a:spcBef>
                <a:spcPts val="423"/>
              </a:spcBef>
            </a:pPr>
            <a:r>
              <a:rPr sz="1667" spc="-13" dirty="0">
                <a:latin typeface="ＭＳ Ｐゴシック"/>
                <a:cs typeface="ＭＳ Ｐゴシック"/>
              </a:rPr>
              <a:t>〇産学官の様々な人材がアドバイザーになることが想定される。</a:t>
            </a:r>
            <a:endParaRPr sz="1667">
              <a:latin typeface="ＭＳ Ｐゴシック"/>
              <a:cs typeface="ＭＳ Ｐゴシック"/>
            </a:endParaRPr>
          </a:p>
        </p:txBody>
      </p:sp>
    </p:spTree>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4743333" y="4486372"/>
            <a:ext cx="1165090" cy="1478199"/>
          </a:xfrm>
          <a:prstGeom prst="rect">
            <a:avLst/>
          </a:prstGeom>
        </p:spPr>
      </p:pic>
      <p:sp>
        <p:nvSpPr>
          <p:cNvPr id="3" name="object 3"/>
          <p:cNvSpPr txBox="1">
            <a:spLocks noGrp="1"/>
          </p:cNvSpPr>
          <p:nvPr>
            <p:ph type="title"/>
          </p:nvPr>
        </p:nvSpPr>
        <p:spPr>
          <a:xfrm>
            <a:off x="335644" y="247617"/>
            <a:ext cx="5657986" cy="236092"/>
          </a:xfrm>
          <a:prstGeom prst="rect">
            <a:avLst/>
          </a:prstGeom>
        </p:spPr>
        <p:txBody>
          <a:bodyPr vert="horz" wrap="square" lIns="0" tIns="10860" rIns="0" bIns="0" rtlCol="0">
            <a:spAutoFit/>
          </a:bodyPr>
          <a:lstStyle/>
          <a:p>
            <a:pPr marL="10860">
              <a:lnSpc>
                <a:spcPct val="100000"/>
              </a:lnSpc>
              <a:spcBef>
                <a:spcPts val="86"/>
              </a:spcBef>
              <a:tabLst>
                <a:tab pos="1220095" algn="l"/>
              </a:tabLst>
            </a:pPr>
            <a:r>
              <a:rPr spc="-47" dirty="0"/>
              <a:t>テ</a:t>
            </a:r>
            <a:r>
              <a:rPr spc="-145" dirty="0"/>
              <a:t>ー</a:t>
            </a:r>
            <a:r>
              <a:rPr spc="-68" dirty="0"/>
              <a:t>マ</a:t>
            </a:r>
            <a:r>
              <a:rPr spc="-43" dirty="0"/>
              <a:t>①</a:t>
            </a:r>
            <a:r>
              <a:rPr dirty="0"/>
              <a:t>	</a:t>
            </a:r>
            <a:r>
              <a:rPr spc="51" dirty="0"/>
              <a:t>ア</a:t>
            </a:r>
            <a:r>
              <a:rPr spc="196" dirty="0"/>
              <a:t>ド</a:t>
            </a:r>
            <a:r>
              <a:rPr spc="-17" dirty="0"/>
              <a:t>バ</a:t>
            </a:r>
            <a:r>
              <a:rPr spc="509" dirty="0"/>
              <a:t>イ</a:t>
            </a:r>
            <a:r>
              <a:rPr spc="-43" dirty="0"/>
              <a:t>ザ</a:t>
            </a:r>
            <a:r>
              <a:rPr spc="-171" dirty="0"/>
              <a:t>ー</a:t>
            </a:r>
            <a:r>
              <a:rPr spc="107" dirty="0"/>
              <a:t>の</a:t>
            </a:r>
            <a:r>
              <a:rPr dirty="0"/>
              <a:t>人材確保・育成</a:t>
            </a:r>
            <a:r>
              <a:rPr spc="107" dirty="0"/>
              <a:t>の</a:t>
            </a:r>
            <a:r>
              <a:rPr dirty="0"/>
              <a:t>手</a:t>
            </a:r>
            <a:r>
              <a:rPr spc="-43" dirty="0"/>
              <a:t>法</a:t>
            </a:r>
          </a:p>
        </p:txBody>
      </p:sp>
      <p:sp>
        <p:nvSpPr>
          <p:cNvPr id="4" name="object 4"/>
          <p:cNvSpPr txBox="1"/>
          <p:nvPr/>
        </p:nvSpPr>
        <p:spPr>
          <a:xfrm>
            <a:off x="464578" y="3269052"/>
            <a:ext cx="3402936" cy="418222"/>
          </a:xfrm>
          <a:prstGeom prst="rect">
            <a:avLst/>
          </a:prstGeom>
        </p:spPr>
        <p:txBody>
          <a:bodyPr vert="horz" wrap="square" lIns="0" tIns="10317" rIns="0" bIns="0" rtlCol="0">
            <a:spAutoFit/>
          </a:bodyPr>
          <a:lstStyle/>
          <a:p>
            <a:pPr marL="10860">
              <a:spcBef>
                <a:spcPts val="81"/>
              </a:spcBef>
            </a:pPr>
            <a:r>
              <a:rPr sz="1325" spc="-30" dirty="0">
                <a:latin typeface="ＭＳ Ｐゴシック"/>
                <a:cs typeface="ＭＳ Ｐゴシック"/>
              </a:rPr>
              <a:t>【インフラメンテナンス総合委員会 マイスター賞】</a:t>
            </a:r>
            <a:endParaRPr sz="1325">
              <a:latin typeface="ＭＳ Ｐゴシック"/>
              <a:cs typeface="ＭＳ Ｐゴシック"/>
            </a:endParaRPr>
          </a:p>
        </p:txBody>
      </p:sp>
      <p:sp>
        <p:nvSpPr>
          <p:cNvPr id="5" name="object 5"/>
          <p:cNvSpPr txBox="1"/>
          <p:nvPr/>
        </p:nvSpPr>
        <p:spPr>
          <a:xfrm>
            <a:off x="4738262" y="3283499"/>
            <a:ext cx="3261215" cy="418222"/>
          </a:xfrm>
          <a:prstGeom prst="rect">
            <a:avLst/>
          </a:prstGeom>
        </p:spPr>
        <p:txBody>
          <a:bodyPr vert="horz" wrap="square" lIns="0" tIns="10317" rIns="0" bIns="0" rtlCol="0">
            <a:spAutoFit/>
          </a:bodyPr>
          <a:lstStyle/>
          <a:p>
            <a:pPr marL="10860">
              <a:spcBef>
                <a:spcPts val="81"/>
              </a:spcBef>
            </a:pPr>
            <a:r>
              <a:rPr sz="1325" spc="-26" dirty="0">
                <a:latin typeface="ＭＳ Ｐゴシック"/>
                <a:cs typeface="ＭＳ Ｐゴシック"/>
              </a:rPr>
              <a:t>【土木学会認定技術者資格 特別上級技術者】</a:t>
            </a:r>
            <a:endParaRPr sz="1325">
              <a:latin typeface="ＭＳ Ｐゴシック"/>
              <a:cs typeface="ＭＳ Ｐゴシック"/>
            </a:endParaRPr>
          </a:p>
        </p:txBody>
      </p:sp>
      <p:grpSp>
        <p:nvGrpSpPr>
          <p:cNvPr id="6" name="object 6"/>
          <p:cNvGrpSpPr/>
          <p:nvPr/>
        </p:nvGrpSpPr>
        <p:grpSpPr>
          <a:xfrm>
            <a:off x="503028" y="3746651"/>
            <a:ext cx="3739049" cy="2100839"/>
            <a:chOff x="588263" y="4152900"/>
            <a:chExt cx="4372610" cy="2456815"/>
          </a:xfrm>
        </p:grpSpPr>
        <p:pic>
          <p:nvPicPr>
            <p:cNvPr id="7" name="object 7"/>
            <p:cNvPicPr/>
            <p:nvPr/>
          </p:nvPicPr>
          <p:blipFill>
            <a:blip r:embed="rId3" cstate="print"/>
            <a:stretch>
              <a:fillRect/>
            </a:stretch>
          </p:blipFill>
          <p:spPr>
            <a:xfrm>
              <a:off x="588263" y="4152900"/>
              <a:ext cx="4372355" cy="2456687"/>
            </a:xfrm>
            <a:prstGeom prst="rect">
              <a:avLst/>
            </a:prstGeom>
          </p:spPr>
        </p:pic>
        <p:sp>
          <p:nvSpPr>
            <p:cNvPr id="8" name="object 8"/>
            <p:cNvSpPr/>
            <p:nvPr/>
          </p:nvSpPr>
          <p:spPr>
            <a:xfrm>
              <a:off x="627887" y="5742432"/>
              <a:ext cx="4308475" cy="422275"/>
            </a:xfrm>
            <a:custGeom>
              <a:avLst/>
              <a:gdLst/>
              <a:ahLst/>
              <a:cxnLst/>
              <a:rect l="l" t="t" r="r" b="b"/>
              <a:pathLst>
                <a:path w="4308475" h="422275">
                  <a:moveTo>
                    <a:pt x="0" y="0"/>
                  </a:moveTo>
                  <a:lnTo>
                    <a:pt x="4308347" y="0"/>
                  </a:lnTo>
                  <a:lnTo>
                    <a:pt x="4308347" y="422148"/>
                  </a:lnTo>
                  <a:lnTo>
                    <a:pt x="0" y="422148"/>
                  </a:lnTo>
                  <a:lnTo>
                    <a:pt x="0" y="0"/>
                  </a:lnTo>
                  <a:close/>
                </a:path>
              </a:pathLst>
            </a:custGeom>
            <a:ln w="21336">
              <a:solidFill>
                <a:srgbClr val="FF0000"/>
              </a:solidFill>
            </a:ln>
          </p:spPr>
          <p:txBody>
            <a:bodyPr wrap="square" lIns="0" tIns="0" rIns="0" bIns="0" rtlCol="0"/>
            <a:lstStyle/>
            <a:p>
              <a:endParaRPr sz="1749"/>
            </a:p>
          </p:txBody>
        </p:sp>
      </p:grpSp>
      <p:sp>
        <p:nvSpPr>
          <p:cNvPr id="9" name="object 9"/>
          <p:cNvSpPr txBox="1"/>
          <p:nvPr/>
        </p:nvSpPr>
        <p:spPr>
          <a:xfrm>
            <a:off x="595254" y="5921412"/>
            <a:ext cx="3615790" cy="238583"/>
          </a:xfrm>
          <a:prstGeom prst="rect">
            <a:avLst/>
          </a:prstGeom>
        </p:spPr>
        <p:txBody>
          <a:bodyPr vert="horz" wrap="square" lIns="0" tIns="14661" rIns="0" bIns="0" rtlCol="0">
            <a:spAutoFit/>
          </a:bodyPr>
          <a:lstStyle/>
          <a:p>
            <a:pPr marL="10860">
              <a:spcBef>
                <a:spcPts val="115"/>
              </a:spcBef>
            </a:pPr>
            <a:r>
              <a:rPr sz="727" u="sng" dirty="0">
                <a:solidFill>
                  <a:srgbClr val="0562C1"/>
                </a:solidFill>
                <a:uFill>
                  <a:solidFill>
                    <a:srgbClr val="0562C1"/>
                  </a:solidFill>
                </a:uFill>
                <a:latin typeface="ＭＳ Ｐゴシック"/>
                <a:cs typeface="ＭＳ Ｐゴシック"/>
              </a:rPr>
              <a:t>（最終版v4）2023年度インフラメンテナンス表彰制度_授賞決定のお知らせ_0.pdf</a:t>
            </a:r>
            <a:r>
              <a:rPr sz="727" u="sng" spc="180" dirty="0">
                <a:solidFill>
                  <a:srgbClr val="0562C1"/>
                </a:solidFill>
                <a:uFill>
                  <a:solidFill>
                    <a:srgbClr val="0562C1"/>
                  </a:solidFill>
                </a:uFill>
                <a:latin typeface="ＭＳ Ｐゴシック"/>
                <a:cs typeface="ＭＳ Ｐゴシック"/>
              </a:rPr>
              <a:t>  (</a:t>
            </a:r>
            <a:r>
              <a:rPr sz="727" u="sng" spc="-9" dirty="0">
                <a:solidFill>
                  <a:srgbClr val="0562C1"/>
                </a:solidFill>
                <a:uFill>
                  <a:solidFill>
                    <a:srgbClr val="0562C1"/>
                  </a:solidFill>
                </a:uFill>
                <a:latin typeface="ＭＳ Ｐゴシック"/>
                <a:cs typeface="ＭＳ Ｐゴシック"/>
              </a:rPr>
              <a:t>jsce.or.jp)</a:t>
            </a:r>
            <a:endParaRPr sz="727">
              <a:latin typeface="ＭＳ Ｐゴシック"/>
              <a:cs typeface="ＭＳ Ｐゴシック"/>
            </a:endParaRPr>
          </a:p>
        </p:txBody>
      </p:sp>
      <p:sp>
        <p:nvSpPr>
          <p:cNvPr id="10" name="object 10"/>
          <p:cNvSpPr txBox="1"/>
          <p:nvPr/>
        </p:nvSpPr>
        <p:spPr>
          <a:xfrm>
            <a:off x="6001157" y="4245770"/>
            <a:ext cx="2717136" cy="1887378"/>
          </a:xfrm>
          <a:prstGeom prst="rect">
            <a:avLst/>
          </a:prstGeom>
          <a:ln w="21336">
            <a:solidFill>
              <a:srgbClr val="FF0000"/>
            </a:solidFill>
          </a:ln>
        </p:spPr>
        <p:txBody>
          <a:bodyPr vert="horz" wrap="square" lIns="0" tIns="48326" rIns="0" bIns="0" rtlCol="0">
            <a:spAutoFit/>
          </a:bodyPr>
          <a:lstStyle/>
          <a:p>
            <a:pPr marL="169412">
              <a:lnSpc>
                <a:spcPts val="1180"/>
              </a:lnSpc>
              <a:spcBef>
                <a:spcPts val="381"/>
              </a:spcBef>
            </a:pPr>
            <a:r>
              <a:rPr sz="983" b="1" spc="-9" dirty="0">
                <a:solidFill>
                  <a:srgbClr val="212121"/>
                </a:solidFill>
                <a:latin typeface="メイリオ"/>
                <a:cs typeface="メイリオ"/>
              </a:rPr>
              <a:t>＜資格要件＞</a:t>
            </a:r>
            <a:endParaRPr sz="983">
              <a:latin typeface="メイリオ"/>
              <a:cs typeface="メイリオ"/>
            </a:endParaRPr>
          </a:p>
          <a:p>
            <a:pPr marL="85792">
              <a:lnSpc>
                <a:spcPts val="1180"/>
              </a:lnSpc>
            </a:pPr>
            <a:r>
              <a:rPr sz="983" spc="-21" dirty="0">
                <a:solidFill>
                  <a:srgbClr val="212121"/>
                </a:solidFill>
                <a:latin typeface="ＭＳ Ｐゴシック"/>
                <a:cs typeface="ＭＳ Ｐゴシック"/>
              </a:rPr>
              <a:t>トンネル、ダム、橋梁等の土木構造物のメンテナ</a:t>
            </a:r>
            <a:endParaRPr sz="983">
              <a:latin typeface="ＭＳ Ｐゴシック"/>
              <a:cs typeface="ＭＳ Ｐゴシック"/>
            </a:endParaRPr>
          </a:p>
          <a:p>
            <a:pPr marL="85792" marR="128688">
              <a:lnSpc>
                <a:spcPct val="100899"/>
              </a:lnSpc>
              <a:spcBef>
                <a:spcPts val="4"/>
              </a:spcBef>
            </a:pPr>
            <a:r>
              <a:rPr sz="983" spc="-21" dirty="0">
                <a:solidFill>
                  <a:srgbClr val="212121"/>
                </a:solidFill>
                <a:latin typeface="ＭＳ Ｐゴシック"/>
                <a:cs typeface="ＭＳ Ｐゴシック"/>
              </a:rPr>
              <a:t>ンスならびにそれらの支援技術に関する知識や</a:t>
            </a:r>
            <a:r>
              <a:rPr sz="983" spc="-26" dirty="0">
                <a:solidFill>
                  <a:srgbClr val="212121"/>
                </a:solidFill>
                <a:latin typeface="ＭＳ Ｐゴシック"/>
                <a:cs typeface="ＭＳ Ｐゴシック"/>
              </a:rPr>
              <a:t>経験を有しているとともに、非破壊検査、モニタ</a:t>
            </a:r>
            <a:r>
              <a:rPr sz="983" spc="-17" dirty="0">
                <a:solidFill>
                  <a:srgbClr val="212121"/>
                </a:solidFill>
                <a:latin typeface="ＭＳ Ｐゴシック"/>
                <a:cs typeface="ＭＳ Ｐゴシック"/>
              </a:rPr>
              <a:t>リング、健全度評価手法、補修技術、ライフサイ</a:t>
            </a:r>
            <a:r>
              <a:rPr sz="983" spc="-21" dirty="0">
                <a:solidFill>
                  <a:srgbClr val="212121"/>
                </a:solidFill>
                <a:latin typeface="ＭＳ Ｐゴシック"/>
                <a:cs typeface="ＭＳ Ｐゴシック"/>
              </a:rPr>
              <a:t>クルコスト評価等に関する知識を有していること</a:t>
            </a:r>
            <a:endParaRPr sz="983">
              <a:latin typeface="ＭＳ Ｐゴシック"/>
              <a:cs typeface="ＭＳ Ｐゴシック"/>
            </a:endParaRPr>
          </a:p>
          <a:p>
            <a:pPr marL="169412">
              <a:spcBef>
                <a:spcPts val="1197"/>
              </a:spcBef>
            </a:pPr>
            <a:r>
              <a:rPr sz="983" b="1" spc="-9" dirty="0">
                <a:solidFill>
                  <a:srgbClr val="212121"/>
                </a:solidFill>
                <a:latin typeface="メイリオ"/>
                <a:cs typeface="メイリオ"/>
              </a:rPr>
              <a:t>＜資格要件＞</a:t>
            </a:r>
            <a:endParaRPr sz="983">
              <a:latin typeface="メイリオ"/>
              <a:cs typeface="メイリオ"/>
            </a:endParaRPr>
          </a:p>
          <a:p>
            <a:pPr marL="85792" marR="177014">
              <a:lnSpc>
                <a:spcPts val="1189"/>
              </a:lnSpc>
              <a:spcBef>
                <a:spcPts val="34"/>
              </a:spcBef>
            </a:pPr>
            <a:r>
              <a:rPr sz="983" spc="-4" dirty="0">
                <a:solidFill>
                  <a:srgbClr val="212121"/>
                </a:solidFill>
                <a:latin typeface="ＭＳ Ｐゴシック"/>
                <a:cs typeface="ＭＳ Ｐゴシック"/>
              </a:rPr>
              <a:t>維持管理手法、補修・補強技術、検査手法、劣化度予測・評価技術など</a:t>
            </a:r>
            <a:endParaRPr sz="983">
              <a:latin typeface="ＭＳ Ｐゴシック"/>
              <a:cs typeface="ＭＳ Ｐゴシック"/>
            </a:endParaRPr>
          </a:p>
        </p:txBody>
      </p:sp>
      <p:sp>
        <p:nvSpPr>
          <p:cNvPr id="11" name="object 11"/>
          <p:cNvSpPr txBox="1"/>
          <p:nvPr/>
        </p:nvSpPr>
        <p:spPr>
          <a:xfrm>
            <a:off x="4795441" y="4317011"/>
            <a:ext cx="522359" cy="162226"/>
          </a:xfrm>
          <a:prstGeom prst="rect">
            <a:avLst/>
          </a:prstGeom>
        </p:spPr>
        <p:txBody>
          <a:bodyPr vert="horz" wrap="square" lIns="0" tIns="10860" rIns="0" bIns="0" rtlCol="0">
            <a:spAutoFit/>
          </a:bodyPr>
          <a:lstStyle/>
          <a:p>
            <a:pPr marL="10860">
              <a:spcBef>
                <a:spcPts val="86"/>
              </a:spcBef>
            </a:pPr>
            <a:r>
              <a:rPr sz="983" spc="-13" dirty="0">
                <a:latin typeface="ＭＳ Ｐゴシック"/>
                <a:cs typeface="ＭＳ Ｐゴシック"/>
              </a:rPr>
              <a:t>資格分野</a:t>
            </a:r>
            <a:endParaRPr sz="983">
              <a:latin typeface="ＭＳ Ｐゴシック"/>
              <a:cs typeface="ＭＳ Ｐゴシック"/>
            </a:endParaRPr>
          </a:p>
        </p:txBody>
      </p:sp>
      <p:sp>
        <p:nvSpPr>
          <p:cNvPr id="12" name="object 12"/>
          <p:cNvSpPr txBox="1"/>
          <p:nvPr/>
        </p:nvSpPr>
        <p:spPr>
          <a:xfrm>
            <a:off x="4821473" y="6044970"/>
            <a:ext cx="3452892" cy="126694"/>
          </a:xfrm>
          <a:prstGeom prst="rect">
            <a:avLst/>
          </a:prstGeom>
        </p:spPr>
        <p:txBody>
          <a:bodyPr vert="horz" wrap="square" lIns="0" tIns="14661" rIns="0" bIns="0" rtlCol="0">
            <a:spAutoFit/>
          </a:bodyPr>
          <a:lstStyle/>
          <a:p>
            <a:pPr marL="10860">
              <a:spcBef>
                <a:spcPts val="115"/>
              </a:spcBef>
            </a:pPr>
            <a:r>
              <a:rPr sz="727" u="sng" spc="4" dirty="0">
                <a:solidFill>
                  <a:srgbClr val="0562C1"/>
                </a:solidFill>
                <a:uFill>
                  <a:solidFill>
                    <a:srgbClr val="0562C1"/>
                  </a:solidFill>
                </a:uFill>
                <a:latin typeface="ＭＳ Ｐゴシック"/>
                <a:cs typeface="ＭＳ Ｐゴシック"/>
              </a:rPr>
              <a:t>土木技術者資格概要＜特別上級土木技術者＞ </a:t>
            </a:r>
            <a:r>
              <a:rPr sz="727" u="sng" dirty="0">
                <a:solidFill>
                  <a:srgbClr val="0562C1"/>
                </a:solidFill>
                <a:uFill>
                  <a:solidFill>
                    <a:srgbClr val="0562C1"/>
                  </a:solidFill>
                </a:uFill>
                <a:latin typeface="ＭＳ Ｐゴシック"/>
                <a:cs typeface="ＭＳ Ｐゴシック"/>
              </a:rPr>
              <a:t>|</a:t>
            </a:r>
            <a:r>
              <a:rPr sz="727" u="sng" spc="30" dirty="0">
                <a:solidFill>
                  <a:srgbClr val="0562C1"/>
                </a:solidFill>
                <a:uFill>
                  <a:solidFill>
                    <a:srgbClr val="0562C1"/>
                  </a:solidFill>
                </a:uFill>
                <a:latin typeface="ＭＳ Ｐゴシック"/>
                <a:cs typeface="ＭＳ Ｐゴシック"/>
              </a:rPr>
              <a:t> 土木学会 技術推進機構 (</a:t>
            </a:r>
            <a:r>
              <a:rPr sz="727" u="sng" spc="-9" dirty="0">
                <a:solidFill>
                  <a:srgbClr val="0562C1"/>
                </a:solidFill>
                <a:uFill>
                  <a:solidFill>
                    <a:srgbClr val="0562C1"/>
                  </a:solidFill>
                </a:uFill>
                <a:latin typeface="ＭＳ Ｐゴシック"/>
                <a:cs typeface="ＭＳ Ｐゴシック"/>
              </a:rPr>
              <a:t>jsce.or.jp)</a:t>
            </a:r>
            <a:endParaRPr sz="727">
              <a:latin typeface="ＭＳ Ｐゴシック"/>
              <a:cs typeface="ＭＳ Ｐゴシック"/>
            </a:endParaRPr>
          </a:p>
        </p:txBody>
      </p:sp>
      <p:grpSp>
        <p:nvGrpSpPr>
          <p:cNvPr id="13" name="object 13"/>
          <p:cNvGrpSpPr/>
          <p:nvPr/>
        </p:nvGrpSpPr>
        <p:grpSpPr>
          <a:xfrm>
            <a:off x="4793106" y="5516373"/>
            <a:ext cx="1208159" cy="180274"/>
            <a:chOff x="5605271" y="6222492"/>
            <a:chExt cx="1412875" cy="210820"/>
          </a:xfrm>
        </p:grpSpPr>
        <p:sp>
          <p:nvSpPr>
            <p:cNvPr id="14" name="object 14"/>
            <p:cNvSpPr/>
            <p:nvPr/>
          </p:nvSpPr>
          <p:spPr>
            <a:xfrm>
              <a:off x="5615939" y="6233160"/>
              <a:ext cx="1123315" cy="189230"/>
            </a:xfrm>
            <a:custGeom>
              <a:avLst/>
              <a:gdLst/>
              <a:ahLst/>
              <a:cxnLst/>
              <a:rect l="l" t="t" r="r" b="b"/>
              <a:pathLst>
                <a:path w="1123315" h="189229">
                  <a:moveTo>
                    <a:pt x="0" y="0"/>
                  </a:moveTo>
                  <a:lnTo>
                    <a:pt x="1123188" y="0"/>
                  </a:lnTo>
                  <a:lnTo>
                    <a:pt x="1123188" y="188975"/>
                  </a:lnTo>
                  <a:lnTo>
                    <a:pt x="0" y="188975"/>
                  </a:lnTo>
                  <a:lnTo>
                    <a:pt x="0" y="0"/>
                  </a:lnTo>
                  <a:close/>
                </a:path>
              </a:pathLst>
            </a:custGeom>
            <a:ln w="21336">
              <a:solidFill>
                <a:srgbClr val="FF0000"/>
              </a:solidFill>
            </a:ln>
          </p:spPr>
          <p:txBody>
            <a:bodyPr wrap="square" lIns="0" tIns="0" rIns="0" bIns="0" rtlCol="0"/>
            <a:lstStyle/>
            <a:p>
              <a:endParaRPr sz="1749"/>
            </a:p>
          </p:txBody>
        </p:sp>
        <p:sp>
          <p:nvSpPr>
            <p:cNvPr id="15" name="object 15"/>
            <p:cNvSpPr/>
            <p:nvPr/>
          </p:nvSpPr>
          <p:spPr>
            <a:xfrm>
              <a:off x="6739128" y="6327648"/>
              <a:ext cx="279400" cy="0"/>
            </a:xfrm>
            <a:custGeom>
              <a:avLst/>
              <a:gdLst/>
              <a:ahLst/>
              <a:cxnLst/>
              <a:rect l="l" t="t" r="r" b="b"/>
              <a:pathLst>
                <a:path w="279400">
                  <a:moveTo>
                    <a:pt x="0" y="0"/>
                  </a:moveTo>
                  <a:lnTo>
                    <a:pt x="278891" y="0"/>
                  </a:lnTo>
                </a:path>
              </a:pathLst>
            </a:custGeom>
            <a:ln w="21336">
              <a:solidFill>
                <a:srgbClr val="FF0000"/>
              </a:solidFill>
            </a:ln>
          </p:spPr>
          <p:txBody>
            <a:bodyPr wrap="square" lIns="0" tIns="0" rIns="0" bIns="0" rtlCol="0"/>
            <a:lstStyle/>
            <a:p>
              <a:endParaRPr sz="1749"/>
            </a:p>
          </p:txBody>
        </p:sp>
      </p:grpSp>
      <p:sp>
        <p:nvSpPr>
          <p:cNvPr id="16" name="object 16"/>
          <p:cNvSpPr txBox="1"/>
          <p:nvPr/>
        </p:nvSpPr>
        <p:spPr>
          <a:xfrm>
            <a:off x="404639" y="1789922"/>
            <a:ext cx="5559704" cy="1173422"/>
          </a:xfrm>
          <a:prstGeom prst="rect">
            <a:avLst/>
          </a:prstGeom>
          <a:ln w="13716">
            <a:solidFill>
              <a:srgbClr val="000000"/>
            </a:solidFill>
          </a:ln>
        </p:spPr>
        <p:txBody>
          <a:bodyPr vert="horz" wrap="square" lIns="0" tIns="35838" rIns="0" bIns="0" rtlCol="0">
            <a:spAutoFit/>
          </a:bodyPr>
          <a:lstStyle/>
          <a:p>
            <a:pPr marL="18462">
              <a:spcBef>
                <a:spcPts val="282"/>
              </a:spcBef>
            </a:pPr>
            <a:r>
              <a:rPr sz="1496" spc="-9" dirty="0">
                <a:latin typeface="ＭＳ Ｐゴシック"/>
                <a:cs typeface="ＭＳ Ｐゴシック"/>
              </a:rPr>
              <a:t>【関連資格・賞等】</a:t>
            </a:r>
            <a:endParaRPr sz="1496">
              <a:latin typeface="ＭＳ Ｐゴシック"/>
              <a:cs typeface="ＭＳ Ｐゴシック"/>
            </a:endParaRPr>
          </a:p>
          <a:p>
            <a:pPr marL="18462" marR="1884713">
              <a:lnSpc>
                <a:spcPts val="1753"/>
              </a:lnSpc>
              <a:spcBef>
                <a:spcPts val="94"/>
              </a:spcBef>
            </a:pPr>
            <a:r>
              <a:rPr sz="1197" spc="-4" dirty="0">
                <a:latin typeface="ＭＳ Ｐゴシック"/>
                <a:cs typeface="ＭＳ Ｐゴシック"/>
              </a:rPr>
              <a:t>〇土木学会 インフラメンテナンス総合委員 マイスター賞〇土木学会  認定技術者資格 特別上級技術者</a:t>
            </a:r>
            <a:endParaRPr sz="1197">
              <a:latin typeface="ＭＳ Ｐゴシック"/>
              <a:cs typeface="ＭＳ Ｐゴシック"/>
            </a:endParaRPr>
          </a:p>
          <a:p>
            <a:pPr marL="18462">
              <a:spcBef>
                <a:spcPts val="209"/>
              </a:spcBef>
            </a:pPr>
            <a:r>
              <a:rPr sz="1197" spc="-4" dirty="0">
                <a:latin typeface="ＭＳ Ｐゴシック"/>
                <a:cs typeface="ＭＳ Ｐゴシック"/>
              </a:rPr>
              <a:t>〇社会基盤メンテナンスエキスパート</a:t>
            </a:r>
            <a:r>
              <a:rPr sz="1197" spc="-17" dirty="0">
                <a:latin typeface="ＭＳ Ｐゴシック"/>
                <a:cs typeface="ＭＳ Ｐゴシック"/>
              </a:rPr>
              <a:t>（ME）</a:t>
            </a:r>
            <a:endParaRPr sz="1197">
              <a:latin typeface="ＭＳ Ｐゴシック"/>
              <a:cs typeface="ＭＳ Ｐゴシック"/>
            </a:endParaRPr>
          </a:p>
          <a:p>
            <a:pPr marL="5202916">
              <a:spcBef>
                <a:spcPts val="316"/>
              </a:spcBef>
            </a:pPr>
            <a:r>
              <a:rPr sz="1197" spc="-21" dirty="0">
                <a:latin typeface="ＭＳ Ｐゴシック"/>
                <a:cs typeface="ＭＳ Ｐゴシック"/>
              </a:rPr>
              <a:t>ほか</a:t>
            </a:r>
            <a:endParaRPr sz="1197">
              <a:latin typeface="ＭＳ Ｐゴシック"/>
              <a:cs typeface="ＭＳ Ｐゴシック"/>
            </a:endParaRPr>
          </a:p>
        </p:txBody>
      </p:sp>
      <p:sp>
        <p:nvSpPr>
          <p:cNvPr id="19" name="object 19"/>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53</a:t>
            </a:fld>
            <a:endParaRPr spc="-21" dirty="0"/>
          </a:p>
        </p:txBody>
      </p:sp>
      <p:sp>
        <p:nvSpPr>
          <p:cNvPr id="17" name="object 17"/>
          <p:cNvSpPr txBox="1"/>
          <p:nvPr/>
        </p:nvSpPr>
        <p:spPr>
          <a:xfrm>
            <a:off x="4804253" y="3623904"/>
            <a:ext cx="3720587" cy="532641"/>
          </a:xfrm>
          <a:prstGeom prst="rect">
            <a:avLst/>
          </a:prstGeom>
        </p:spPr>
        <p:txBody>
          <a:bodyPr vert="horz" wrap="square" lIns="0" tIns="9774" rIns="0" bIns="0" rtlCol="0">
            <a:spAutoFit/>
          </a:bodyPr>
          <a:lstStyle/>
          <a:p>
            <a:pPr marL="10860" marR="4344">
              <a:lnSpc>
                <a:spcPct val="101800"/>
              </a:lnSpc>
              <a:spcBef>
                <a:spcPts val="77"/>
              </a:spcBef>
            </a:pPr>
            <a:r>
              <a:rPr sz="1112" spc="-4" dirty="0">
                <a:latin typeface="ＭＳ Ｐゴシック"/>
                <a:cs typeface="ＭＳ Ｐゴシック"/>
              </a:rPr>
              <a:t>専門分野における高度な知識および豊富な経験に基づく広範な見識により、 日本を代表する技術者として土木界さらには</a:t>
            </a:r>
            <a:r>
              <a:rPr sz="1112" spc="-9" dirty="0">
                <a:latin typeface="ＭＳ Ｐゴシック"/>
                <a:cs typeface="ＭＳ Ｐゴシック"/>
              </a:rPr>
              <a:t>社会に対して、多面的に貢献できる能力を有する方</a:t>
            </a:r>
            <a:endParaRPr sz="1112">
              <a:latin typeface="ＭＳ Ｐゴシック"/>
              <a:cs typeface="ＭＳ Ｐゴシック"/>
            </a:endParaRPr>
          </a:p>
        </p:txBody>
      </p:sp>
      <p:sp>
        <p:nvSpPr>
          <p:cNvPr id="18" name="object 18"/>
          <p:cNvSpPr txBox="1"/>
          <p:nvPr/>
        </p:nvSpPr>
        <p:spPr>
          <a:xfrm>
            <a:off x="469146" y="1039940"/>
            <a:ext cx="8205165" cy="344785"/>
          </a:xfrm>
          <a:prstGeom prst="rect">
            <a:avLst/>
          </a:prstGeom>
          <a:solidFill>
            <a:srgbClr val="FBE4D6"/>
          </a:solidFill>
          <a:ln w="10667">
            <a:solidFill>
              <a:srgbClr val="000000"/>
            </a:solidFill>
          </a:ln>
        </p:spPr>
        <p:txBody>
          <a:bodyPr vert="horz" wrap="square" lIns="0" tIns="113486" rIns="0" bIns="0" rtlCol="0">
            <a:spAutoFit/>
          </a:bodyPr>
          <a:lstStyle/>
          <a:p>
            <a:pPr marL="85792">
              <a:spcBef>
                <a:spcPts val="894"/>
              </a:spcBef>
            </a:pPr>
            <a:r>
              <a:rPr sz="1496" spc="-13" dirty="0">
                <a:latin typeface="ＭＳ Ｐゴシック"/>
                <a:cs typeface="ＭＳ Ｐゴシック"/>
              </a:rPr>
              <a:t>論点：如何にしてアドバイザーの人材を確保・育成するべきか。</a:t>
            </a:r>
            <a:endParaRPr sz="1496">
              <a:latin typeface="ＭＳ Ｐゴシック"/>
              <a:cs typeface="ＭＳ Ｐゴシック"/>
            </a:endParaRPr>
          </a:p>
        </p:txBody>
      </p:sp>
    </p:spTree>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335644" y="247617"/>
            <a:ext cx="5657986" cy="236092"/>
          </a:xfrm>
          <a:prstGeom prst="rect">
            <a:avLst/>
          </a:prstGeom>
        </p:spPr>
        <p:txBody>
          <a:bodyPr vert="horz" wrap="square" lIns="0" tIns="10860" rIns="0" bIns="0" rtlCol="0">
            <a:spAutoFit/>
          </a:bodyPr>
          <a:lstStyle/>
          <a:p>
            <a:pPr marL="10860">
              <a:lnSpc>
                <a:spcPct val="100000"/>
              </a:lnSpc>
              <a:spcBef>
                <a:spcPts val="86"/>
              </a:spcBef>
              <a:tabLst>
                <a:tab pos="1220095" algn="l"/>
              </a:tabLst>
            </a:pPr>
            <a:r>
              <a:rPr spc="-47" dirty="0"/>
              <a:t>テ</a:t>
            </a:r>
            <a:r>
              <a:rPr spc="-145" dirty="0"/>
              <a:t>ー</a:t>
            </a:r>
            <a:r>
              <a:rPr spc="-68" dirty="0"/>
              <a:t>マ</a:t>
            </a:r>
            <a:r>
              <a:rPr spc="-43" dirty="0"/>
              <a:t>①</a:t>
            </a:r>
            <a:r>
              <a:rPr dirty="0"/>
              <a:t>	</a:t>
            </a:r>
            <a:r>
              <a:rPr spc="51" dirty="0"/>
              <a:t>ア</a:t>
            </a:r>
            <a:r>
              <a:rPr spc="196" dirty="0"/>
              <a:t>ド</a:t>
            </a:r>
            <a:r>
              <a:rPr spc="-17" dirty="0"/>
              <a:t>バ</a:t>
            </a:r>
            <a:r>
              <a:rPr spc="509" dirty="0"/>
              <a:t>イ</a:t>
            </a:r>
            <a:r>
              <a:rPr spc="-43" dirty="0"/>
              <a:t>ザ</a:t>
            </a:r>
            <a:r>
              <a:rPr spc="-171" dirty="0"/>
              <a:t>ー</a:t>
            </a:r>
            <a:r>
              <a:rPr spc="107" dirty="0"/>
              <a:t>の</a:t>
            </a:r>
            <a:r>
              <a:rPr dirty="0"/>
              <a:t>人材確保・育成</a:t>
            </a:r>
            <a:r>
              <a:rPr spc="107" dirty="0"/>
              <a:t>の</a:t>
            </a:r>
            <a:r>
              <a:rPr dirty="0"/>
              <a:t>手</a:t>
            </a:r>
            <a:r>
              <a:rPr spc="-43" dirty="0"/>
              <a:t>法</a:t>
            </a:r>
          </a:p>
        </p:txBody>
      </p:sp>
      <p:sp>
        <p:nvSpPr>
          <p:cNvPr id="3" name="object 3"/>
          <p:cNvSpPr txBox="1"/>
          <p:nvPr/>
        </p:nvSpPr>
        <p:spPr>
          <a:xfrm>
            <a:off x="827195" y="1891845"/>
            <a:ext cx="3568167" cy="214320"/>
          </a:xfrm>
          <a:prstGeom prst="rect">
            <a:avLst/>
          </a:prstGeom>
        </p:spPr>
        <p:txBody>
          <a:bodyPr vert="horz" wrap="square" lIns="0" tIns="10317" rIns="0" bIns="0" rtlCol="0">
            <a:spAutoFit/>
          </a:bodyPr>
          <a:lstStyle/>
          <a:p>
            <a:pPr marL="10860">
              <a:spcBef>
                <a:spcPts val="81"/>
              </a:spcBef>
            </a:pPr>
            <a:r>
              <a:rPr sz="1325" spc="-26" dirty="0">
                <a:latin typeface="ＭＳ Ｐゴシック"/>
                <a:cs typeface="ＭＳ Ｐゴシック"/>
              </a:rPr>
              <a:t>【アドバイザー人材バンク</a:t>
            </a:r>
            <a:r>
              <a:rPr sz="1325" spc="-9" dirty="0">
                <a:latin typeface="ＭＳ Ｐゴシック"/>
                <a:cs typeface="ＭＳ Ｐゴシック"/>
              </a:rPr>
              <a:t>（</a:t>
            </a:r>
            <a:r>
              <a:rPr sz="1325" spc="-13" dirty="0">
                <a:latin typeface="ＭＳ Ｐゴシック"/>
                <a:cs typeface="ＭＳ Ｐゴシック"/>
              </a:rPr>
              <a:t>イメージ</a:t>
            </a:r>
            <a:r>
              <a:rPr sz="1325" spc="-9" dirty="0">
                <a:latin typeface="ＭＳ Ｐゴシック"/>
                <a:cs typeface="ＭＳ Ｐゴシック"/>
              </a:rPr>
              <a:t>）</a:t>
            </a:r>
            <a:r>
              <a:rPr sz="1325" spc="-43" dirty="0">
                <a:latin typeface="ＭＳ Ｐゴシック"/>
                <a:cs typeface="ＭＳ Ｐゴシック"/>
              </a:rPr>
              <a:t>】</a:t>
            </a:r>
            <a:endParaRPr sz="1325" dirty="0">
              <a:latin typeface="ＭＳ Ｐゴシック"/>
              <a:cs typeface="ＭＳ Ｐゴシック"/>
            </a:endParaRPr>
          </a:p>
        </p:txBody>
      </p:sp>
      <p:sp>
        <p:nvSpPr>
          <p:cNvPr id="4" name="object 4"/>
          <p:cNvSpPr txBox="1"/>
          <p:nvPr/>
        </p:nvSpPr>
        <p:spPr>
          <a:xfrm>
            <a:off x="4871297" y="1802546"/>
            <a:ext cx="3551614" cy="214320"/>
          </a:xfrm>
          <a:prstGeom prst="rect">
            <a:avLst/>
          </a:prstGeom>
        </p:spPr>
        <p:txBody>
          <a:bodyPr vert="horz" wrap="square" lIns="0" tIns="10317" rIns="0" bIns="0" rtlCol="0">
            <a:spAutoFit/>
          </a:bodyPr>
          <a:lstStyle/>
          <a:p>
            <a:pPr marL="10860">
              <a:spcBef>
                <a:spcPts val="81"/>
              </a:spcBef>
            </a:pPr>
            <a:r>
              <a:rPr sz="1325" spc="-21" dirty="0">
                <a:latin typeface="ＭＳ Ｐゴシック"/>
                <a:cs typeface="ＭＳ Ｐゴシック"/>
              </a:rPr>
              <a:t>【アドバイザー人材の</a:t>
            </a:r>
            <a:r>
              <a:rPr sz="1325" spc="-9" dirty="0">
                <a:latin typeface="ＭＳ Ｐゴシック"/>
                <a:cs typeface="ＭＳ Ｐゴシック"/>
              </a:rPr>
              <a:t>DB</a:t>
            </a:r>
            <a:r>
              <a:rPr sz="1325" spc="-21" dirty="0">
                <a:latin typeface="ＭＳ Ｐゴシック"/>
                <a:cs typeface="ＭＳ Ｐゴシック"/>
              </a:rPr>
              <a:t>化</a:t>
            </a:r>
            <a:r>
              <a:rPr sz="1325" spc="-9" dirty="0">
                <a:latin typeface="ＭＳ Ｐゴシック"/>
                <a:cs typeface="ＭＳ Ｐゴシック"/>
              </a:rPr>
              <a:t>（</a:t>
            </a:r>
            <a:r>
              <a:rPr sz="1325" spc="-30" dirty="0">
                <a:latin typeface="ＭＳ Ｐゴシック"/>
                <a:cs typeface="ＭＳ Ｐゴシック"/>
              </a:rPr>
              <a:t>参考事例</a:t>
            </a:r>
            <a:r>
              <a:rPr sz="1325" spc="-9" dirty="0">
                <a:latin typeface="ＭＳ Ｐゴシック"/>
                <a:cs typeface="ＭＳ Ｐゴシック"/>
              </a:rPr>
              <a:t>）</a:t>
            </a:r>
            <a:r>
              <a:rPr sz="1325" spc="-51" dirty="0">
                <a:latin typeface="ＭＳ Ｐゴシック"/>
                <a:cs typeface="ＭＳ Ｐゴシック"/>
              </a:rPr>
              <a:t>】</a:t>
            </a:r>
            <a:endParaRPr sz="1325" dirty="0">
              <a:latin typeface="ＭＳ Ｐゴシック"/>
              <a:cs typeface="ＭＳ Ｐゴシック"/>
            </a:endParaRPr>
          </a:p>
        </p:txBody>
      </p:sp>
      <p:grpSp>
        <p:nvGrpSpPr>
          <p:cNvPr id="5" name="object 5"/>
          <p:cNvGrpSpPr/>
          <p:nvPr/>
        </p:nvGrpSpPr>
        <p:grpSpPr>
          <a:xfrm>
            <a:off x="674342" y="3809801"/>
            <a:ext cx="1470425" cy="328511"/>
            <a:chOff x="788606" y="4226750"/>
            <a:chExt cx="1719580" cy="384175"/>
          </a:xfrm>
        </p:grpSpPr>
        <p:pic>
          <p:nvPicPr>
            <p:cNvPr id="6" name="object 6"/>
            <p:cNvPicPr/>
            <p:nvPr/>
          </p:nvPicPr>
          <p:blipFill>
            <a:blip r:embed="rId2" cstate="print"/>
            <a:stretch>
              <a:fillRect/>
            </a:stretch>
          </p:blipFill>
          <p:spPr>
            <a:xfrm>
              <a:off x="794004" y="4232148"/>
              <a:ext cx="1708404" cy="373379"/>
            </a:xfrm>
            <a:prstGeom prst="rect">
              <a:avLst/>
            </a:prstGeom>
          </p:spPr>
        </p:pic>
        <p:sp>
          <p:nvSpPr>
            <p:cNvPr id="7" name="object 7"/>
            <p:cNvSpPr/>
            <p:nvPr/>
          </p:nvSpPr>
          <p:spPr>
            <a:xfrm>
              <a:off x="794004" y="4232148"/>
              <a:ext cx="1708785" cy="373380"/>
            </a:xfrm>
            <a:custGeom>
              <a:avLst/>
              <a:gdLst/>
              <a:ahLst/>
              <a:cxnLst/>
              <a:rect l="l" t="t" r="r" b="b"/>
              <a:pathLst>
                <a:path w="1708785" h="373379">
                  <a:moveTo>
                    <a:pt x="0" y="0"/>
                  </a:moveTo>
                  <a:lnTo>
                    <a:pt x="1708404" y="0"/>
                  </a:lnTo>
                  <a:lnTo>
                    <a:pt x="1708404" y="373379"/>
                  </a:lnTo>
                  <a:lnTo>
                    <a:pt x="0" y="373379"/>
                  </a:lnTo>
                  <a:lnTo>
                    <a:pt x="0" y="0"/>
                  </a:lnTo>
                  <a:close/>
                </a:path>
              </a:pathLst>
            </a:custGeom>
            <a:ln w="10668">
              <a:solidFill>
                <a:srgbClr val="5697D3"/>
              </a:solidFill>
            </a:ln>
          </p:spPr>
          <p:txBody>
            <a:bodyPr wrap="square" lIns="0" tIns="0" rIns="0" bIns="0" rtlCol="0"/>
            <a:lstStyle/>
            <a:p>
              <a:endParaRPr sz="1749"/>
            </a:p>
          </p:txBody>
        </p:sp>
      </p:grpSp>
      <p:sp>
        <p:nvSpPr>
          <p:cNvPr id="8" name="object 8"/>
          <p:cNvSpPr txBox="1"/>
          <p:nvPr/>
        </p:nvSpPr>
        <p:spPr>
          <a:xfrm>
            <a:off x="950722" y="3852845"/>
            <a:ext cx="915486" cy="472993"/>
          </a:xfrm>
          <a:prstGeom prst="rect">
            <a:avLst/>
          </a:prstGeom>
        </p:spPr>
        <p:txBody>
          <a:bodyPr vert="horz" wrap="square" lIns="0" tIns="12489" rIns="0" bIns="0" rtlCol="0">
            <a:spAutoFit/>
          </a:bodyPr>
          <a:lstStyle/>
          <a:p>
            <a:pPr marL="10860">
              <a:spcBef>
                <a:spcPts val="98"/>
              </a:spcBef>
            </a:pPr>
            <a:r>
              <a:rPr sz="1496" u="sng" spc="-13" dirty="0">
                <a:uFill>
                  <a:solidFill>
                    <a:srgbClr val="000000"/>
                  </a:solidFill>
                </a:uFill>
                <a:latin typeface="ＭＳ Ｐゴシック"/>
                <a:cs typeface="ＭＳ Ｐゴシック"/>
              </a:rPr>
              <a:t>人材バンク</a:t>
            </a:r>
            <a:endParaRPr sz="1496">
              <a:latin typeface="ＭＳ Ｐゴシック"/>
              <a:cs typeface="ＭＳ Ｐゴシック"/>
            </a:endParaRPr>
          </a:p>
        </p:txBody>
      </p:sp>
      <p:grpSp>
        <p:nvGrpSpPr>
          <p:cNvPr id="9" name="object 9"/>
          <p:cNvGrpSpPr/>
          <p:nvPr/>
        </p:nvGrpSpPr>
        <p:grpSpPr>
          <a:xfrm>
            <a:off x="2780286" y="3811104"/>
            <a:ext cx="1470425" cy="328511"/>
            <a:chOff x="3251390" y="4228274"/>
            <a:chExt cx="1719580" cy="384175"/>
          </a:xfrm>
        </p:grpSpPr>
        <p:pic>
          <p:nvPicPr>
            <p:cNvPr id="10" name="object 10"/>
            <p:cNvPicPr/>
            <p:nvPr/>
          </p:nvPicPr>
          <p:blipFill>
            <a:blip r:embed="rId3" cstate="print"/>
            <a:stretch>
              <a:fillRect/>
            </a:stretch>
          </p:blipFill>
          <p:spPr>
            <a:xfrm>
              <a:off x="3256788" y="4233671"/>
              <a:ext cx="1708404" cy="373379"/>
            </a:xfrm>
            <a:prstGeom prst="rect">
              <a:avLst/>
            </a:prstGeom>
          </p:spPr>
        </p:pic>
        <p:sp>
          <p:nvSpPr>
            <p:cNvPr id="11" name="object 11"/>
            <p:cNvSpPr/>
            <p:nvPr/>
          </p:nvSpPr>
          <p:spPr>
            <a:xfrm>
              <a:off x="3256788" y="4233671"/>
              <a:ext cx="1708785" cy="373380"/>
            </a:xfrm>
            <a:custGeom>
              <a:avLst/>
              <a:gdLst/>
              <a:ahLst/>
              <a:cxnLst/>
              <a:rect l="l" t="t" r="r" b="b"/>
              <a:pathLst>
                <a:path w="1708785" h="373379">
                  <a:moveTo>
                    <a:pt x="0" y="0"/>
                  </a:moveTo>
                  <a:lnTo>
                    <a:pt x="1708404" y="0"/>
                  </a:lnTo>
                  <a:lnTo>
                    <a:pt x="1708404" y="373379"/>
                  </a:lnTo>
                  <a:lnTo>
                    <a:pt x="0" y="373379"/>
                  </a:lnTo>
                  <a:lnTo>
                    <a:pt x="0" y="0"/>
                  </a:lnTo>
                  <a:close/>
                </a:path>
              </a:pathLst>
            </a:custGeom>
            <a:ln w="10668">
              <a:solidFill>
                <a:srgbClr val="5697D3"/>
              </a:solidFill>
            </a:ln>
          </p:spPr>
          <p:txBody>
            <a:bodyPr wrap="square" lIns="0" tIns="0" rIns="0" bIns="0" rtlCol="0"/>
            <a:lstStyle/>
            <a:p>
              <a:endParaRPr sz="1749"/>
            </a:p>
          </p:txBody>
        </p:sp>
      </p:grpSp>
      <p:sp>
        <p:nvSpPr>
          <p:cNvPr id="12" name="object 12"/>
          <p:cNvSpPr txBox="1"/>
          <p:nvPr/>
        </p:nvSpPr>
        <p:spPr>
          <a:xfrm>
            <a:off x="2987627" y="3854342"/>
            <a:ext cx="1054492" cy="472993"/>
          </a:xfrm>
          <a:prstGeom prst="rect">
            <a:avLst/>
          </a:prstGeom>
        </p:spPr>
        <p:txBody>
          <a:bodyPr vert="horz" wrap="square" lIns="0" tIns="12489" rIns="0" bIns="0" rtlCol="0">
            <a:spAutoFit/>
          </a:bodyPr>
          <a:lstStyle/>
          <a:p>
            <a:pPr marL="10860">
              <a:spcBef>
                <a:spcPts val="98"/>
              </a:spcBef>
            </a:pPr>
            <a:r>
              <a:rPr sz="1496" u="sng" spc="-9" dirty="0">
                <a:uFill>
                  <a:solidFill>
                    <a:srgbClr val="000000"/>
                  </a:solidFill>
                </a:uFill>
                <a:latin typeface="ＭＳ Ｐゴシック"/>
                <a:cs typeface="ＭＳ Ｐゴシック"/>
              </a:rPr>
              <a:t>アドバイザー</a:t>
            </a:r>
            <a:endParaRPr sz="1496">
              <a:latin typeface="ＭＳ Ｐゴシック"/>
              <a:cs typeface="ＭＳ Ｐゴシック"/>
            </a:endParaRPr>
          </a:p>
        </p:txBody>
      </p:sp>
      <p:grpSp>
        <p:nvGrpSpPr>
          <p:cNvPr id="13" name="object 13"/>
          <p:cNvGrpSpPr/>
          <p:nvPr/>
        </p:nvGrpSpPr>
        <p:grpSpPr>
          <a:xfrm>
            <a:off x="2780286" y="4641231"/>
            <a:ext cx="1470425" cy="328511"/>
            <a:chOff x="3251390" y="5199062"/>
            <a:chExt cx="1719580" cy="384175"/>
          </a:xfrm>
        </p:grpSpPr>
        <p:pic>
          <p:nvPicPr>
            <p:cNvPr id="14" name="object 14"/>
            <p:cNvPicPr/>
            <p:nvPr/>
          </p:nvPicPr>
          <p:blipFill>
            <a:blip r:embed="rId4" cstate="print"/>
            <a:stretch>
              <a:fillRect/>
            </a:stretch>
          </p:blipFill>
          <p:spPr>
            <a:xfrm>
              <a:off x="3256788" y="5204460"/>
              <a:ext cx="1708404" cy="373379"/>
            </a:xfrm>
            <a:prstGeom prst="rect">
              <a:avLst/>
            </a:prstGeom>
          </p:spPr>
        </p:pic>
        <p:sp>
          <p:nvSpPr>
            <p:cNvPr id="15" name="object 15"/>
            <p:cNvSpPr/>
            <p:nvPr/>
          </p:nvSpPr>
          <p:spPr>
            <a:xfrm>
              <a:off x="3256788" y="5204460"/>
              <a:ext cx="1708785" cy="373380"/>
            </a:xfrm>
            <a:custGeom>
              <a:avLst/>
              <a:gdLst/>
              <a:ahLst/>
              <a:cxnLst/>
              <a:rect l="l" t="t" r="r" b="b"/>
              <a:pathLst>
                <a:path w="1708785" h="373379">
                  <a:moveTo>
                    <a:pt x="0" y="0"/>
                  </a:moveTo>
                  <a:lnTo>
                    <a:pt x="1708404" y="0"/>
                  </a:lnTo>
                  <a:lnTo>
                    <a:pt x="1708404" y="373379"/>
                  </a:lnTo>
                  <a:lnTo>
                    <a:pt x="0" y="373379"/>
                  </a:lnTo>
                  <a:lnTo>
                    <a:pt x="0" y="0"/>
                  </a:lnTo>
                  <a:close/>
                </a:path>
              </a:pathLst>
            </a:custGeom>
            <a:ln w="10668">
              <a:solidFill>
                <a:srgbClr val="5697D3"/>
              </a:solidFill>
            </a:ln>
          </p:spPr>
          <p:txBody>
            <a:bodyPr wrap="square" lIns="0" tIns="0" rIns="0" bIns="0" rtlCol="0"/>
            <a:lstStyle/>
            <a:p>
              <a:endParaRPr sz="1749"/>
            </a:p>
          </p:txBody>
        </p:sp>
      </p:grpSp>
      <p:sp>
        <p:nvSpPr>
          <p:cNvPr id="16" name="object 16"/>
          <p:cNvSpPr txBox="1"/>
          <p:nvPr/>
        </p:nvSpPr>
        <p:spPr>
          <a:xfrm>
            <a:off x="3215863" y="4685717"/>
            <a:ext cx="596749" cy="242802"/>
          </a:xfrm>
          <a:prstGeom prst="rect">
            <a:avLst/>
          </a:prstGeom>
        </p:spPr>
        <p:txBody>
          <a:bodyPr vert="horz" wrap="square" lIns="0" tIns="12489" rIns="0" bIns="0" rtlCol="0">
            <a:spAutoFit/>
          </a:bodyPr>
          <a:lstStyle/>
          <a:p>
            <a:pPr marL="10860">
              <a:spcBef>
                <a:spcPts val="98"/>
              </a:spcBef>
            </a:pPr>
            <a:r>
              <a:rPr sz="1496" u="sng" spc="-17" dirty="0">
                <a:uFill>
                  <a:solidFill>
                    <a:srgbClr val="000000"/>
                  </a:solidFill>
                </a:uFill>
                <a:latin typeface="ＭＳ Ｐゴシック"/>
                <a:cs typeface="ＭＳ Ｐゴシック"/>
              </a:rPr>
              <a:t>自治体</a:t>
            </a:r>
            <a:endParaRPr sz="1496">
              <a:latin typeface="ＭＳ Ｐゴシック"/>
              <a:cs typeface="ＭＳ Ｐゴシック"/>
            </a:endParaRPr>
          </a:p>
        </p:txBody>
      </p:sp>
      <p:sp>
        <p:nvSpPr>
          <p:cNvPr id="17" name="object 17"/>
          <p:cNvSpPr/>
          <p:nvPr/>
        </p:nvSpPr>
        <p:spPr>
          <a:xfrm>
            <a:off x="678959" y="4244466"/>
            <a:ext cx="1461194" cy="888878"/>
          </a:xfrm>
          <a:custGeom>
            <a:avLst/>
            <a:gdLst/>
            <a:ahLst/>
            <a:cxnLst/>
            <a:rect l="l" t="t" r="r" b="b"/>
            <a:pathLst>
              <a:path w="1708785" h="1039495">
                <a:moveTo>
                  <a:pt x="0" y="0"/>
                </a:moveTo>
                <a:lnTo>
                  <a:pt x="1708404" y="0"/>
                </a:lnTo>
                <a:lnTo>
                  <a:pt x="1708404" y="1039367"/>
                </a:lnTo>
                <a:lnTo>
                  <a:pt x="0" y="1039367"/>
                </a:lnTo>
                <a:lnTo>
                  <a:pt x="0" y="0"/>
                </a:lnTo>
                <a:close/>
              </a:path>
            </a:pathLst>
          </a:custGeom>
          <a:ln w="32004">
            <a:solidFill>
              <a:srgbClr val="5B9AD4"/>
            </a:solidFill>
          </a:ln>
        </p:spPr>
        <p:txBody>
          <a:bodyPr wrap="square" lIns="0" tIns="0" rIns="0" bIns="0" rtlCol="0"/>
          <a:lstStyle/>
          <a:p>
            <a:endParaRPr sz="1749"/>
          </a:p>
        </p:txBody>
      </p:sp>
      <p:sp>
        <p:nvSpPr>
          <p:cNvPr id="18" name="object 18"/>
          <p:cNvSpPr txBox="1"/>
          <p:nvPr/>
        </p:nvSpPr>
        <p:spPr>
          <a:xfrm>
            <a:off x="736129" y="4305490"/>
            <a:ext cx="1346622" cy="634766"/>
          </a:xfrm>
          <a:prstGeom prst="rect">
            <a:avLst/>
          </a:prstGeom>
        </p:spPr>
        <p:txBody>
          <a:bodyPr vert="horz" wrap="square" lIns="0" tIns="43982" rIns="0" bIns="0" rtlCol="0">
            <a:spAutoFit/>
          </a:bodyPr>
          <a:lstStyle/>
          <a:p>
            <a:pPr marL="10860">
              <a:spcBef>
                <a:spcPts val="346"/>
              </a:spcBef>
            </a:pPr>
            <a:r>
              <a:rPr sz="1112" spc="-9" dirty="0">
                <a:latin typeface="ＭＳ Ｐゴシック"/>
                <a:cs typeface="ＭＳ Ｐゴシック"/>
              </a:rPr>
              <a:t>・アドバイザー候補</a:t>
            </a:r>
            <a:endParaRPr sz="1112">
              <a:latin typeface="ＭＳ Ｐゴシック"/>
              <a:cs typeface="ＭＳ Ｐゴシック"/>
            </a:endParaRPr>
          </a:p>
          <a:p>
            <a:pPr marL="10860">
              <a:spcBef>
                <a:spcPts val="269"/>
              </a:spcBef>
            </a:pPr>
            <a:r>
              <a:rPr sz="1112" spc="-9" dirty="0">
                <a:latin typeface="ＭＳ Ｐゴシック"/>
                <a:cs typeface="ＭＳ Ｐゴシック"/>
              </a:rPr>
              <a:t>・新技術の情報提供</a:t>
            </a:r>
            <a:endParaRPr sz="1112">
              <a:latin typeface="ＭＳ Ｐゴシック"/>
              <a:cs typeface="ＭＳ Ｐゴシック"/>
            </a:endParaRPr>
          </a:p>
          <a:p>
            <a:pPr marL="1191860">
              <a:spcBef>
                <a:spcPts val="274"/>
              </a:spcBef>
            </a:pPr>
            <a:r>
              <a:rPr sz="1112" spc="-43" dirty="0">
                <a:latin typeface="ＭＳ Ｐゴシック"/>
                <a:cs typeface="ＭＳ Ｐゴシック"/>
              </a:rPr>
              <a:t>等</a:t>
            </a:r>
            <a:endParaRPr sz="1112">
              <a:latin typeface="ＭＳ Ｐゴシック"/>
              <a:cs typeface="ＭＳ Ｐゴシック"/>
            </a:endParaRPr>
          </a:p>
        </p:txBody>
      </p:sp>
      <p:sp>
        <p:nvSpPr>
          <p:cNvPr id="19" name="object 19"/>
          <p:cNvSpPr/>
          <p:nvPr/>
        </p:nvSpPr>
        <p:spPr>
          <a:xfrm>
            <a:off x="2126794" y="3906942"/>
            <a:ext cx="658107" cy="135748"/>
          </a:xfrm>
          <a:custGeom>
            <a:avLst/>
            <a:gdLst/>
            <a:ahLst/>
            <a:cxnLst/>
            <a:rect l="l" t="t" r="r" b="b"/>
            <a:pathLst>
              <a:path w="769620" h="158750">
                <a:moveTo>
                  <a:pt x="612648" y="158496"/>
                </a:moveTo>
                <a:lnTo>
                  <a:pt x="612648" y="0"/>
                </a:lnTo>
                <a:lnTo>
                  <a:pt x="739359" y="63971"/>
                </a:lnTo>
                <a:lnTo>
                  <a:pt x="627887" y="63971"/>
                </a:lnTo>
                <a:lnTo>
                  <a:pt x="627887" y="94451"/>
                </a:lnTo>
                <a:lnTo>
                  <a:pt x="739506" y="94451"/>
                </a:lnTo>
                <a:lnTo>
                  <a:pt x="612648" y="158496"/>
                </a:lnTo>
                <a:close/>
              </a:path>
              <a:path w="769620" h="158750">
                <a:moveTo>
                  <a:pt x="612648" y="94451"/>
                </a:moveTo>
                <a:lnTo>
                  <a:pt x="0" y="92964"/>
                </a:lnTo>
                <a:lnTo>
                  <a:pt x="0" y="62484"/>
                </a:lnTo>
                <a:lnTo>
                  <a:pt x="612648" y="63971"/>
                </a:lnTo>
                <a:lnTo>
                  <a:pt x="612648" y="94451"/>
                </a:lnTo>
                <a:close/>
              </a:path>
              <a:path w="769620" h="158750">
                <a:moveTo>
                  <a:pt x="739506" y="94451"/>
                </a:moveTo>
                <a:lnTo>
                  <a:pt x="627887" y="94451"/>
                </a:lnTo>
                <a:lnTo>
                  <a:pt x="627887" y="63971"/>
                </a:lnTo>
                <a:lnTo>
                  <a:pt x="739359" y="63971"/>
                </a:lnTo>
                <a:lnTo>
                  <a:pt x="769620" y="79248"/>
                </a:lnTo>
                <a:lnTo>
                  <a:pt x="739506" y="94451"/>
                </a:lnTo>
                <a:close/>
              </a:path>
            </a:pathLst>
          </a:custGeom>
          <a:solidFill>
            <a:srgbClr val="333F50"/>
          </a:solidFill>
        </p:spPr>
        <p:txBody>
          <a:bodyPr wrap="square" lIns="0" tIns="0" rIns="0" bIns="0" rtlCol="0"/>
          <a:lstStyle/>
          <a:p>
            <a:endParaRPr sz="1749"/>
          </a:p>
        </p:txBody>
      </p:sp>
      <p:sp>
        <p:nvSpPr>
          <p:cNvPr id="20" name="object 20"/>
          <p:cNvSpPr txBox="1"/>
          <p:nvPr/>
        </p:nvSpPr>
        <p:spPr>
          <a:xfrm>
            <a:off x="2190350" y="4179946"/>
            <a:ext cx="714579" cy="184296"/>
          </a:xfrm>
          <a:prstGeom prst="rect">
            <a:avLst/>
          </a:prstGeom>
        </p:spPr>
        <p:txBody>
          <a:bodyPr vert="horz" wrap="square" lIns="0" tIns="13032" rIns="0" bIns="0" rtlCol="0">
            <a:spAutoFit/>
          </a:bodyPr>
          <a:lstStyle/>
          <a:p>
            <a:pPr marL="10860">
              <a:spcBef>
                <a:spcPts val="103"/>
              </a:spcBef>
            </a:pPr>
            <a:r>
              <a:rPr sz="1112" dirty="0">
                <a:latin typeface="ＭＳ Ｐゴシック"/>
                <a:cs typeface="ＭＳ Ｐゴシック"/>
              </a:rPr>
              <a:t>人材/ 支援</a:t>
            </a:r>
            <a:endParaRPr sz="1112">
              <a:latin typeface="ＭＳ Ｐゴシック"/>
              <a:cs typeface="ＭＳ Ｐゴシック"/>
            </a:endParaRPr>
          </a:p>
        </p:txBody>
      </p:sp>
      <p:sp>
        <p:nvSpPr>
          <p:cNvPr id="21" name="object 21"/>
          <p:cNvSpPr/>
          <p:nvPr/>
        </p:nvSpPr>
        <p:spPr>
          <a:xfrm>
            <a:off x="3448222" y="4120664"/>
            <a:ext cx="134662" cy="525617"/>
          </a:xfrm>
          <a:custGeom>
            <a:avLst/>
            <a:gdLst/>
            <a:ahLst/>
            <a:cxnLst/>
            <a:rect l="l" t="t" r="r" b="b"/>
            <a:pathLst>
              <a:path w="157479" h="614679">
                <a:moveTo>
                  <a:pt x="94488" y="472439"/>
                </a:moveTo>
                <a:lnTo>
                  <a:pt x="62484" y="472439"/>
                </a:lnTo>
                <a:lnTo>
                  <a:pt x="62484" y="0"/>
                </a:lnTo>
                <a:lnTo>
                  <a:pt x="94488" y="0"/>
                </a:lnTo>
                <a:lnTo>
                  <a:pt x="94488" y="472439"/>
                </a:lnTo>
                <a:close/>
              </a:path>
              <a:path w="157479" h="614679">
                <a:moveTo>
                  <a:pt x="79248" y="614172"/>
                </a:moveTo>
                <a:lnTo>
                  <a:pt x="0" y="457200"/>
                </a:lnTo>
                <a:lnTo>
                  <a:pt x="62484" y="457200"/>
                </a:lnTo>
                <a:lnTo>
                  <a:pt x="62484" y="472439"/>
                </a:lnTo>
                <a:lnTo>
                  <a:pt x="149425" y="472439"/>
                </a:lnTo>
                <a:lnTo>
                  <a:pt x="79248" y="614172"/>
                </a:lnTo>
                <a:close/>
              </a:path>
              <a:path w="157479" h="614679">
                <a:moveTo>
                  <a:pt x="149425" y="472439"/>
                </a:moveTo>
                <a:lnTo>
                  <a:pt x="94488" y="472439"/>
                </a:lnTo>
                <a:lnTo>
                  <a:pt x="94488" y="457200"/>
                </a:lnTo>
                <a:lnTo>
                  <a:pt x="156972" y="457200"/>
                </a:lnTo>
                <a:lnTo>
                  <a:pt x="149425" y="472439"/>
                </a:lnTo>
                <a:close/>
              </a:path>
            </a:pathLst>
          </a:custGeom>
          <a:solidFill>
            <a:srgbClr val="333F50"/>
          </a:solidFill>
        </p:spPr>
        <p:txBody>
          <a:bodyPr wrap="square" lIns="0" tIns="0" rIns="0" bIns="0" rtlCol="0"/>
          <a:lstStyle/>
          <a:p>
            <a:endParaRPr sz="1749"/>
          </a:p>
        </p:txBody>
      </p:sp>
      <p:sp>
        <p:nvSpPr>
          <p:cNvPr id="22" name="object 22"/>
          <p:cNvSpPr txBox="1"/>
          <p:nvPr/>
        </p:nvSpPr>
        <p:spPr>
          <a:xfrm>
            <a:off x="3764404" y="4288579"/>
            <a:ext cx="630958" cy="184296"/>
          </a:xfrm>
          <a:prstGeom prst="rect">
            <a:avLst/>
          </a:prstGeom>
        </p:spPr>
        <p:txBody>
          <a:bodyPr vert="horz" wrap="square" lIns="0" tIns="13032" rIns="0" bIns="0" rtlCol="0">
            <a:spAutoFit/>
          </a:bodyPr>
          <a:lstStyle/>
          <a:p>
            <a:pPr marL="10860">
              <a:spcBef>
                <a:spcPts val="103"/>
              </a:spcBef>
            </a:pPr>
            <a:r>
              <a:rPr sz="1112" spc="60" dirty="0">
                <a:latin typeface="ＭＳ Ｐゴシック"/>
                <a:cs typeface="ＭＳ Ｐゴシック"/>
              </a:rPr>
              <a:t>現地支援</a:t>
            </a:r>
            <a:endParaRPr sz="1112">
              <a:latin typeface="ＭＳ Ｐゴシック"/>
              <a:cs typeface="ＭＳ Ｐゴシック"/>
            </a:endParaRPr>
          </a:p>
        </p:txBody>
      </p:sp>
      <p:grpSp>
        <p:nvGrpSpPr>
          <p:cNvPr id="23" name="object 23"/>
          <p:cNvGrpSpPr/>
          <p:nvPr/>
        </p:nvGrpSpPr>
        <p:grpSpPr>
          <a:xfrm>
            <a:off x="674342" y="3073502"/>
            <a:ext cx="1470425" cy="328511"/>
            <a:chOff x="788606" y="3365690"/>
            <a:chExt cx="1719580" cy="384175"/>
          </a:xfrm>
        </p:grpSpPr>
        <p:sp>
          <p:nvSpPr>
            <p:cNvPr id="24" name="object 24"/>
            <p:cNvSpPr/>
            <p:nvPr/>
          </p:nvSpPr>
          <p:spPr>
            <a:xfrm>
              <a:off x="794004" y="3371088"/>
              <a:ext cx="1708785" cy="373380"/>
            </a:xfrm>
            <a:custGeom>
              <a:avLst/>
              <a:gdLst/>
              <a:ahLst/>
              <a:cxnLst/>
              <a:rect l="l" t="t" r="r" b="b"/>
              <a:pathLst>
                <a:path w="1708785" h="373379">
                  <a:moveTo>
                    <a:pt x="1708404" y="373379"/>
                  </a:moveTo>
                  <a:lnTo>
                    <a:pt x="0" y="373379"/>
                  </a:lnTo>
                  <a:lnTo>
                    <a:pt x="0" y="0"/>
                  </a:lnTo>
                  <a:lnTo>
                    <a:pt x="1708404" y="0"/>
                  </a:lnTo>
                  <a:lnTo>
                    <a:pt x="1708404" y="373379"/>
                  </a:lnTo>
                  <a:close/>
                </a:path>
              </a:pathLst>
            </a:custGeom>
            <a:solidFill>
              <a:srgbClr val="D8D8D8"/>
            </a:solidFill>
          </p:spPr>
          <p:txBody>
            <a:bodyPr wrap="square" lIns="0" tIns="0" rIns="0" bIns="0" rtlCol="0"/>
            <a:lstStyle/>
            <a:p>
              <a:endParaRPr sz="1749"/>
            </a:p>
          </p:txBody>
        </p:sp>
        <p:sp>
          <p:nvSpPr>
            <p:cNvPr id="25" name="object 25"/>
            <p:cNvSpPr/>
            <p:nvPr/>
          </p:nvSpPr>
          <p:spPr>
            <a:xfrm>
              <a:off x="794004" y="3371088"/>
              <a:ext cx="1708785" cy="373380"/>
            </a:xfrm>
            <a:custGeom>
              <a:avLst/>
              <a:gdLst/>
              <a:ahLst/>
              <a:cxnLst/>
              <a:rect l="l" t="t" r="r" b="b"/>
              <a:pathLst>
                <a:path w="1708785" h="373379">
                  <a:moveTo>
                    <a:pt x="0" y="0"/>
                  </a:moveTo>
                  <a:lnTo>
                    <a:pt x="1708404" y="0"/>
                  </a:lnTo>
                  <a:lnTo>
                    <a:pt x="1708404" y="373379"/>
                  </a:lnTo>
                  <a:lnTo>
                    <a:pt x="0" y="373379"/>
                  </a:lnTo>
                  <a:lnTo>
                    <a:pt x="0" y="0"/>
                  </a:lnTo>
                  <a:close/>
                </a:path>
              </a:pathLst>
            </a:custGeom>
            <a:ln w="10668">
              <a:solidFill>
                <a:srgbClr val="7E7E7E"/>
              </a:solidFill>
            </a:ln>
          </p:spPr>
          <p:txBody>
            <a:bodyPr wrap="square" lIns="0" tIns="0" rIns="0" bIns="0" rtlCol="0"/>
            <a:lstStyle/>
            <a:p>
              <a:endParaRPr sz="1749"/>
            </a:p>
          </p:txBody>
        </p:sp>
      </p:grpSp>
      <p:sp>
        <p:nvSpPr>
          <p:cNvPr id="26" name="object 26"/>
          <p:cNvSpPr txBox="1"/>
          <p:nvPr/>
        </p:nvSpPr>
        <p:spPr>
          <a:xfrm>
            <a:off x="678959" y="3078118"/>
            <a:ext cx="1461194" cy="281182"/>
          </a:xfrm>
          <a:prstGeom prst="rect">
            <a:avLst/>
          </a:prstGeom>
        </p:spPr>
        <p:txBody>
          <a:bodyPr vert="horz" wrap="square" lIns="0" tIns="50498" rIns="0" bIns="0" rtlCol="0">
            <a:spAutoFit/>
          </a:bodyPr>
          <a:lstStyle/>
          <a:p>
            <a:pPr marL="106426">
              <a:spcBef>
                <a:spcPts val="398"/>
              </a:spcBef>
            </a:pPr>
            <a:r>
              <a:rPr sz="1496" u="sng" spc="-9" dirty="0">
                <a:uFill>
                  <a:solidFill>
                    <a:srgbClr val="000000"/>
                  </a:solidFill>
                </a:uFill>
                <a:latin typeface="ＭＳ Ｐゴシック"/>
                <a:cs typeface="ＭＳ Ｐゴシック"/>
              </a:rPr>
              <a:t>学会・資格制度</a:t>
            </a:r>
            <a:endParaRPr sz="1496">
              <a:latin typeface="ＭＳ Ｐゴシック"/>
              <a:cs typeface="ＭＳ Ｐゴシック"/>
            </a:endParaRPr>
          </a:p>
        </p:txBody>
      </p:sp>
      <p:sp>
        <p:nvSpPr>
          <p:cNvPr id="27" name="object 27"/>
          <p:cNvSpPr/>
          <p:nvPr/>
        </p:nvSpPr>
        <p:spPr>
          <a:xfrm>
            <a:off x="1342278" y="3383063"/>
            <a:ext cx="134662" cy="431679"/>
          </a:xfrm>
          <a:custGeom>
            <a:avLst/>
            <a:gdLst/>
            <a:ahLst/>
            <a:cxnLst/>
            <a:rect l="l" t="t" r="r" b="b"/>
            <a:pathLst>
              <a:path w="157480" h="504825">
                <a:moveTo>
                  <a:pt x="94488" y="362712"/>
                </a:moveTo>
                <a:lnTo>
                  <a:pt x="62484" y="362712"/>
                </a:lnTo>
                <a:lnTo>
                  <a:pt x="62484" y="0"/>
                </a:lnTo>
                <a:lnTo>
                  <a:pt x="94488" y="0"/>
                </a:lnTo>
                <a:lnTo>
                  <a:pt x="94488" y="362712"/>
                </a:lnTo>
                <a:close/>
              </a:path>
              <a:path w="157480" h="504825">
                <a:moveTo>
                  <a:pt x="77724" y="504444"/>
                </a:moveTo>
                <a:lnTo>
                  <a:pt x="0" y="345948"/>
                </a:lnTo>
                <a:lnTo>
                  <a:pt x="62484" y="345948"/>
                </a:lnTo>
                <a:lnTo>
                  <a:pt x="62484" y="362712"/>
                </a:lnTo>
                <a:lnTo>
                  <a:pt x="148589" y="362712"/>
                </a:lnTo>
                <a:lnTo>
                  <a:pt x="77724" y="504444"/>
                </a:lnTo>
                <a:close/>
              </a:path>
              <a:path w="157480" h="504825">
                <a:moveTo>
                  <a:pt x="148589" y="362712"/>
                </a:moveTo>
                <a:lnTo>
                  <a:pt x="94488" y="362712"/>
                </a:lnTo>
                <a:lnTo>
                  <a:pt x="94488" y="345948"/>
                </a:lnTo>
                <a:lnTo>
                  <a:pt x="156972" y="345948"/>
                </a:lnTo>
                <a:lnTo>
                  <a:pt x="148589" y="362712"/>
                </a:lnTo>
                <a:close/>
              </a:path>
            </a:pathLst>
          </a:custGeom>
          <a:solidFill>
            <a:srgbClr val="333F50"/>
          </a:solidFill>
        </p:spPr>
        <p:txBody>
          <a:bodyPr wrap="square" lIns="0" tIns="0" rIns="0" bIns="0" rtlCol="0"/>
          <a:lstStyle/>
          <a:p>
            <a:endParaRPr sz="1749"/>
          </a:p>
        </p:txBody>
      </p:sp>
      <p:sp>
        <p:nvSpPr>
          <p:cNvPr id="28" name="object 28"/>
          <p:cNvSpPr txBox="1"/>
          <p:nvPr/>
        </p:nvSpPr>
        <p:spPr>
          <a:xfrm>
            <a:off x="1614150" y="3505192"/>
            <a:ext cx="1263544" cy="355432"/>
          </a:xfrm>
          <a:prstGeom prst="rect">
            <a:avLst/>
          </a:prstGeom>
        </p:spPr>
        <p:txBody>
          <a:bodyPr vert="horz" wrap="square" lIns="0" tIns="13032" rIns="0" bIns="0" rtlCol="0">
            <a:spAutoFit/>
          </a:bodyPr>
          <a:lstStyle/>
          <a:p>
            <a:pPr marL="10860">
              <a:spcBef>
                <a:spcPts val="103"/>
              </a:spcBef>
            </a:pPr>
            <a:r>
              <a:rPr sz="1112" spc="97" dirty="0">
                <a:latin typeface="ＭＳ Ｐゴシック"/>
                <a:cs typeface="ＭＳ Ｐゴシック"/>
              </a:rPr>
              <a:t>認定制度</a:t>
            </a:r>
            <a:r>
              <a:rPr sz="1112" spc="94" dirty="0">
                <a:latin typeface="ＭＳ Ｐゴシック"/>
                <a:cs typeface="ＭＳ Ｐゴシック"/>
              </a:rPr>
              <a:t>（</a:t>
            </a:r>
            <a:r>
              <a:rPr sz="1112" spc="97" dirty="0">
                <a:latin typeface="ＭＳ Ｐゴシック"/>
                <a:cs typeface="ＭＳ Ｐゴシック"/>
              </a:rPr>
              <a:t>組織化</a:t>
            </a:r>
            <a:r>
              <a:rPr sz="1112" spc="-43" dirty="0">
                <a:latin typeface="ＭＳ Ｐゴシック"/>
                <a:cs typeface="ＭＳ Ｐゴシック"/>
              </a:rPr>
              <a:t>）</a:t>
            </a:r>
            <a:endParaRPr sz="1112">
              <a:latin typeface="ＭＳ Ｐゴシック"/>
              <a:cs typeface="ＭＳ Ｐゴシック"/>
            </a:endParaRPr>
          </a:p>
        </p:txBody>
      </p:sp>
      <p:sp>
        <p:nvSpPr>
          <p:cNvPr id="29" name="object 29"/>
          <p:cNvSpPr txBox="1"/>
          <p:nvPr/>
        </p:nvSpPr>
        <p:spPr>
          <a:xfrm>
            <a:off x="4949284" y="2748124"/>
            <a:ext cx="738470" cy="355432"/>
          </a:xfrm>
          <a:prstGeom prst="rect">
            <a:avLst/>
          </a:prstGeom>
        </p:spPr>
        <p:txBody>
          <a:bodyPr vert="horz" wrap="square" lIns="0" tIns="13032" rIns="0" bIns="0" rtlCol="0">
            <a:spAutoFit/>
          </a:bodyPr>
          <a:lstStyle/>
          <a:p>
            <a:pPr marL="10860">
              <a:spcBef>
                <a:spcPts val="103"/>
              </a:spcBef>
            </a:pPr>
            <a:r>
              <a:rPr sz="1112" dirty="0">
                <a:latin typeface="ＭＳ Ｐゴシック"/>
                <a:cs typeface="ＭＳ Ｐゴシック"/>
              </a:rPr>
              <a:t>（参考事例</a:t>
            </a:r>
            <a:r>
              <a:rPr sz="1112" spc="-43" dirty="0">
                <a:latin typeface="ＭＳ Ｐゴシック"/>
                <a:cs typeface="ＭＳ Ｐゴシック"/>
              </a:rPr>
              <a:t>）</a:t>
            </a:r>
            <a:endParaRPr sz="1112">
              <a:latin typeface="ＭＳ Ｐゴシック"/>
              <a:cs typeface="ＭＳ Ｐゴシック"/>
            </a:endParaRPr>
          </a:p>
        </p:txBody>
      </p:sp>
      <p:sp>
        <p:nvSpPr>
          <p:cNvPr id="30" name="object 30"/>
          <p:cNvSpPr txBox="1"/>
          <p:nvPr/>
        </p:nvSpPr>
        <p:spPr>
          <a:xfrm>
            <a:off x="6535191" y="2745372"/>
            <a:ext cx="1923824" cy="313485"/>
          </a:xfrm>
          <a:prstGeom prst="rect">
            <a:avLst/>
          </a:prstGeom>
        </p:spPr>
        <p:txBody>
          <a:bodyPr vert="horz" wrap="square" lIns="0" tIns="10860" rIns="0" bIns="0" rtlCol="0">
            <a:spAutoFit/>
          </a:bodyPr>
          <a:lstStyle/>
          <a:p>
            <a:pPr marL="10860">
              <a:spcBef>
                <a:spcPts val="86"/>
              </a:spcBef>
            </a:pPr>
            <a:r>
              <a:rPr sz="983" spc="-26" dirty="0">
                <a:latin typeface="ＭＳ Ｐゴシック"/>
                <a:cs typeface="ＭＳ Ｐゴシック"/>
              </a:rPr>
              <a:t>建設キャリアアップシステム</a:t>
            </a:r>
            <a:r>
              <a:rPr sz="983" spc="-9" dirty="0">
                <a:latin typeface="ＭＳ Ｐゴシック"/>
                <a:cs typeface="ＭＳ Ｐゴシック"/>
              </a:rPr>
              <a:t>（CCUS）</a:t>
            </a:r>
            <a:endParaRPr sz="983">
              <a:latin typeface="ＭＳ Ｐゴシック"/>
              <a:cs typeface="ＭＳ Ｐゴシック"/>
            </a:endParaRPr>
          </a:p>
        </p:txBody>
      </p:sp>
      <p:sp>
        <p:nvSpPr>
          <p:cNvPr id="31" name="object 31"/>
          <p:cNvSpPr txBox="1"/>
          <p:nvPr/>
        </p:nvSpPr>
        <p:spPr>
          <a:xfrm>
            <a:off x="5006400" y="5289232"/>
            <a:ext cx="3416511" cy="183135"/>
          </a:xfrm>
          <a:prstGeom prst="rect">
            <a:avLst/>
          </a:prstGeom>
        </p:spPr>
        <p:txBody>
          <a:bodyPr vert="horz" wrap="square" lIns="0" tIns="11946" rIns="0" bIns="0" rtlCol="0">
            <a:spAutoFit/>
          </a:bodyPr>
          <a:lstStyle/>
          <a:p>
            <a:pPr marL="10860">
              <a:spcBef>
                <a:spcPts val="94"/>
              </a:spcBef>
            </a:pPr>
            <a:r>
              <a:rPr sz="556" dirty="0">
                <a:latin typeface="ＭＳ Ｐゴシック"/>
                <a:cs typeface="ＭＳ Ｐゴシック"/>
              </a:rPr>
              <a:t>出所）</a:t>
            </a:r>
            <a:r>
              <a:rPr sz="556" spc="-9" dirty="0">
                <a:latin typeface="ＭＳ Ｐゴシック"/>
                <a:cs typeface="ＭＳ Ｐゴシック"/>
              </a:rPr>
              <a:t> 一般財団法人建設業振興基金「建設キャリアップシステム」</a:t>
            </a:r>
            <a:r>
              <a:rPr sz="556" dirty="0">
                <a:latin typeface="ＭＳ Ｐゴシック"/>
                <a:cs typeface="ＭＳ Ｐゴシック"/>
              </a:rPr>
              <a:t>（https://</a:t>
            </a:r>
            <a:r>
              <a:rPr sz="556" dirty="0">
                <a:latin typeface="ＭＳ Ｐゴシック"/>
                <a:cs typeface="ＭＳ Ｐゴシック"/>
                <a:hlinkClick r:id="rId5"/>
              </a:rPr>
              <a:t>www.ccus.jp/p/about</a:t>
            </a:r>
            <a:r>
              <a:rPr sz="556" dirty="0">
                <a:latin typeface="ＭＳ Ｐゴシック"/>
                <a:cs typeface="ＭＳ Ｐゴシック"/>
              </a:rPr>
              <a:t>）閲覧日</a:t>
            </a:r>
            <a:r>
              <a:rPr sz="556" spc="-9" dirty="0">
                <a:latin typeface="ＭＳ Ｐゴシック"/>
                <a:cs typeface="ＭＳ Ｐゴシック"/>
              </a:rPr>
              <a:t>24/7/18</a:t>
            </a:r>
            <a:endParaRPr sz="556">
              <a:latin typeface="ＭＳ Ｐゴシック"/>
              <a:cs typeface="ＭＳ Ｐゴシック"/>
            </a:endParaRPr>
          </a:p>
        </p:txBody>
      </p:sp>
      <p:grpSp>
        <p:nvGrpSpPr>
          <p:cNvPr id="32" name="object 32"/>
          <p:cNvGrpSpPr/>
          <p:nvPr/>
        </p:nvGrpSpPr>
        <p:grpSpPr>
          <a:xfrm>
            <a:off x="4649757" y="2396553"/>
            <a:ext cx="4109370" cy="3269903"/>
            <a:chOff x="5437632" y="2574035"/>
            <a:chExt cx="4805680" cy="3823970"/>
          </a:xfrm>
        </p:grpSpPr>
        <p:pic>
          <p:nvPicPr>
            <p:cNvPr id="33" name="object 33"/>
            <p:cNvPicPr/>
            <p:nvPr/>
          </p:nvPicPr>
          <p:blipFill>
            <a:blip r:embed="rId6" cstate="print"/>
            <a:stretch>
              <a:fillRect/>
            </a:stretch>
          </p:blipFill>
          <p:spPr>
            <a:xfrm>
              <a:off x="5696711" y="3226307"/>
              <a:ext cx="4255290" cy="2659662"/>
            </a:xfrm>
            <a:prstGeom prst="rect">
              <a:avLst/>
            </a:prstGeom>
          </p:spPr>
        </p:pic>
        <p:sp>
          <p:nvSpPr>
            <p:cNvPr id="34" name="object 34"/>
            <p:cNvSpPr/>
            <p:nvPr/>
          </p:nvSpPr>
          <p:spPr>
            <a:xfrm>
              <a:off x="5437632" y="2574035"/>
              <a:ext cx="4805680" cy="3823970"/>
            </a:xfrm>
            <a:custGeom>
              <a:avLst/>
              <a:gdLst/>
              <a:ahLst/>
              <a:cxnLst/>
              <a:rect l="l" t="t" r="r" b="b"/>
              <a:pathLst>
                <a:path w="4805680" h="3823970">
                  <a:moveTo>
                    <a:pt x="6096" y="3817619"/>
                  </a:moveTo>
                  <a:lnTo>
                    <a:pt x="0" y="3817619"/>
                  </a:lnTo>
                  <a:lnTo>
                    <a:pt x="0" y="3802380"/>
                  </a:lnTo>
                  <a:lnTo>
                    <a:pt x="13716" y="3802380"/>
                  </a:lnTo>
                  <a:lnTo>
                    <a:pt x="13716" y="3810000"/>
                  </a:lnTo>
                  <a:lnTo>
                    <a:pt x="6096" y="3810000"/>
                  </a:lnTo>
                  <a:lnTo>
                    <a:pt x="6096" y="3817619"/>
                  </a:lnTo>
                  <a:close/>
                </a:path>
                <a:path w="4805680" h="3823970">
                  <a:moveTo>
                    <a:pt x="15239" y="3823716"/>
                  </a:moveTo>
                  <a:lnTo>
                    <a:pt x="6096" y="3823716"/>
                  </a:lnTo>
                  <a:lnTo>
                    <a:pt x="6096" y="3810000"/>
                  </a:lnTo>
                  <a:lnTo>
                    <a:pt x="13716" y="3810000"/>
                  </a:lnTo>
                  <a:lnTo>
                    <a:pt x="13716" y="3817619"/>
                  </a:lnTo>
                  <a:lnTo>
                    <a:pt x="15239" y="3817619"/>
                  </a:lnTo>
                  <a:lnTo>
                    <a:pt x="15239" y="3823716"/>
                  </a:lnTo>
                  <a:close/>
                </a:path>
                <a:path w="4805680" h="3823970">
                  <a:moveTo>
                    <a:pt x="15239" y="3817619"/>
                  </a:moveTo>
                  <a:lnTo>
                    <a:pt x="13716" y="3817619"/>
                  </a:lnTo>
                  <a:lnTo>
                    <a:pt x="13716" y="3810000"/>
                  </a:lnTo>
                  <a:lnTo>
                    <a:pt x="15239" y="3810000"/>
                  </a:lnTo>
                  <a:lnTo>
                    <a:pt x="15239" y="3817619"/>
                  </a:lnTo>
                  <a:close/>
                </a:path>
                <a:path w="4805680" h="3823970">
                  <a:moveTo>
                    <a:pt x="13716" y="3788664"/>
                  </a:moveTo>
                  <a:lnTo>
                    <a:pt x="0" y="3788664"/>
                  </a:lnTo>
                  <a:lnTo>
                    <a:pt x="0" y="3774948"/>
                  </a:lnTo>
                  <a:lnTo>
                    <a:pt x="13716" y="3774948"/>
                  </a:lnTo>
                  <a:lnTo>
                    <a:pt x="13716" y="3788664"/>
                  </a:lnTo>
                  <a:close/>
                </a:path>
                <a:path w="4805680" h="3823970">
                  <a:moveTo>
                    <a:pt x="13716" y="3761232"/>
                  </a:moveTo>
                  <a:lnTo>
                    <a:pt x="0" y="3761232"/>
                  </a:lnTo>
                  <a:lnTo>
                    <a:pt x="0" y="3747516"/>
                  </a:lnTo>
                  <a:lnTo>
                    <a:pt x="13716" y="3747516"/>
                  </a:lnTo>
                  <a:lnTo>
                    <a:pt x="13716" y="3761232"/>
                  </a:lnTo>
                  <a:close/>
                </a:path>
                <a:path w="4805680" h="3823970">
                  <a:moveTo>
                    <a:pt x="13716" y="3732276"/>
                  </a:moveTo>
                  <a:lnTo>
                    <a:pt x="0" y="3732276"/>
                  </a:lnTo>
                  <a:lnTo>
                    <a:pt x="0" y="3718560"/>
                  </a:lnTo>
                  <a:lnTo>
                    <a:pt x="13716" y="3718560"/>
                  </a:lnTo>
                  <a:lnTo>
                    <a:pt x="13716" y="3732276"/>
                  </a:lnTo>
                  <a:close/>
                </a:path>
                <a:path w="4805680" h="3823970">
                  <a:moveTo>
                    <a:pt x="13716" y="3704844"/>
                  </a:moveTo>
                  <a:lnTo>
                    <a:pt x="0" y="3704844"/>
                  </a:lnTo>
                  <a:lnTo>
                    <a:pt x="0" y="3691128"/>
                  </a:lnTo>
                  <a:lnTo>
                    <a:pt x="13716" y="3691128"/>
                  </a:lnTo>
                  <a:lnTo>
                    <a:pt x="13716" y="3704844"/>
                  </a:lnTo>
                  <a:close/>
                </a:path>
                <a:path w="4805680" h="3823970">
                  <a:moveTo>
                    <a:pt x="13716" y="3677412"/>
                  </a:moveTo>
                  <a:lnTo>
                    <a:pt x="0" y="3677412"/>
                  </a:lnTo>
                  <a:lnTo>
                    <a:pt x="0" y="3662171"/>
                  </a:lnTo>
                  <a:lnTo>
                    <a:pt x="13716" y="3662171"/>
                  </a:lnTo>
                  <a:lnTo>
                    <a:pt x="13716" y="3677412"/>
                  </a:lnTo>
                  <a:close/>
                </a:path>
                <a:path w="4805680" h="3823970">
                  <a:moveTo>
                    <a:pt x="13716" y="3648456"/>
                  </a:moveTo>
                  <a:lnTo>
                    <a:pt x="0" y="3648456"/>
                  </a:lnTo>
                  <a:lnTo>
                    <a:pt x="0" y="3634740"/>
                  </a:lnTo>
                  <a:lnTo>
                    <a:pt x="13716" y="3634740"/>
                  </a:lnTo>
                  <a:lnTo>
                    <a:pt x="13716" y="3648456"/>
                  </a:lnTo>
                  <a:close/>
                </a:path>
                <a:path w="4805680" h="3823970">
                  <a:moveTo>
                    <a:pt x="13716" y="3621024"/>
                  </a:moveTo>
                  <a:lnTo>
                    <a:pt x="0" y="3621024"/>
                  </a:lnTo>
                  <a:lnTo>
                    <a:pt x="0" y="3607308"/>
                  </a:lnTo>
                  <a:lnTo>
                    <a:pt x="13716" y="3607308"/>
                  </a:lnTo>
                  <a:lnTo>
                    <a:pt x="13716" y="3621024"/>
                  </a:lnTo>
                  <a:close/>
                </a:path>
                <a:path w="4805680" h="3823970">
                  <a:moveTo>
                    <a:pt x="13716" y="3593592"/>
                  </a:moveTo>
                  <a:lnTo>
                    <a:pt x="0" y="3593592"/>
                  </a:lnTo>
                  <a:lnTo>
                    <a:pt x="0" y="3578352"/>
                  </a:lnTo>
                  <a:lnTo>
                    <a:pt x="13716" y="3578352"/>
                  </a:lnTo>
                  <a:lnTo>
                    <a:pt x="13716" y="3593592"/>
                  </a:lnTo>
                  <a:close/>
                </a:path>
                <a:path w="4805680" h="3823970">
                  <a:moveTo>
                    <a:pt x="13716" y="3564636"/>
                  </a:moveTo>
                  <a:lnTo>
                    <a:pt x="0" y="3564636"/>
                  </a:lnTo>
                  <a:lnTo>
                    <a:pt x="0" y="3550919"/>
                  </a:lnTo>
                  <a:lnTo>
                    <a:pt x="13716" y="3550919"/>
                  </a:lnTo>
                  <a:lnTo>
                    <a:pt x="13716" y="3564636"/>
                  </a:lnTo>
                  <a:close/>
                </a:path>
                <a:path w="4805680" h="3823970">
                  <a:moveTo>
                    <a:pt x="13716" y="3537203"/>
                  </a:moveTo>
                  <a:lnTo>
                    <a:pt x="0" y="3537203"/>
                  </a:lnTo>
                  <a:lnTo>
                    <a:pt x="0" y="3523487"/>
                  </a:lnTo>
                  <a:lnTo>
                    <a:pt x="13716" y="3523487"/>
                  </a:lnTo>
                  <a:lnTo>
                    <a:pt x="13716" y="3537203"/>
                  </a:lnTo>
                  <a:close/>
                </a:path>
                <a:path w="4805680" h="3823970">
                  <a:moveTo>
                    <a:pt x="13716" y="3508248"/>
                  </a:moveTo>
                  <a:lnTo>
                    <a:pt x="0" y="3508248"/>
                  </a:lnTo>
                  <a:lnTo>
                    <a:pt x="0" y="3494532"/>
                  </a:lnTo>
                  <a:lnTo>
                    <a:pt x="13716" y="3494532"/>
                  </a:lnTo>
                  <a:lnTo>
                    <a:pt x="13716" y="3508248"/>
                  </a:lnTo>
                  <a:close/>
                </a:path>
                <a:path w="4805680" h="3823970">
                  <a:moveTo>
                    <a:pt x="13716" y="3480816"/>
                  </a:moveTo>
                  <a:lnTo>
                    <a:pt x="0" y="3480816"/>
                  </a:lnTo>
                  <a:lnTo>
                    <a:pt x="0" y="3467100"/>
                  </a:lnTo>
                  <a:lnTo>
                    <a:pt x="13716" y="3467100"/>
                  </a:lnTo>
                  <a:lnTo>
                    <a:pt x="13716" y="3480816"/>
                  </a:lnTo>
                  <a:close/>
                </a:path>
                <a:path w="4805680" h="3823970">
                  <a:moveTo>
                    <a:pt x="13716" y="3453384"/>
                  </a:moveTo>
                  <a:lnTo>
                    <a:pt x="0" y="3453384"/>
                  </a:lnTo>
                  <a:lnTo>
                    <a:pt x="0" y="3438144"/>
                  </a:lnTo>
                  <a:lnTo>
                    <a:pt x="13716" y="3438144"/>
                  </a:lnTo>
                  <a:lnTo>
                    <a:pt x="13716" y="3453384"/>
                  </a:lnTo>
                  <a:close/>
                </a:path>
                <a:path w="4805680" h="3823970">
                  <a:moveTo>
                    <a:pt x="13716" y="3424428"/>
                  </a:moveTo>
                  <a:lnTo>
                    <a:pt x="0" y="3424428"/>
                  </a:lnTo>
                  <a:lnTo>
                    <a:pt x="0" y="3410712"/>
                  </a:lnTo>
                  <a:lnTo>
                    <a:pt x="13716" y="3410712"/>
                  </a:lnTo>
                  <a:lnTo>
                    <a:pt x="13716" y="3424428"/>
                  </a:lnTo>
                  <a:close/>
                </a:path>
                <a:path w="4805680" h="3823970">
                  <a:moveTo>
                    <a:pt x="13716" y="3396996"/>
                  </a:moveTo>
                  <a:lnTo>
                    <a:pt x="0" y="3396996"/>
                  </a:lnTo>
                  <a:lnTo>
                    <a:pt x="0" y="3383280"/>
                  </a:lnTo>
                  <a:lnTo>
                    <a:pt x="13716" y="3383280"/>
                  </a:lnTo>
                  <a:lnTo>
                    <a:pt x="13716" y="3396996"/>
                  </a:lnTo>
                  <a:close/>
                </a:path>
                <a:path w="4805680" h="3823970">
                  <a:moveTo>
                    <a:pt x="13716" y="3369564"/>
                  </a:moveTo>
                  <a:lnTo>
                    <a:pt x="0" y="3369564"/>
                  </a:lnTo>
                  <a:lnTo>
                    <a:pt x="0" y="3354324"/>
                  </a:lnTo>
                  <a:lnTo>
                    <a:pt x="13716" y="3354324"/>
                  </a:lnTo>
                  <a:lnTo>
                    <a:pt x="13716" y="3369564"/>
                  </a:lnTo>
                  <a:close/>
                </a:path>
                <a:path w="4805680" h="3823970">
                  <a:moveTo>
                    <a:pt x="13716" y="3340608"/>
                  </a:moveTo>
                  <a:lnTo>
                    <a:pt x="0" y="3340608"/>
                  </a:lnTo>
                  <a:lnTo>
                    <a:pt x="0" y="3326892"/>
                  </a:lnTo>
                  <a:lnTo>
                    <a:pt x="13716" y="3326892"/>
                  </a:lnTo>
                  <a:lnTo>
                    <a:pt x="13716" y="3340608"/>
                  </a:lnTo>
                  <a:close/>
                </a:path>
                <a:path w="4805680" h="3823970">
                  <a:moveTo>
                    <a:pt x="13716" y="3313176"/>
                  </a:moveTo>
                  <a:lnTo>
                    <a:pt x="0" y="3313176"/>
                  </a:lnTo>
                  <a:lnTo>
                    <a:pt x="0" y="3299460"/>
                  </a:lnTo>
                  <a:lnTo>
                    <a:pt x="13716" y="3299460"/>
                  </a:lnTo>
                  <a:lnTo>
                    <a:pt x="13716" y="3313176"/>
                  </a:lnTo>
                  <a:close/>
                </a:path>
                <a:path w="4805680" h="3823970">
                  <a:moveTo>
                    <a:pt x="13716" y="3284219"/>
                  </a:moveTo>
                  <a:lnTo>
                    <a:pt x="0" y="3284219"/>
                  </a:lnTo>
                  <a:lnTo>
                    <a:pt x="0" y="3270503"/>
                  </a:lnTo>
                  <a:lnTo>
                    <a:pt x="13716" y="3270503"/>
                  </a:lnTo>
                  <a:lnTo>
                    <a:pt x="13716" y="3284219"/>
                  </a:lnTo>
                  <a:close/>
                </a:path>
                <a:path w="4805680" h="3823970">
                  <a:moveTo>
                    <a:pt x="13716" y="3256787"/>
                  </a:moveTo>
                  <a:lnTo>
                    <a:pt x="0" y="3256787"/>
                  </a:lnTo>
                  <a:lnTo>
                    <a:pt x="0" y="3243071"/>
                  </a:lnTo>
                  <a:lnTo>
                    <a:pt x="13716" y="3243071"/>
                  </a:lnTo>
                  <a:lnTo>
                    <a:pt x="13716" y="3256787"/>
                  </a:lnTo>
                  <a:close/>
                </a:path>
                <a:path w="4805680" h="3823970">
                  <a:moveTo>
                    <a:pt x="13716" y="3229356"/>
                  </a:moveTo>
                  <a:lnTo>
                    <a:pt x="0" y="3229356"/>
                  </a:lnTo>
                  <a:lnTo>
                    <a:pt x="0" y="3214116"/>
                  </a:lnTo>
                  <a:lnTo>
                    <a:pt x="13716" y="3214116"/>
                  </a:lnTo>
                  <a:lnTo>
                    <a:pt x="13716" y="3229356"/>
                  </a:lnTo>
                  <a:close/>
                </a:path>
                <a:path w="4805680" h="3823970">
                  <a:moveTo>
                    <a:pt x="13716" y="3200400"/>
                  </a:moveTo>
                  <a:lnTo>
                    <a:pt x="0" y="3200400"/>
                  </a:lnTo>
                  <a:lnTo>
                    <a:pt x="0" y="3186684"/>
                  </a:lnTo>
                  <a:lnTo>
                    <a:pt x="13716" y="3186684"/>
                  </a:lnTo>
                  <a:lnTo>
                    <a:pt x="13716" y="3200400"/>
                  </a:lnTo>
                  <a:close/>
                </a:path>
                <a:path w="4805680" h="3823970">
                  <a:moveTo>
                    <a:pt x="13716" y="3172968"/>
                  </a:moveTo>
                  <a:lnTo>
                    <a:pt x="0" y="3172968"/>
                  </a:lnTo>
                  <a:lnTo>
                    <a:pt x="0" y="3159252"/>
                  </a:lnTo>
                  <a:lnTo>
                    <a:pt x="13716" y="3159252"/>
                  </a:lnTo>
                  <a:lnTo>
                    <a:pt x="13716" y="3172968"/>
                  </a:lnTo>
                  <a:close/>
                </a:path>
                <a:path w="4805680" h="3823970">
                  <a:moveTo>
                    <a:pt x="13716" y="3145535"/>
                  </a:moveTo>
                  <a:lnTo>
                    <a:pt x="0" y="3145535"/>
                  </a:lnTo>
                  <a:lnTo>
                    <a:pt x="0" y="3130296"/>
                  </a:lnTo>
                  <a:lnTo>
                    <a:pt x="13716" y="3130296"/>
                  </a:lnTo>
                  <a:lnTo>
                    <a:pt x="13716" y="3145535"/>
                  </a:lnTo>
                  <a:close/>
                </a:path>
                <a:path w="4805680" h="3823970">
                  <a:moveTo>
                    <a:pt x="13716" y="3116580"/>
                  </a:moveTo>
                  <a:lnTo>
                    <a:pt x="0" y="3116580"/>
                  </a:lnTo>
                  <a:lnTo>
                    <a:pt x="0" y="3102864"/>
                  </a:lnTo>
                  <a:lnTo>
                    <a:pt x="13716" y="3102864"/>
                  </a:lnTo>
                  <a:lnTo>
                    <a:pt x="13716" y="3116580"/>
                  </a:lnTo>
                  <a:close/>
                </a:path>
                <a:path w="4805680" h="3823970">
                  <a:moveTo>
                    <a:pt x="13716" y="3089148"/>
                  </a:moveTo>
                  <a:lnTo>
                    <a:pt x="0" y="3089148"/>
                  </a:lnTo>
                  <a:lnTo>
                    <a:pt x="0" y="3075432"/>
                  </a:lnTo>
                  <a:lnTo>
                    <a:pt x="13716" y="3075432"/>
                  </a:lnTo>
                  <a:lnTo>
                    <a:pt x="13716" y="3089148"/>
                  </a:lnTo>
                  <a:close/>
                </a:path>
                <a:path w="4805680" h="3823970">
                  <a:moveTo>
                    <a:pt x="13716" y="3060192"/>
                  </a:moveTo>
                  <a:lnTo>
                    <a:pt x="0" y="3060192"/>
                  </a:lnTo>
                  <a:lnTo>
                    <a:pt x="0" y="3046476"/>
                  </a:lnTo>
                  <a:lnTo>
                    <a:pt x="13716" y="3046476"/>
                  </a:lnTo>
                  <a:lnTo>
                    <a:pt x="13716" y="3060192"/>
                  </a:lnTo>
                  <a:close/>
                </a:path>
                <a:path w="4805680" h="3823970">
                  <a:moveTo>
                    <a:pt x="13716" y="3032760"/>
                  </a:moveTo>
                  <a:lnTo>
                    <a:pt x="0" y="3032760"/>
                  </a:lnTo>
                  <a:lnTo>
                    <a:pt x="0" y="3019044"/>
                  </a:lnTo>
                  <a:lnTo>
                    <a:pt x="13716" y="3019044"/>
                  </a:lnTo>
                  <a:lnTo>
                    <a:pt x="13716" y="3032760"/>
                  </a:lnTo>
                  <a:close/>
                </a:path>
                <a:path w="4805680" h="3823970">
                  <a:moveTo>
                    <a:pt x="13716" y="3005328"/>
                  </a:moveTo>
                  <a:lnTo>
                    <a:pt x="0" y="3005328"/>
                  </a:lnTo>
                  <a:lnTo>
                    <a:pt x="0" y="2990087"/>
                  </a:lnTo>
                  <a:lnTo>
                    <a:pt x="13716" y="2990087"/>
                  </a:lnTo>
                  <a:lnTo>
                    <a:pt x="13716" y="3005328"/>
                  </a:lnTo>
                  <a:close/>
                </a:path>
                <a:path w="4805680" h="3823970">
                  <a:moveTo>
                    <a:pt x="13716" y="2976371"/>
                  </a:moveTo>
                  <a:lnTo>
                    <a:pt x="0" y="2976371"/>
                  </a:lnTo>
                  <a:lnTo>
                    <a:pt x="0" y="2962656"/>
                  </a:lnTo>
                  <a:lnTo>
                    <a:pt x="13716" y="2962656"/>
                  </a:lnTo>
                  <a:lnTo>
                    <a:pt x="13716" y="2976371"/>
                  </a:lnTo>
                  <a:close/>
                </a:path>
                <a:path w="4805680" h="3823970">
                  <a:moveTo>
                    <a:pt x="13716" y="2948940"/>
                  </a:moveTo>
                  <a:lnTo>
                    <a:pt x="0" y="2948940"/>
                  </a:lnTo>
                  <a:lnTo>
                    <a:pt x="0" y="2935224"/>
                  </a:lnTo>
                  <a:lnTo>
                    <a:pt x="13716" y="2935224"/>
                  </a:lnTo>
                  <a:lnTo>
                    <a:pt x="13716" y="2948940"/>
                  </a:lnTo>
                  <a:close/>
                </a:path>
                <a:path w="4805680" h="3823970">
                  <a:moveTo>
                    <a:pt x="13716" y="2921508"/>
                  </a:moveTo>
                  <a:lnTo>
                    <a:pt x="0" y="2921508"/>
                  </a:lnTo>
                  <a:lnTo>
                    <a:pt x="0" y="2906268"/>
                  </a:lnTo>
                  <a:lnTo>
                    <a:pt x="13716" y="2906268"/>
                  </a:lnTo>
                  <a:lnTo>
                    <a:pt x="13716" y="2921508"/>
                  </a:lnTo>
                  <a:close/>
                </a:path>
                <a:path w="4805680" h="3823970">
                  <a:moveTo>
                    <a:pt x="13716" y="2892552"/>
                  </a:moveTo>
                  <a:lnTo>
                    <a:pt x="0" y="2892552"/>
                  </a:lnTo>
                  <a:lnTo>
                    <a:pt x="0" y="2878835"/>
                  </a:lnTo>
                  <a:lnTo>
                    <a:pt x="13716" y="2878835"/>
                  </a:lnTo>
                  <a:lnTo>
                    <a:pt x="13716" y="2892552"/>
                  </a:lnTo>
                  <a:close/>
                </a:path>
                <a:path w="4805680" h="3823970">
                  <a:moveTo>
                    <a:pt x="13716" y="2865119"/>
                  </a:moveTo>
                  <a:lnTo>
                    <a:pt x="0" y="2865119"/>
                  </a:lnTo>
                  <a:lnTo>
                    <a:pt x="0" y="2851403"/>
                  </a:lnTo>
                  <a:lnTo>
                    <a:pt x="13716" y="2851403"/>
                  </a:lnTo>
                  <a:lnTo>
                    <a:pt x="13716" y="2865119"/>
                  </a:lnTo>
                  <a:close/>
                </a:path>
                <a:path w="4805680" h="3823970">
                  <a:moveTo>
                    <a:pt x="13716" y="2836164"/>
                  </a:moveTo>
                  <a:lnTo>
                    <a:pt x="0" y="2836164"/>
                  </a:lnTo>
                  <a:lnTo>
                    <a:pt x="0" y="2822448"/>
                  </a:lnTo>
                  <a:lnTo>
                    <a:pt x="13716" y="2822448"/>
                  </a:lnTo>
                  <a:lnTo>
                    <a:pt x="13716" y="2836164"/>
                  </a:lnTo>
                  <a:close/>
                </a:path>
                <a:path w="4805680" h="3823970">
                  <a:moveTo>
                    <a:pt x="13716" y="2808732"/>
                  </a:moveTo>
                  <a:lnTo>
                    <a:pt x="0" y="2808732"/>
                  </a:lnTo>
                  <a:lnTo>
                    <a:pt x="0" y="2795016"/>
                  </a:lnTo>
                  <a:lnTo>
                    <a:pt x="13716" y="2795016"/>
                  </a:lnTo>
                  <a:lnTo>
                    <a:pt x="13716" y="2808732"/>
                  </a:lnTo>
                  <a:close/>
                </a:path>
                <a:path w="4805680" h="3823970">
                  <a:moveTo>
                    <a:pt x="13716" y="2781300"/>
                  </a:moveTo>
                  <a:lnTo>
                    <a:pt x="0" y="2781300"/>
                  </a:lnTo>
                  <a:lnTo>
                    <a:pt x="0" y="2766060"/>
                  </a:lnTo>
                  <a:lnTo>
                    <a:pt x="13716" y="2766060"/>
                  </a:lnTo>
                  <a:lnTo>
                    <a:pt x="13716" y="2781300"/>
                  </a:lnTo>
                  <a:close/>
                </a:path>
                <a:path w="4805680" h="3823970">
                  <a:moveTo>
                    <a:pt x="13716" y="2752344"/>
                  </a:moveTo>
                  <a:lnTo>
                    <a:pt x="0" y="2752344"/>
                  </a:lnTo>
                  <a:lnTo>
                    <a:pt x="0" y="2738628"/>
                  </a:lnTo>
                  <a:lnTo>
                    <a:pt x="13716" y="2738628"/>
                  </a:lnTo>
                  <a:lnTo>
                    <a:pt x="13716" y="2752344"/>
                  </a:lnTo>
                  <a:close/>
                </a:path>
                <a:path w="4805680" h="3823970">
                  <a:moveTo>
                    <a:pt x="13716" y="2724912"/>
                  </a:moveTo>
                  <a:lnTo>
                    <a:pt x="0" y="2724912"/>
                  </a:lnTo>
                  <a:lnTo>
                    <a:pt x="0" y="2711196"/>
                  </a:lnTo>
                  <a:lnTo>
                    <a:pt x="13716" y="2711196"/>
                  </a:lnTo>
                  <a:lnTo>
                    <a:pt x="13716" y="2724912"/>
                  </a:lnTo>
                  <a:close/>
                </a:path>
                <a:path w="4805680" h="3823970">
                  <a:moveTo>
                    <a:pt x="13716" y="2695956"/>
                  </a:moveTo>
                  <a:lnTo>
                    <a:pt x="0" y="2695956"/>
                  </a:lnTo>
                  <a:lnTo>
                    <a:pt x="0" y="2682240"/>
                  </a:lnTo>
                  <a:lnTo>
                    <a:pt x="13716" y="2682240"/>
                  </a:lnTo>
                  <a:lnTo>
                    <a:pt x="13716" y="2695956"/>
                  </a:lnTo>
                  <a:close/>
                </a:path>
                <a:path w="4805680" h="3823970">
                  <a:moveTo>
                    <a:pt x="13716" y="2668524"/>
                  </a:moveTo>
                  <a:lnTo>
                    <a:pt x="0" y="2668524"/>
                  </a:lnTo>
                  <a:lnTo>
                    <a:pt x="0" y="2654808"/>
                  </a:lnTo>
                  <a:lnTo>
                    <a:pt x="13716" y="2654808"/>
                  </a:lnTo>
                  <a:lnTo>
                    <a:pt x="13716" y="2668524"/>
                  </a:lnTo>
                  <a:close/>
                </a:path>
                <a:path w="4805680" h="3823970">
                  <a:moveTo>
                    <a:pt x="13716" y="2641092"/>
                  </a:moveTo>
                  <a:lnTo>
                    <a:pt x="0" y="2641092"/>
                  </a:lnTo>
                  <a:lnTo>
                    <a:pt x="0" y="2627376"/>
                  </a:lnTo>
                  <a:lnTo>
                    <a:pt x="13716" y="2627376"/>
                  </a:lnTo>
                  <a:lnTo>
                    <a:pt x="13716" y="2641092"/>
                  </a:lnTo>
                  <a:close/>
                </a:path>
                <a:path w="4805680" h="3823970">
                  <a:moveTo>
                    <a:pt x="13716" y="2612135"/>
                  </a:moveTo>
                  <a:lnTo>
                    <a:pt x="0" y="2612135"/>
                  </a:lnTo>
                  <a:lnTo>
                    <a:pt x="0" y="2598419"/>
                  </a:lnTo>
                  <a:lnTo>
                    <a:pt x="13716" y="2598419"/>
                  </a:lnTo>
                  <a:lnTo>
                    <a:pt x="13716" y="2612135"/>
                  </a:lnTo>
                  <a:close/>
                </a:path>
                <a:path w="4805680" h="3823970">
                  <a:moveTo>
                    <a:pt x="13716" y="2584703"/>
                  </a:moveTo>
                  <a:lnTo>
                    <a:pt x="0" y="2584703"/>
                  </a:lnTo>
                  <a:lnTo>
                    <a:pt x="0" y="2570987"/>
                  </a:lnTo>
                  <a:lnTo>
                    <a:pt x="13716" y="2570987"/>
                  </a:lnTo>
                  <a:lnTo>
                    <a:pt x="13716" y="2584703"/>
                  </a:lnTo>
                  <a:close/>
                </a:path>
                <a:path w="4805680" h="3823970">
                  <a:moveTo>
                    <a:pt x="13716" y="2557271"/>
                  </a:moveTo>
                  <a:lnTo>
                    <a:pt x="0" y="2557271"/>
                  </a:lnTo>
                  <a:lnTo>
                    <a:pt x="0" y="2542032"/>
                  </a:lnTo>
                  <a:lnTo>
                    <a:pt x="13716" y="2542032"/>
                  </a:lnTo>
                  <a:lnTo>
                    <a:pt x="13716" y="2557271"/>
                  </a:lnTo>
                  <a:close/>
                </a:path>
                <a:path w="4805680" h="3823970">
                  <a:moveTo>
                    <a:pt x="13716" y="2528316"/>
                  </a:moveTo>
                  <a:lnTo>
                    <a:pt x="0" y="2528316"/>
                  </a:lnTo>
                  <a:lnTo>
                    <a:pt x="0" y="2514600"/>
                  </a:lnTo>
                  <a:lnTo>
                    <a:pt x="13716" y="2514600"/>
                  </a:lnTo>
                  <a:lnTo>
                    <a:pt x="13716" y="2528316"/>
                  </a:lnTo>
                  <a:close/>
                </a:path>
                <a:path w="4805680" h="3823970">
                  <a:moveTo>
                    <a:pt x="13716" y="2500884"/>
                  </a:moveTo>
                  <a:lnTo>
                    <a:pt x="0" y="2500884"/>
                  </a:lnTo>
                  <a:lnTo>
                    <a:pt x="0" y="2487168"/>
                  </a:lnTo>
                  <a:lnTo>
                    <a:pt x="13716" y="2487168"/>
                  </a:lnTo>
                  <a:lnTo>
                    <a:pt x="13716" y="2500884"/>
                  </a:lnTo>
                  <a:close/>
                </a:path>
                <a:path w="4805680" h="3823970">
                  <a:moveTo>
                    <a:pt x="13716" y="2471928"/>
                  </a:moveTo>
                  <a:lnTo>
                    <a:pt x="0" y="2471928"/>
                  </a:lnTo>
                  <a:lnTo>
                    <a:pt x="0" y="2458212"/>
                  </a:lnTo>
                  <a:lnTo>
                    <a:pt x="13716" y="2458212"/>
                  </a:lnTo>
                  <a:lnTo>
                    <a:pt x="13716" y="2471928"/>
                  </a:lnTo>
                  <a:close/>
                </a:path>
                <a:path w="4805680" h="3823970">
                  <a:moveTo>
                    <a:pt x="13716" y="2444496"/>
                  </a:moveTo>
                  <a:lnTo>
                    <a:pt x="0" y="2444496"/>
                  </a:lnTo>
                  <a:lnTo>
                    <a:pt x="0" y="2430780"/>
                  </a:lnTo>
                  <a:lnTo>
                    <a:pt x="13716" y="2430780"/>
                  </a:lnTo>
                  <a:lnTo>
                    <a:pt x="13716" y="2444496"/>
                  </a:lnTo>
                  <a:close/>
                </a:path>
                <a:path w="4805680" h="3823970">
                  <a:moveTo>
                    <a:pt x="13716" y="2417064"/>
                  </a:moveTo>
                  <a:lnTo>
                    <a:pt x="0" y="2417064"/>
                  </a:lnTo>
                  <a:lnTo>
                    <a:pt x="0" y="2403348"/>
                  </a:lnTo>
                  <a:lnTo>
                    <a:pt x="13716" y="2403348"/>
                  </a:lnTo>
                  <a:lnTo>
                    <a:pt x="13716" y="2417064"/>
                  </a:lnTo>
                  <a:close/>
                </a:path>
                <a:path w="4805680" h="3823970">
                  <a:moveTo>
                    <a:pt x="13716" y="2388108"/>
                  </a:moveTo>
                  <a:lnTo>
                    <a:pt x="0" y="2388108"/>
                  </a:lnTo>
                  <a:lnTo>
                    <a:pt x="0" y="2374392"/>
                  </a:lnTo>
                  <a:lnTo>
                    <a:pt x="13716" y="2374392"/>
                  </a:lnTo>
                  <a:lnTo>
                    <a:pt x="13716" y="2388108"/>
                  </a:lnTo>
                  <a:close/>
                </a:path>
                <a:path w="4805680" h="3823970">
                  <a:moveTo>
                    <a:pt x="13716" y="2360676"/>
                  </a:moveTo>
                  <a:lnTo>
                    <a:pt x="0" y="2360676"/>
                  </a:lnTo>
                  <a:lnTo>
                    <a:pt x="0" y="2346960"/>
                  </a:lnTo>
                  <a:lnTo>
                    <a:pt x="13716" y="2346960"/>
                  </a:lnTo>
                  <a:lnTo>
                    <a:pt x="13716" y="2360676"/>
                  </a:lnTo>
                  <a:close/>
                </a:path>
                <a:path w="4805680" h="3823970">
                  <a:moveTo>
                    <a:pt x="13716" y="2333244"/>
                  </a:moveTo>
                  <a:lnTo>
                    <a:pt x="0" y="2333244"/>
                  </a:lnTo>
                  <a:lnTo>
                    <a:pt x="0" y="2318003"/>
                  </a:lnTo>
                  <a:lnTo>
                    <a:pt x="13716" y="2318003"/>
                  </a:lnTo>
                  <a:lnTo>
                    <a:pt x="13716" y="2333244"/>
                  </a:lnTo>
                  <a:close/>
                </a:path>
                <a:path w="4805680" h="3823970">
                  <a:moveTo>
                    <a:pt x="13716" y="2304287"/>
                  </a:moveTo>
                  <a:lnTo>
                    <a:pt x="0" y="2304287"/>
                  </a:lnTo>
                  <a:lnTo>
                    <a:pt x="0" y="2290572"/>
                  </a:lnTo>
                  <a:lnTo>
                    <a:pt x="13716" y="2290572"/>
                  </a:lnTo>
                  <a:lnTo>
                    <a:pt x="13716" y="2304287"/>
                  </a:lnTo>
                  <a:close/>
                </a:path>
                <a:path w="4805680" h="3823970">
                  <a:moveTo>
                    <a:pt x="13716" y="2276856"/>
                  </a:moveTo>
                  <a:lnTo>
                    <a:pt x="0" y="2276856"/>
                  </a:lnTo>
                  <a:lnTo>
                    <a:pt x="0" y="2263140"/>
                  </a:lnTo>
                  <a:lnTo>
                    <a:pt x="13716" y="2263140"/>
                  </a:lnTo>
                  <a:lnTo>
                    <a:pt x="13716" y="2276856"/>
                  </a:lnTo>
                  <a:close/>
                </a:path>
                <a:path w="4805680" h="3823970">
                  <a:moveTo>
                    <a:pt x="13716" y="2247900"/>
                  </a:moveTo>
                  <a:lnTo>
                    <a:pt x="0" y="2247900"/>
                  </a:lnTo>
                  <a:lnTo>
                    <a:pt x="0" y="2234184"/>
                  </a:lnTo>
                  <a:lnTo>
                    <a:pt x="13716" y="2234184"/>
                  </a:lnTo>
                  <a:lnTo>
                    <a:pt x="13716" y="2247900"/>
                  </a:lnTo>
                  <a:close/>
                </a:path>
                <a:path w="4805680" h="3823970">
                  <a:moveTo>
                    <a:pt x="13716" y="2220468"/>
                  </a:moveTo>
                  <a:lnTo>
                    <a:pt x="0" y="2220468"/>
                  </a:lnTo>
                  <a:lnTo>
                    <a:pt x="0" y="2206752"/>
                  </a:lnTo>
                  <a:lnTo>
                    <a:pt x="13716" y="2206752"/>
                  </a:lnTo>
                  <a:lnTo>
                    <a:pt x="13716" y="2220468"/>
                  </a:lnTo>
                  <a:close/>
                </a:path>
                <a:path w="4805680" h="3823970">
                  <a:moveTo>
                    <a:pt x="13716" y="2193036"/>
                  </a:moveTo>
                  <a:lnTo>
                    <a:pt x="0" y="2193036"/>
                  </a:lnTo>
                  <a:lnTo>
                    <a:pt x="0" y="2179320"/>
                  </a:lnTo>
                  <a:lnTo>
                    <a:pt x="13716" y="2179320"/>
                  </a:lnTo>
                  <a:lnTo>
                    <a:pt x="13716" y="2193036"/>
                  </a:lnTo>
                  <a:close/>
                </a:path>
                <a:path w="4805680" h="3823970">
                  <a:moveTo>
                    <a:pt x="13716" y="2164080"/>
                  </a:moveTo>
                  <a:lnTo>
                    <a:pt x="0" y="2164080"/>
                  </a:lnTo>
                  <a:lnTo>
                    <a:pt x="0" y="2150364"/>
                  </a:lnTo>
                  <a:lnTo>
                    <a:pt x="13716" y="2150364"/>
                  </a:lnTo>
                  <a:lnTo>
                    <a:pt x="13716" y="2164080"/>
                  </a:lnTo>
                  <a:close/>
                </a:path>
                <a:path w="4805680" h="3823970">
                  <a:moveTo>
                    <a:pt x="13716" y="2136648"/>
                  </a:moveTo>
                  <a:lnTo>
                    <a:pt x="0" y="2136648"/>
                  </a:lnTo>
                  <a:lnTo>
                    <a:pt x="0" y="2122932"/>
                  </a:lnTo>
                  <a:lnTo>
                    <a:pt x="13716" y="2122932"/>
                  </a:lnTo>
                  <a:lnTo>
                    <a:pt x="13716" y="2136648"/>
                  </a:lnTo>
                  <a:close/>
                </a:path>
                <a:path w="4805680" h="3823970">
                  <a:moveTo>
                    <a:pt x="13716" y="2109216"/>
                  </a:moveTo>
                  <a:lnTo>
                    <a:pt x="0" y="2109216"/>
                  </a:lnTo>
                  <a:lnTo>
                    <a:pt x="0" y="2093976"/>
                  </a:lnTo>
                  <a:lnTo>
                    <a:pt x="13716" y="2093976"/>
                  </a:lnTo>
                  <a:lnTo>
                    <a:pt x="13716" y="2109216"/>
                  </a:lnTo>
                  <a:close/>
                </a:path>
                <a:path w="4805680" h="3823970">
                  <a:moveTo>
                    <a:pt x="13716" y="2080260"/>
                  </a:moveTo>
                  <a:lnTo>
                    <a:pt x="0" y="2080260"/>
                  </a:lnTo>
                  <a:lnTo>
                    <a:pt x="0" y="2066544"/>
                  </a:lnTo>
                  <a:lnTo>
                    <a:pt x="13716" y="2066544"/>
                  </a:lnTo>
                  <a:lnTo>
                    <a:pt x="13716" y="2080260"/>
                  </a:lnTo>
                  <a:close/>
                </a:path>
                <a:path w="4805680" h="3823970">
                  <a:moveTo>
                    <a:pt x="13716" y="2052828"/>
                  </a:moveTo>
                  <a:lnTo>
                    <a:pt x="0" y="2052828"/>
                  </a:lnTo>
                  <a:lnTo>
                    <a:pt x="0" y="2039112"/>
                  </a:lnTo>
                  <a:lnTo>
                    <a:pt x="13716" y="2039112"/>
                  </a:lnTo>
                  <a:lnTo>
                    <a:pt x="13716" y="2052828"/>
                  </a:lnTo>
                  <a:close/>
                </a:path>
                <a:path w="4805680" h="3823970">
                  <a:moveTo>
                    <a:pt x="13716" y="2023872"/>
                  </a:moveTo>
                  <a:lnTo>
                    <a:pt x="0" y="2023872"/>
                  </a:lnTo>
                  <a:lnTo>
                    <a:pt x="0" y="2010156"/>
                  </a:lnTo>
                  <a:lnTo>
                    <a:pt x="13716" y="2010156"/>
                  </a:lnTo>
                  <a:lnTo>
                    <a:pt x="13716" y="2023872"/>
                  </a:lnTo>
                  <a:close/>
                </a:path>
                <a:path w="4805680" h="3823970">
                  <a:moveTo>
                    <a:pt x="13716" y="1996440"/>
                  </a:moveTo>
                  <a:lnTo>
                    <a:pt x="0" y="1996440"/>
                  </a:lnTo>
                  <a:lnTo>
                    <a:pt x="0" y="1982724"/>
                  </a:lnTo>
                  <a:lnTo>
                    <a:pt x="13716" y="1982724"/>
                  </a:lnTo>
                  <a:lnTo>
                    <a:pt x="13716" y="1996440"/>
                  </a:lnTo>
                  <a:close/>
                </a:path>
                <a:path w="4805680" h="3823970">
                  <a:moveTo>
                    <a:pt x="13716" y="1969008"/>
                  </a:moveTo>
                  <a:lnTo>
                    <a:pt x="0" y="1969008"/>
                  </a:lnTo>
                  <a:lnTo>
                    <a:pt x="0" y="1955292"/>
                  </a:lnTo>
                  <a:lnTo>
                    <a:pt x="13716" y="1955292"/>
                  </a:lnTo>
                  <a:lnTo>
                    <a:pt x="13716" y="1969008"/>
                  </a:lnTo>
                  <a:close/>
                </a:path>
                <a:path w="4805680" h="3823970">
                  <a:moveTo>
                    <a:pt x="13716" y="1940052"/>
                  </a:moveTo>
                  <a:lnTo>
                    <a:pt x="0" y="1940052"/>
                  </a:lnTo>
                  <a:lnTo>
                    <a:pt x="0" y="1926336"/>
                  </a:lnTo>
                  <a:lnTo>
                    <a:pt x="13716" y="1926336"/>
                  </a:lnTo>
                  <a:lnTo>
                    <a:pt x="13716" y="1940052"/>
                  </a:lnTo>
                  <a:close/>
                </a:path>
                <a:path w="4805680" h="3823970">
                  <a:moveTo>
                    <a:pt x="13716" y="1912620"/>
                  </a:moveTo>
                  <a:lnTo>
                    <a:pt x="0" y="1912620"/>
                  </a:lnTo>
                  <a:lnTo>
                    <a:pt x="0" y="1898904"/>
                  </a:lnTo>
                  <a:lnTo>
                    <a:pt x="13716" y="1898904"/>
                  </a:lnTo>
                  <a:lnTo>
                    <a:pt x="13716" y="1912620"/>
                  </a:lnTo>
                  <a:close/>
                </a:path>
                <a:path w="4805680" h="3823970">
                  <a:moveTo>
                    <a:pt x="13716" y="1885188"/>
                  </a:moveTo>
                  <a:lnTo>
                    <a:pt x="0" y="1885188"/>
                  </a:lnTo>
                  <a:lnTo>
                    <a:pt x="0" y="1869948"/>
                  </a:lnTo>
                  <a:lnTo>
                    <a:pt x="13716" y="1869948"/>
                  </a:lnTo>
                  <a:lnTo>
                    <a:pt x="13716" y="1885188"/>
                  </a:lnTo>
                  <a:close/>
                </a:path>
                <a:path w="4805680" h="3823970">
                  <a:moveTo>
                    <a:pt x="13716" y="1856232"/>
                  </a:moveTo>
                  <a:lnTo>
                    <a:pt x="0" y="1856232"/>
                  </a:lnTo>
                  <a:lnTo>
                    <a:pt x="0" y="1842516"/>
                  </a:lnTo>
                  <a:lnTo>
                    <a:pt x="13716" y="1842516"/>
                  </a:lnTo>
                  <a:lnTo>
                    <a:pt x="13716" y="1856232"/>
                  </a:lnTo>
                  <a:close/>
                </a:path>
                <a:path w="4805680" h="3823970">
                  <a:moveTo>
                    <a:pt x="13716" y="1828800"/>
                  </a:moveTo>
                  <a:lnTo>
                    <a:pt x="0" y="1828800"/>
                  </a:lnTo>
                  <a:lnTo>
                    <a:pt x="0" y="1815084"/>
                  </a:lnTo>
                  <a:lnTo>
                    <a:pt x="13716" y="1815084"/>
                  </a:lnTo>
                  <a:lnTo>
                    <a:pt x="13716" y="1828800"/>
                  </a:lnTo>
                  <a:close/>
                </a:path>
                <a:path w="4805680" h="3823970">
                  <a:moveTo>
                    <a:pt x="13716" y="1799844"/>
                  </a:moveTo>
                  <a:lnTo>
                    <a:pt x="0" y="1799844"/>
                  </a:lnTo>
                  <a:lnTo>
                    <a:pt x="0" y="1786128"/>
                  </a:lnTo>
                  <a:lnTo>
                    <a:pt x="13716" y="1786128"/>
                  </a:lnTo>
                  <a:lnTo>
                    <a:pt x="13716" y="1799844"/>
                  </a:lnTo>
                  <a:close/>
                </a:path>
                <a:path w="4805680" h="3823970">
                  <a:moveTo>
                    <a:pt x="13716" y="1772412"/>
                  </a:moveTo>
                  <a:lnTo>
                    <a:pt x="0" y="1772412"/>
                  </a:lnTo>
                  <a:lnTo>
                    <a:pt x="0" y="1758696"/>
                  </a:lnTo>
                  <a:lnTo>
                    <a:pt x="13716" y="1758696"/>
                  </a:lnTo>
                  <a:lnTo>
                    <a:pt x="13716" y="1772412"/>
                  </a:lnTo>
                  <a:close/>
                </a:path>
                <a:path w="4805680" h="3823970">
                  <a:moveTo>
                    <a:pt x="13716" y="1744980"/>
                  </a:moveTo>
                  <a:lnTo>
                    <a:pt x="0" y="1744980"/>
                  </a:lnTo>
                  <a:lnTo>
                    <a:pt x="0" y="1731264"/>
                  </a:lnTo>
                  <a:lnTo>
                    <a:pt x="13716" y="1731264"/>
                  </a:lnTo>
                  <a:lnTo>
                    <a:pt x="13716" y="1744980"/>
                  </a:lnTo>
                  <a:close/>
                </a:path>
                <a:path w="4805680" h="3823970">
                  <a:moveTo>
                    <a:pt x="13716" y="1716024"/>
                  </a:moveTo>
                  <a:lnTo>
                    <a:pt x="0" y="1716024"/>
                  </a:lnTo>
                  <a:lnTo>
                    <a:pt x="0" y="1702308"/>
                  </a:lnTo>
                  <a:lnTo>
                    <a:pt x="13716" y="1702308"/>
                  </a:lnTo>
                  <a:lnTo>
                    <a:pt x="13716" y="1716024"/>
                  </a:lnTo>
                  <a:close/>
                </a:path>
                <a:path w="4805680" h="3823970">
                  <a:moveTo>
                    <a:pt x="13716" y="1688592"/>
                  </a:moveTo>
                  <a:lnTo>
                    <a:pt x="0" y="1688592"/>
                  </a:lnTo>
                  <a:lnTo>
                    <a:pt x="0" y="1674876"/>
                  </a:lnTo>
                  <a:lnTo>
                    <a:pt x="13716" y="1674876"/>
                  </a:lnTo>
                  <a:lnTo>
                    <a:pt x="13716" y="1688592"/>
                  </a:lnTo>
                  <a:close/>
                </a:path>
                <a:path w="4805680" h="3823970">
                  <a:moveTo>
                    <a:pt x="13716" y="1661160"/>
                  </a:moveTo>
                  <a:lnTo>
                    <a:pt x="0" y="1661160"/>
                  </a:lnTo>
                  <a:lnTo>
                    <a:pt x="0" y="1645920"/>
                  </a:lnTo>
                  <a:lnTo>
                    <a:pt x="13716" y="1645920"/>
                  </a:lnTo>
                  <a:lnTo>
                    <a:pt x="13716" y="1661160"/>
                  </a:lnTo>
                  <a:close/>
                </a:path>
                <a:path w="4805680" h="3823970">
                  <a:moveTo>
                    <a:pt x="13716" y="1632204"/>
                  </a:moveTo>
                  <a:lnTo>
                    <a:pt x="0" y="1632204"/>
                  </a:lnTo>
                  <a:lnTo>
                    <a:pt x="0" y="1618488"/>
                  </a:lnTo>
                  <a:lnTo>
                    <a:pt x="13716" y="1618488"/>
                  </a:lnTo>
                  <a:lnTo>
                    <a:pt x="13716" y="1632204"/>
                  </a:lnTo>
                  <a:close/>
                </a:path>
                <a:path w="4805680" h="3823970">
                  <a:moveTo>
                    <a:pt x="13716" y="1604772"/>
                  </a:moveTo>
                  <a:lnTo>
                    <a:pt x="0" y="1604772"/>
                  </a:lnTo>
                  <a:lnTo>
                    <a:pt x="0" y="1591056"/>
                  </a:lnTo>
                  <a:lnTo>
                    <a:pt x="13716" y="1591056"/>
                  </a:lnTo>
                  <a:lnTo>
                    <a:pt x="13716" y="1604772"/>
                  </a:lnTo>
                  <a:close/>
                </a:path>
                <a:path w="4805680" h="3823970">
                  <a:moveTo>
                    <a:pt x="13716" y="1575816"/>
                  </a:moveTo>
                  <a:lnTo>
                    <a:pt x="0" y="1575816"/>
                  </a:lnTo>
                  <a:lnTo>
                    <a:pt x="0" y="1562100"/>
                  </a:lnTo>
                  <a:lnTo>
                    <a:pt x="13716" y="1562100"/>
                  </a:lnTo>
                  <a:lnTo>
                    <a:pt x="13716" y="1575816"/>
                  </a:lnTo>
                  <a:close/>
                </a:path>
                <a:path w="4805680" h="3823970">
                  <a:moveTo>
                    <a:pt x="13716" y="1548384"/>
                  </a:moveTo>
                  <a:lnTo>
                    <a:pt x="0" y="1548384"/>
                  </a:lnTo>
                  <a:lnTo>
                    <a:pt x="0" y="1534667"/>
                  </a:lnTo>
                  <a:lnTo>
                    <a:pt x="13716" y="1534667"/>
                  </a:lnTo>
                  <a:lnTo>
                    <a:pt x="13716" y="1548384"/>
                  </a:lnTo>
                  <a:close/>
                </a:path>
                <a:path w="4805680" h="3823970">
                  <a:moveTo>
                    <a:pt x="13716" y="1520952"/>
                  </a:moveTo>
                  <a:lnTo>
                    <a:pt x="0" y="1520952"/>
                  </a:lnTo>
                  <a:lnTo>
                    <a:pt x="0" y="1507236"/>
                  </a:lnTo>
                  <a:lnTo>
                    <a:pt x="13716" y="1507236"/>
                  </a:lnTo>
                  <a:lnTo>
                    <a:pt x="13716" y="1520952"/>
                  </a:lnTo>
                  <a:close/>
                </a:path>
                <a:path w="4805680" h="3823970">
                  <a:moveTo>
                    <a:pt x="13716" y="1491996"/>
                  </a:moveTo>
                  <a:lnTo>
                    <a:pt x="0" y="1491996"/>
                  </a:lnTo>
                  <a:lnTo>
                    <a:pt x="0" y="1478280"/>
                  </a:lnTo>
                  <a:lnTo>
                    <a:pt x="13716" y="1478280"/>
                  </a:lnTo>
                  <a:lnTo>
                    <a:pt x="13716" y="1491996"/>
                  </a:lnTo>
                  <a:close/>
                </a:path>
                <a:path w="4805680" h="3823970">
                  <a:moveTo>
                    <a:pt x="13716" y="1464564"/>
                  </a:moveTo>
                  <a:lnTo>
                    <a:pt x="0" y="1464564"/>
                  </a:lnTo>
                  <a:lnTo>
                    <a:pt x="0" y="1450848"/>
                  </a:lnTo>
                  <a:lnTo>
                    <a:pt x="13716" y="1450848"/>
                  </a:lnTo>
                  <a:lnTo>
                    <a:pt x="13716" y="1464564"/>
                  </a:lnTo>
                  <a:close/>
                </a:path>
                <a:path w="4805680" h="3823970">
                  <a:moveTo>
                    <a:pt x="13716" y="1437132"/>
                  </a:moveTo>
                  <a:lnTo>
                    <a:pt x="0" y="1437132"/>
                  </a:lnTo>
                  <a:lnTo>
                    <a:pt x="0" y="1421892"/>
                  </a:lnTo>
                  <a:lnTo>
                    <a:pt x="13716" y="1421892"/>
                  </a:lnTo>
                  <a:lnTo>
                    <a:pt x="13716" y="1437132"/>
                  </a:lnTo>
                  <a:close/>
                </a:path>
                <a:path w="4805680" h="3823970">
                  <a:moveTo>
                    <a:pt x="13716" y="1408176"/>
                  </a:moveTo>
                  <a:lnTo>
                    <a:pt x="0" y="1408176"/>
                  </a:lnTo>
                  <a:lnTo>
                    <a:pt x="0" y="1394460"/>
                  </a:lnTo>
                  <a:lnTo>
                    <a:pt x="13716" y="1394460"/>
                  </a:lnTo>
                  <a:lnTo>
                    <a:pt x="13716" y="1408176"/>
                  </a:lnTo>
                  <a:close/>
                </a:path>
                <a:path w="4805680" h="3823970">
                  <a:moveTo>
                    <a:pt x="13716" y="1380744"/>
                  </a:moveTo>
                  <a:lnTo>
                    <a:pt x="0" y="1380744"/>
                  </a:lnTo>
                  <a:lnTo>
                    <a:pt x="0" y="1367028"/>
                  </a:lnTo>
                  <a:lnTo>
                    <a:pt x="13716" y="1367028"/>
                  </a:lnTo>
                  <a:lnTo>
                    <a:pt x="13716" y="1380744"/>
                  </a:lnTo>
                  <a:close/>
                </a:path>
                <a:path w="4805680" h="3823970">
                  <a:moveTo>
                    <a:pt x="13716" y="1351788"/>
                  </a:moveTo>
                  <a:lnTo>
                    <a:pt x="0" y="1351788"/>
                  </a:lnTo>
                  <a:lnTo>
                    <a:pt x="0" y="1338072"/>
                  </a:lnTo>
                  <a:lnTo>
                    <a:pt x="13716" y="1338072"/>
                  </a:lnTo>
                  <a:lnTo>
                    <a:pt x="13716" y="1351788"/>
                  </a:lnTo>
                  <a:close/>
                </a:path>
                <a:path w="4805680" h="3823970">
                  <a:moveTo>
                    <a:pt x="13716" y="1324356"/>
                  </a:moveTo>
                  <a:lnTo>
                    <a:pt x="0" y="1324356"/>
                  </a:lnTo>
                  <a:lnTo>
                    <a:pt x="0" y="1310640"/>
                  </a:lnTo>
                  <a:lnTo>
                    <a:pt x="13716" y="1310640"/>
                  </a:lnTo>
                  <a:lnTo>
                    <a:pt x="13716" y="1324356"/>
                  </a:lnTo>
                  <a:close/>
                </a:path>
                <a:path w="4805680" h="3823970">
                  <a:moveTo>
                    <a:pt x="13716" y="1296924"/>
                  </a:moveTo>
                  <a:lnTo>
                    <a:pt x="0" y="1296924"/>
                  </a:lnTo>
                  <a:lnTo>
                    <a:pt x="0" y="1283208"/>
                  </a:lnTo>
                  <a:lnTo>
                    <a:pt x="13716" y="1283208"/>
                  </a:lnTo>
                  <a:lnTo>
                    <a:pt x="13716" y="1296924"/>
                  </a:lnTo>
                  <a:close/>
                </a:path>
                <a:path w="4805680" h="3823970">
                  <a:moveTo>
                    <a:pt x="13716" y="1267967"/>
                  </a:moveTo>
                  <a:lnTo>
                    <a:pt x="0" y="1267967"/>
                  </a:lnTo>
                  <a:lnTo>
                    <a:pt x="0" y="1254252"/>
                  </a:lnTo>
                  <a:lnTo>
                    <a:pt x="13716" y="1254252"/>
                  </a:lnTo>
                  <a:lnTo>
                    <a:pt x="13716" y="1267967"/>
                  </a:lnTo>
                  <a:close/>
                </a:path>
                <a:path w="4805680" h="3823970">
                  <a:moveTo>
                    <a:pt x="13716" y="1240536"/>
                  </a:moveTo>
                  <a:lnTo>
                    <a:pt x="0" y="1240536"/>
                  </a:lnTo>
                  <a:lnTo>
                    <a:pt x="0" y="1226820"/>
                  </a:lnTo>
                  <a:lnTo>
                    <a:pt x="13716" y="1226820"/>
                  </a:lnTo>
                  <a:lnTo>
                    <a:pt x="13716" y="1240536"/>
                  </a:lnTo>
                  <a:close/>
                </a:path>
                <a:path w="4805680" h="3823970">
                  <a:moveTo>
                    <a:pt x="13716" y="1213104"/>
                  </a:moveTo>
                  <a:lnTo>
                    <a:pt x="0" y="1213104"/>
                  </a:lnTo>
                  <a:lnTo>
                    <a:pt x="0" y="1197864"/>
                  </a:lnTo>
                  <a:lnTo>
                    <a:pt x="13716" y="1197864"/>
                  </a:lnTo>
                  <a:lnTo>
                    <a:pt x="13716" y="1213104"/>
                  </a:lnTo>
                  <a:close/>
                </a:path>
                <a:path w="4805680" h="3823970">
                  <a:moveTo>
                    <a:pt x="13716" y="1184148"/>
                  </a:moveTo>
                  <a:lnTo>
                    <a:pt x="0" y="1184148"/>
                  </a:lnTo>
                  <a:lnTo>
                    <a:pt x="0" y="1170432"/>
                  </a:lnTo>
                  <a:lnTo>
                    <a:pt x="13716" y="1170432"/>
                  </a:lnTo>
                  <a:lnTo>
                    <a:pt x="13716" y="1184148"/>
                  </a:lnTo>
                  <a:close/>
                </a:path>
                <a:path w="4805680" h="3823970">
                  <a:moveTo>
                    <a:pt x="13716" y="1156716"/>
                  </a:moveTo>
                  <a:lnTo>
                    <a:pt x="0" y="1156716"/>
                  </a:lnTo>
                  <a:lnTo>
                    <a:pt x="0" y="1143000"/>
                  </a:lnTo>
                  <a:lnTo>
                    <a:pt x="13716" y="1143000"/>
                  </a:lnTo>
                  <a:lnTo>
                    <a:pt x="13716" y="1156716"/>
                  </a:lnTo>
                  <a:close/>
                </a:path>
                <a:path w="4805680" h="3823970">
                  <a:moveTo>
                    <a:pt x="13716" y="1127760"/>
                  </a:moveTo>
                  <a:lnTo>
                    <a:pt x="0" y="1127760"/>
                  </a:lnTo>
                  <a:lnTo>
                    <a:pt x="0" y="1114044"/>
                  </a:lnTo>
                  <a:lnTo>
                    <a:pt x="13716" y="1114044"/>
                  </a:lnTo>
                  <a:lnTo>
                    <a:pt x="13716" y="1127760"/>
                  </a:lnTo>
                  <a:close/>
                </a:path>
                <a:path w="4805680" h="3823970">
                  <a:moveTo>
                    <a:pt x="13716" y="1100328"/>
                  </a:moveTo>
                  <a:lnTo>
                    <a:pt x="0" y="1100328"/>
                  </a:lnTo>
                  <a:lnTo>
                    <a:pt x="0" y="1086612"/>
                  </a:lnTo>
                  <a:lnTo>
                    <a:pt x="13716" y="1086612"/>
                  </a:lnTo>
                  <a:lnTo>
                    <a:pt x="13716" y="1100328"/>
                  </a:lnTo>
                  <a:close/>
                </a:path>
                <a:path w="4805680" h="3823970">
                  <a:moveTo>
                    <a:pt x="13716" y="1072896"/>
                  </a:moveTo>
                  <a:lnTo>
                    <a:pt x="0" y="1072896"/>
                  </a:lnTo>
                  <a:lnTo>
                    <a:pt x="0" y="1059180"/>
                  </a:lnTo>
                  <a:lnTo>
                    <a:pt x="13716" y="1059180"/>
                  </a:lnTo>
                  <a:lnTo>
                    <a:pt x="13716" y="1072896"/>
                  </a:lnTo>
                  <a:close/>
                </a:path>
                <a:path w="4805680" h="3823970">
                  <a:moveTo>
                    <a:pt x="13716" y="1043940"/>
                  </a:moveTo>
                  <a:lnTo>
                    <a:pt x="0" y="1043940"/>
                  </a:lnTo>
                  <a:lnTo>
                    <a:pt x="0" y="1030224"/>
                  </a:lnTo>
                  <a:lnTo>
                    <a:pt x="13716" y="1030224"/>
                  </a:lnTo>
                  <a:lnTo>
                    <a:pt x="13716" y="1043940"/>
                  </a:lnTo>
                  <a:close/>
                </a:path>
                <a:path w="4805680" h="3823970">
                  <a:moveTo>
                    <a:pt x="13716" y="1016508"/>
                  </a:moveTo>
                  <a:lnTo>
                    <a:pt x="0" y="1016508"/>
                  </a:lnTo>
                  <a:lnTo>
                    <a:pt x="0" y="1002792"/>
                  </a:lnTo>
                  <a:lnTo>
                    <a:pt x="13716" y="1002792"/>
                  </a:lnTo>
                  <a:lnTo>
                    <a:pt x="13716" y="1016508"/>
                  </a:lnTo>
                  <a:close/>
                </a:path>
                <a:path w="4805680" h="3823970">
                  <a:moveTo>
                    <a:pt x="13716" y="989076"/>
                  </a:moveTo>
                  <a:lnTo>
                    <a:pt x="0" y="989076"/>
                  </a:lnTo>
                  <a:lnTo>
                    <a:pt x="0" y="973836"/>
                  </a:lnTo>
                  <a:lnTo>
                    <a:pt x="13716" y="973836"/>
                  </a:lnTo>
                  <a:lnTo>
                    <a:pt x="13716" y="989076"/>
                  </a:lnTo>
                  <a:close/>
                </a:path>
                <a:path w="4805680" h="3823970">
                  <a:moveTo>
                    <a:pt x="13716" y="960120"/>
                  </a:moveTo>
                  <a:lnTo>
                    <a:pt x="0" y="960120"/>
                  </a:lnTo>
                  <a:lnTo>
                    <a:pt x="0" y="946404"/>
                  </a:lnTo>
                  <a:lnTo>
                    <a:pt x="13716" y="946404"/>
                  </a:lnTo>
                  <a:lnTo>
                    <a:pt x="13716" y="960120"/>
                  </a:lnTo>
                  <a:close/>
                </a:path>
                <a:path w="4805680" h="3823970">
                  <a:moveTo>
                    <a:pt x="13716" y="932688"/>
                  </a:moveTo>
                  <a:lnTo>
                    <a:pt x="0" y="932688"/>
                  </a:lnTo>
                  <a:lnTo>
                    <a:pt x="0" y="918972"/>
                  </a:lnTo>
                  <a:lnTo>
                    <a:pt x="13716" y="918972"/>
                  </a:lnTo>
                  <a:lnTo>
                    <a:pt x="13716" y="932688"/>
                  </a:lnTo>
                  <a:close/>
                </a:path>
                <a:path w="4805680" h="3823970">
                  <a:moveTo>
                    <a:pt x="13716" y="903732"/>
                  </a:moveTo>
                  <a:lnTo>
                    <a:pt x="0" y="903732"/>
                  </a:lnTo>
                  <a:lnTo>
                    <a:pt x="0" y="890016"/>
                  </a:lnTo>
                  <a:lnTo>
                    <a:pt x="13716" y="890016"/>
                  </a:lnTo>
                  <a:lnTo>
                    <a:pt x="13716" y="903732"/>
                  </a:lnTo>
                  <a:close/>
                </a:path>
                <a:path w="4805680" h="3823970">
                  <a:moveTo>
                    <a:pt x="13716" y="876300"/>
                  </a:moveTo>
                  <a:lnTo>
                    <a:pt x="0" y="876300"/>
                  </a:lnTo>
                  <a:lnTo>
                    <a:pt x="0" y="862584"/>
                  </a:lnTo>
                  <a:lnTo>
                    <a:pt x="13716" y="862584"/>
                  </a:lnTo>
                  <a:lnTo>
                    <a:pt x="13716" y="876300"/>
                  </a:lnTo>
                  <a:close/>
                </a:path>
                <a:path w="4805680" h="3823970">
                  <a:moveTo>
                    <a:pt x="13716" y="848867"/>
                  </a:moveTo>
                  <a:lnTo>
                    <a:pt x="0" y="848867"/>
                  </a:lnTo>
                  <a:lnTo>
                    <a:pt x="0" y="835152"/>
                  </a:lnTo>
                  <a:lnTo>
                    <a:pt x="13716" y="835152"/>
                  </a:lnTo>
                  <a:lnTo>
                    <a:pt x="13716" y="848867"/>
                  </a:lnTo>
                  <a:close/>
                </a:path>
                <a:path w="4805680" h="3823970">
                  <a:moveTo>
                    <a:pt x="13716" y="819912"/>
                  </a:moveTo>
                  <a:lnTo>
                    <a:pt x="0" y="819912"/>
                  </a:lnTo>
                  <a:lnTo>
                    <a:pt x="0" y="806196"/>
                  </a:lnTo>
                  <a:lnTo>
                    <a:pt x="13716" y="806196"/>
                  </a:lnTo>
                  <a:lnTo>
                    <a:pt x="13716" y="819912"/>
                  </a:lnTo>
                  <a:close/>
                </a:path>
                <a:path w="4805680" h="3823970">
                  <a:moveTo>
                    <a:pt x="13716" y="792480"/>
                  </a:moveTo>
                  <a:lnTo>
                    <a:pt x="0" y="792480"/>
                  </a:lnTo>
                  <a:lnTo>
                    <a:pt x="0" y="778764"/>
                  </a:lnTo>
                  <a:lnTo>
                    <a:pt x="13716" y="778764"/>
                  </a:lnTo>
                  <a:lnTo>
                    <a:pt x="13716" y="792480"/>
                  </a:lnTo>
                  <a:close/>
                </a:path>
                <a:path w="4805680" h="3823970">
                  <a:moveTo>
                    <a:pt x="13716" y="765048"/>
                  </a:moveTo>
                  <a:lnTo>
                    <a:pt x="0" y="765048"/>
                  </a:lnTo>
                  <a:lnTo>
                    <a:pt x="0" y="749808"/>
                  </a:lnTo>
                  <a:lnTo>
                    <a:pt x="13716" y="749808"/>
                  </a:lnTo>
                  <a:lnTo>
                    <a:pt x="13716" y="765048"/>
                  </a:lnTo>
                  <a:close/>
                </a:path>
                <a:path w="4805680" h="3823970">
                  <a:moveTo>
                    <a:pt x="13716" y="736092"/>
                  </a:moveTo>
                  <a:lnTo>
                    <a:pt x="0" y="736092"/>
                  </a:lnTo>
                  <a:lnTo>
                    <a:pt x="0" y="722375"/>
                  </a:lnTo>
                  <a:lnTo>
                    <a:pt x="13716" y="722375"/>
                  </a:lnTo>
                  <a:lnTo>
                    <a:pt x="13716" y="736092"/>
                  </a:lnTo>
                  <a:close/>
                </a:path>
                <a:path w="4805680" h="3823970">
                  <a:moveTo>
                    <a:pt x="13716" y="708660"/>
                  </a:moveTo>
                  <a:lnTo>
                    <a:pt x="0" y="708660"/>
                  </a:lnTo>
                  <a:lnTo>
                    <a:pt x="0" y="694944"/>
                  </a:lnTo>
                  <a:lnTo>
                    <a:pt x="13716" y="694944"/>
                  </a:lnTo>
                  <a:lnTo>
                    <a:pt x="13716" y="708660"/>
                  </a:lnTo>
                  <a:close/>
                </a:path>
                <a:path w="4805680" h="3823970">
                  <a:moveTo>
                    <a:pt x="13716" y="679704"/>
                  </a:moveTo>
                  <a:lnTo>
                    <a:pt x="0" y="679704"/>
                  </a:lnTo>
                  <a:lnTo>
                    <a:pt x="0" y="665988"/>
                  </a:lnTo>
                  <a:lnTo>
                    <a:pt x="13716" y="665988"/>
                  </a:lnTo>
                  <a:lnTo>
                    <a:pt x="13716" y="679704"/>
                  </a:lnTo>
                  <a:close/>
                </a:path>
                <a:path w="4805680" h="3823970">
                  <a:moveTo>
                    <a:pt x="13716" y="652272"/>
                  </a:moveTo>
                  <a:lnTo>
                    <a:pt x="0" y="652272"/>
                  </a:lnTo>
                  <a:lnTo>
                    <a:pt x="0" y="638556"/>
                  </a:lnTo>
                  <a:lnTo>
                    <a:pt x="13716" y="638556"/>
                  </a:lnTo>
                  <a:lnTo>
                    <a:pt x="13716" y="652272"/>
                  </a:lnTo>
                  <a:close/>
                </a:path>
                <a:path w="4805680" h="3823970">
                  <a:moveTo>
                    <a:pt x="13716" y="624840"/>
                  </a:moveTo>
                  <a:lnTo>
                    <a:pt x="0" y="624840"/>
                  </a:lnTo>
                  <a:lnTo>
                    <a:pt x="0" y="611124"/>
                  </a:lnTo>
                  <a:lnTo>
                    <a:pt x="13716" y="611124"/>
                  </a:lnTo>
                  <a:lnTo>
                    <a:pt x="13716" y="624840"/>
                  </a:lnTo>
                  <a:close/>
                </a:path>
                <a:path w="4805680" h="3823970">
                  <a:moveTo>
                    <a:pt x="13716" y="595883"/>
                  </a:moveTo>
                  <a:lnTo>
                    <a:pt x="0" y="595883"/>
                  </a:lnTo>
                  <a:lnTo>
                    <a:pt x="0" y="582167"/>
                  </a:lnTo>
                  <a:lnTo>
                    <a:pt x="13716" y="582167"/>
                  </a:lnTo>
                  <a:lnTo>
                    <a:pt x="13716" y="595883"/>
                  </a:lnTo>
                  <a:close/>
                </a:path>
                <a:path w="4805680" h="3823970">
                  <a:moveTo>
                    <a:pt x="13716" y="568452"/>
                  </a:moveTo>
                  <a:lnTo>
                    <a:pt x="0" y="568452"/>
                  </a:lnTo>
                  <a:lnTo>
                    <a:pt x="0" y="554736"/>
                  </a:lnTo>
                  <a:lnTo>
                    <a:pt x="13716" y="554736"/>
                  </a:lnTo>
                  <a:lnTo>
                    <a:pt x="13716" y="568452"/>
                  </a:lnTo>
                  <a:close/>
                </a:path>
                <a:path w="4805680" h="3823970">
                  <a:moveTo>
                    <a:pt x="13716" y="541020"/>
                  </a:moveTo>
                  <a:lnTo>
                    <a:pt x="0" y="541020"/>
                  </a:lnTo>
                  <a:lnTo>
                    <a:pt x="0" y="525780"/>
                  </a:lnTo>
                  <a:lnTo>
                    <a:pt x="13716" y="525780"/>
                  </a:lnTo>
                  <a:lnTo>
                    <a:pt x="13716" y="541020"/>
                  </a:lnTo>
                  <a:close/>
                </a:path>
                <a:path w="4805680" h="3823970">
                  <a:moveTo>
                    <a:pt x="13716" y="512064"/>
                  </a:moveTo>
                  <a:lnTo>
                    <a:pt x="0" y="512064"/>
                  </a:lnTo>
                  <a:lnTo>
                    <a:pt x="0" y="498348"/>
                  </a:lnTo>
                  <a:lnTo>
                    <a:pt x="13716" y="498348"/>
                  </a:lnTo>
                  <a:lnTo>
                    <a:pt x="13716" y="512064"/>
                  </a:lnTo>
                  <a:close/>
                </a:path>
                <a:path w="4805680" h="3823970">
                  <a:moveTo>
                    <a:pt x="13716" y="484632"/>
                  </a:moveTo>
                  <a:lnTo>
                    <a:pt x="0" y="484632"/>
                  </a:lnTo>
                  <a:lnTo>
                    <a:pt x="0" y="470916"/>
                  </a:lnTo>
                  <a:lnTo>
                    <a:pt x="13716" y="470916"/>
                  </a:lnTo>
                  <a:lnTo>
                    <a:pt x="13716" y="484632"/>
                  </a:lnTo>
                  <a:close/>
                </a:path>
                <a:path w="4805680" h="3823970">
                  <a:moveTo>
                    <a:pt x="13716" y="455675"/>
                  </a:moveTo>
                  <a:lnTo>
                    <a:pt x="0" y="455675"/>
                  </a:lnTo>
                  <a:lnTo>
                    <a:pt x="0" y="441960"/>
                  </a:lnTo>
                  <a:lnTo>
                    <a:pt x="13716" y="441960"/>
                  </a:lnTo>
                  <a:lnTo>
                    <a:pt x="13716" y="455675"/>
                  </a:lnTo>
                  <a:close/>
                </a:path>
                <a:path w="4805680" h="3823970">
                  <a:moveTo>
                    <a:pt x="13716" y="428244"/>
                  </a:moveTo>
                  <a:lnTo>
                    <a:pt x="0" y="428244"/>
                  </a:lnTo>
                  <a:lnTo>
                    <a:pt x="0" y="414528"/>
                  </a:lnTo>
                  <a:lnTo>
                    <a:pt x="13716" y="414528"/>
                  </a:lnTo>
                  <a:lnTo>
                    <a:pt x="13716" y="428244"/>
                  </a:lnTo>
                  <a:close/>
                </a:path>
                <a:path w="4805680" h="3823970">
                  <a:moveTo>
                    <a:pt x="13716" y="400812"/>
                  </a:moveTo>
                  <a:lnTo>
                    <a:pt x="0" y="400812"/>
                  </a:lnTo>
                  <a:lnTo>
                    <a:pt x="0" y="385572"/>
                  </a:lnTo>
                  <a:lnTo>
                    <a:pt x="13716" y="385572"/>
                  </a:lnTo>
                  <a:lnTo>
                    <a:pt x="13716" y="400812"/>
                  </a:lnTo>
                  <a:close/>
                </a:path>
                <a:path w="4805680" h="3823970">
                  <a:moveTo>
                    <a:pt x="13716" y="371856"/>
                  </a:moveTo>
                  <a:lnTo>
                    <a:pt x="0" y="371856"/>
                  </a:lnTo>
                  <a:lnTo>
                    <a:pt x="0" y="358140"/>
                  </a:lnTo>
                  <a:lnTo>
                    <a:pt x="13716" y="358140"/>
                  </a:lnTo>
                  <a:lnTo>
                    <a:pt x="13716" y="371856"/>
                  </a:lnTo>
                  <a:close/>
                </a:path>
                <a:path w="4805680" h="3823970">
                  <a:moveTo>
                    <a:pt x="13716" y="344424"/>
                  </a:moveTo>
                  <a:lnTo>
                    <a:pt x="0" y="344424"/>
                  </a:lnTo>
                  <a:lnTo>
                    <a:pt x="0" y="330708"/>
                  </a:lnTo>
                  <a:lnTo>
                    <a:pt x="13716" y="330708"/>
                  </a:lnTo>
                  <a:lnTo>
                    <a:pt x="13716" y="344424"/>
                  </a:lnTo>
                  <a:close/>
                </a:path>
                <a:path w="4805680" h="3823970">
                  <a:moveTo>
                    <a:pt x="13716" y="316991"/>
                  </a:moveTo>
                  <a:lnTo>
                    <a:pt x="0" y="316991"/>
                  </a:lnTo>
                  <a:lnTo>
                    <a:pt x="0" y="301752"/>
                  </a:lnTo>
                  <a:lnTo>
                    <a:pt x="13716" y="301752"/>
                  </a:lnTo>
                  <a:lnTo>
                    <a:pt x="13716" y="316991"/>
                  </a:lnTo>
                  <a:close/>
                </a:path>
                <a:path w="4805680" h="3823970">
                  <a:moveTo>
                    <a:pt x="13716" y="288036"/>
                  </a:moveTo>
                  <a:lnTo>
                    <a:pt x="0" y="288036"/>
                  </a:lnTo>
                  <a:lnTo>
                    <a:pt x="0" y="274320"/>
                  </a:lnTo>
                  <a:lnTo>
                    <a:pt x="13716" y="274320"/>
                  </a:lnTo>
                  <a:lnTo>
                    <a:pt x="13716" y="288036"/>
                  </a:lnTo>
                  <a:close/>
                </a:path>
                <a:path w="4805680" h="3823970">
                  <a:moveTo>
                    <a:pt x="13716" y="260604"/>
                  </a:moveTo>
                  <a:lnTo>
                    <a:pt x="0" y="260604"/>
                  </a:lnTo>
                  <a:lnTo>
                    <a:pt x="0" y="246888"/>
                  </a:lnTo>
                  <a:lnTo>
                    <a:pt x="13716" y="246888"/>
                  </a:lnTo>
                  <a:lnTo>
                    <a:pt x="13716" y="260604"/>
                  </a:lnTo>
                  <a:close/>
                </a:path>
                <a:path w="4805680" h="3823970">
                  <a:moveTo>
                    <a:pt x="13716" y="231648"/>
                  </a:moveTo>
                  <a:lnTo>
                    <a:pt x="0" y="231648"/>
                  </a:lnTo>
                  <a:lnTo>
                    <a:pt x="0" y="217932"/>
                  </a:lnTo>
                  <a:lnTo>
                    <a:pt x="13716" y="217932"/>
                  </a:lnTo>
                  <a:lnTo>
                    <a:pt x="13716" y="231648"/>
                  </a:lnTo>
                  <a:close/>
                </a:path>
                <a:path w="4805680" h="3823970">
                  <a:moveTo>
                    <a:pt x="13716" y="204216"/>
                  </a:moveTo>
                  <a:lnTo>
                    <a:pt x="0" y="204216"/>
                  </a:lnTo>
                  <a:lnTo>
                    <a:pt x="0" y="190500"/>
                  </a:lnTo>
                  <a:lnTo>
                    <a:pt x="13716" y="190500"/>
                  </a:lnTo>
                  <a:lnTo>
                    <a:pt x="13716" y="204216"/>
                  </a:lnTo>
                  <a:close/>
                </a:path>
                <a:path w="4805680" h="3823970">
                  <a:moveTo>
                    <a:pt x="13716" y="176783"/>
                  </a:moveTo>
                  <a:lnTo>
                    <a:pt x="0" y="176783"/>
                  </a:lnTo>
                  <a:lnTo>
                    <a:pt x="0" y="161544"/>
                  </a:lnTo>
                  <a:lnTo>
                    <a:pt x="13716" y="161544"/>
                  </a:lnTo>
                  <a:lnTo>
                    <a:pt x="13716" y="176783"/>
                  </a:lnTo>
                  <a:close/>
                </a:path>
                <a:path w="4805680" h="3823970">
                  <a:moveTo>
                    <a:pt x="13716" y="147828"/>
                  </a:moveTo>
                  <a:lnTo>
                    <a:pt x="0" y="147828"/>
                  </a:lnTo>
                  <a:lnTo>
                    <a:pt x="0" y="134112"/>
                  </a:lnTo>
                  <a:lnTo>
                    <a:pt x="13716" y="134112"/>
                  </a:lnTo>
                  <a:lnTo>
                    <a:pt x="13716" y="147828"/>
                  </a:lnTo>
                  <a:close/>
                </a:path>
                <a:path w="4805680" h="3823970">
                  <a:moveTo>
                    <a:pt x="13716" y="120396"/>
                  </a:moveTo>
                  <a:lnTo>
                    <a:pt x="0" y="120396"/>
                  </a:lnTo>
                  <a:lnTo>
                    <a:pt x="0" y="106680"/>
                  </a:lnTo>
                  <a:lnTo>
                    <a:pt x="13716" y="106680"/>
                  </a:lnTo>
                  <a:lnTo>
                    <a:pt x="13716" y="120396"/>
                  </a:lnTo>
                  <a:close/>
                </a:path>
                <a:path w="4805680" h="3823970">
                  <a:moveTo>
                    <a:pt x="13716" y="92964"/>
                  </a:moveTo>
                  <a:lnTo>
                    <a:pt x="0" y="92964"/>
                  </a:lnTo>
                  <a:lnTo>
                    <a:pt x="0" y="77724"/>
                  </a:lnTo>
                  <a:lnTo>
                    <a:pt x="13716" y="77724"/>
                  </a:lnTo>
                  <a:lnTo>
                    <a:pt x="13716" y="92964"/>
                  </a:lnTo>
                  <a:close/>
                </a:path>
                <a:path w="4805680" h="3823970">
                  <a:moveTo>
                    <a:pt x="13716" y="64008"/>
                  </a:moveTo>
                  <a:lnTo>
                    <a:pt x="0" y="64008"/>
                  </a:lnTo>
                  <a:lnTo>
                    <a:pt x="0" y="50291"/>
                  </a:lnTo>
                  <a:lnTo>
                    <a:pt x="13716" y="50291"/>
                  </a:lnTo>
                  <a:lnTo>
                    <a:pt x="13716" y="64008"/>
                  </a:lnTo>
                  <a:close/>
                </a:path>
                <a:path w="4805680" h="3823970">
                  <a:moveTo>
                    <a:pt x="13716" y="36575"/>
                  </a:moveTo>
                  <a:lnTo>
                    <a:pt x="0" y="36575"/>
                  </a:lnTo>
                  <a:lnTo>
                    <a:pt x="0" y="22860"/>
                  </a:lnTo>
                  <a:lnTo>
                    <a:pt x="13716" y="22860"/>
                  </a:lnTo>
                  <a:lnTo>
                    <a:pt x="13716" y="36575"/>
                  </a:lnTo>
                  <a:close/>
                </a:path>
                <a:path w="4805680" h="3823970">
                  <a:moveTo>
                    <a:pt x="12191" y="7620"/>
                  </a:moveTo>
                  <a:lnTo>
                    <a:pt x="0" y="7620"/>
                  </a:lnTo>
                  <a:lnTo>
                    <a:pt x="0" y="0"/>
                  </a:lnTo>
                  <a:lnTo>
                    <a:pt x="19812" y="0"/>
                  </a:lnTo>
                  <a:lnTo>
                    <a:pt x="19812" y="6096"/>
                  </a:lnTo>
                  <a:lnTo>
                    <a:pt x="13716" y="6096"/>
                  </a:lnTo>
                  <a:lnTo>
                    <a:pt x="12191" y="7620"/>
                  </a:lnTo>
                  <a:close/>
                </a:path>
                <a:path w="4805680" h="3823970">
                  <a:moveTo>
                    <a:pt x="19812" y="13716"/>
                  </a:moveTo>
                  <a:lnTo>
                    <a:pt x="6096" y="13716"/>
                  </a:lnTo>
                  <a:lnTo>
                    <a:pt x="13716" y="6096"/>
                  </a:lnTo>
                  <a:lnTo>
                    <a:pt x="13716" y="7620"/>
                  </a:lnTo>
                  <a:lnTo>
                    <a:pt x="19812" y="7620"/>
                  </a:lnTo>
                  <a:lnTo>
                    <a:pt x="19812" y="13716"/>
                  </a:lnTo>
                  <a:close/>
                </a:path>
                <a:path w="4805680" h="3823970">
                  <a:moveTo>
                    <a:pt x="19812" y="7620"/>
                  </a:moveTo>
                  <a:lnTo>
                    <a:pt x="13716" y="7620"/>
                  </a:lnTo>
                  <a:lnTo>
                    <a:pt x="13716" y="6096"/>
                  </a:lnTo>
                  <a:lnTo>
                    <a:pt x="19812" y="6096"/>
                  </a:lnTo>
                  <a:lnTo>
                    <a:pt x="19812" y="7620"/>
                  </a:lnTo>
                  <a:close/>
                </a:path>
                <a:path w="4805680" h="3823970">
                  <a:moveTo>
                    <a:pt x="47244" y="13716"/>
                  </a:moveTo>
                  <a:lnTo>
                    <a:pt x="33528" y="13716"/>
                  </a:lnTo>
                  <a:lnTo>
                    <a:pt x="33528" y="0"/>
                  </a:lnTo>
                  <a:lnTo>
                    <a:pt x="47244" y="0"/>
                  </a:lnTo>
                  <a:lnTo>
                    <a:pt x="47244" y="13716"/>
                  </a:lnTo>
                  <a:close/>
                </a:path>
                <a:path w="4805680" h="3823970">
                  <a:moveTo>
                    <a:pt x="74675" y="13716"/>
                  </a:moveTo>
                  <a:lnTo>
                    <a:pt x="60960" y="13716"/>
                  </a:lnTo>
                  <a:lnTo>
                    <a:pt x="60960" y="0"/>
                  </a:lnTo>
                  <a:lnTo>
                    <a:pt x="74675" y="0"/>
                  </a:lnTo>
                  <a:lnTo>
                    <a:pt x="74675" y="13716"/>
                  </a:lnTo>
                  <a:close/>
                </a:path>
                <a:path w="4805680" h="3823970">
                  <a:moveTo>
                    <a:pt x="103632" y="13716"/>
                  </a:moveTo>
                  <a:lnTo>
                    <a:pt x="88391" y="13716"/>
                  </a:lnTo>
                  <a:lnTo>
                    <a:pt x="88391" y="0"/>
                  </a:lnTo>
                  <a:lnTo>
                    <a:pt x="103632" y="0"/>
                  </a:lnTo>
                  <a:lnTo>
                    <a:pt x="103632" y="13716"/>
                  </a:lnTo>
                  <a:close/>
                </a:path>
                <a:path w="4805680" h="3823970">
                  <a:moveTo>
                    <a:pt x="131064" y="13716"/>
                  </a:moveTo>
                  <a:lnTo>
                    <a:pt x="117348" y="13716"/>
                  </a:lnTo>
                  <a:lnTo>
                    <a:pt x="117348" y="0"/>
                  </a:lnTo>
                  <a:lnTo>
                    <a:pt x="131064" y="0"/>
                  </a:lnTo>
                  <a:lnTo>
                    <a:pt x="131064" y="13716"/>
                  </a:lnTo>
                  <a:close/>
                </a:path>
                <a:path w="4805680" h="3823970">
                  <a:moveTo>
                    <a:pt x="158496" y="13716"/>
                  </a:moveTo>
                  <a:lnTo>
                    <a:pt x="144780" y="13716"/>
                  </a:lnTo>
                  <a:lnTo>
                    <a:pt x="144780" y="0"/>
                  </a:lnTo>
                  <a:lnTo>
                    <a:pt x="158496" y="0"/>
                  </a:lnTo>
                  <a:lnTo>
                    <a:pt x="158496" y="13716"/>
                  </a:lnTo>
                  <a:close/>
                </a:path>
                <a:path w="4805680" h="3823970">
                  <a:moveTo>
                    <a:pt x="187451" y="13716"/>
                  </a:moveTo>
                  <a:lnTo>
                    <a:pt x="173735" y="13716"/>
                  </a:lnTo>
                  <a:lnTo>
                    <a:pt x="173735" y="0"/>
                  </a:lnTo>
                  <a:lnTo>
                    <a:pt x="187451" y="0"/>
                  </a:lnTo>
                  <a:lnTo>
                    <a:pt x="187451" y="13716"/>
                  </a:lnTo>
                  <a:close/>
                </a:path>
                <a:path w="4805680" h="3823970">
                  <a:moveTo>
                    <a:pt x="214883" y="13716"/>
                  </a:moveTo>
                  <a:lnTo>
                    <a:pt x="201167" y="13716"/>
                  </a:lnTo>
                  <a:lnTo>
                    <a:pt x="201167" y="0"/>
                  </a:lnTo>
                  <a:lnTo>
                    <a:pt x="214883" y="0"/>
                  </a:lnTo>
                  <a:lnTo>
                    <a:pt x="214883" y="13716"/>
                  </a:lnTo>
                  <a:close/>
                </a:path>
                <a:path w="4805680" h="3823970">
                  <a:moveTo>
                    <a:pt x="243839" y="13716"/>
                  </a:moveTo>
                  <a:lnTo>
                    <a:pt x="228600" y="13716"/>
                  </a:lnTo>
                  <a:lnTo>
                    <a:pt x="228600" y="0"/>
                  </a:lnTo>
                  <a:lnTo>
                    <a:pt x="243839" y="0"/>
                  </a:lnTo>
                  <a:lnTo>
                    <a:pt x="243839" y="13716"/>
                  </a:lnTo>
                  <a:close/>
                </a:path>
                <a:path w="4805680" h="3823970">
                  <a:moveTo>
                    <a:pt x="271271" y="13716"/>
                  </a:moveTo>
                  <a:lnTo>
                    <a:pt x="257555" y="13716"/>
                  </a:lnTo>
                  <a:lnTo>
                    <a:pt x="257555" y="0"/>
                  </a:lnTo>
                  <a:lnTo>
                    <a:pt x="271271" y="0"/>
                  </a:lnTo>
                  <a:lnTo>
                    <a:pt x="271271" y="13716"/>
                  </a:lnTo>
                  <a:close/>
                </a:path>
                <a:path w="4805680" h="3823970">
                  <a:moveTo>
                    <a:pt x="298703" y="13716"/>
                  </a:moveTo>
                  <a:lnTo>
                    <a:pt x="284987" y="13716"/>
                  </a:lnTo>
                  <a:lnTo>
                    <a:pt x="284987" y="0"/>
                  </a:lnTo>
                  <a:lnTo>
                    <a:pt x="298703" y="0"/>
                  </a:lnTo>
                  <a:lnTo>
                    <a:pt x="298703" y="13716"/>
                  </a:lnTo>
                  <a:close/>
                </a:path>
                <a:path w="4805680" h="3823970">
                  <a:moveTo>
                    <a:pt x="327660" y="13716"/>
                  </a:moveTo>
                  <a:lnTo>
                    <a:pt x="312419" y="13716"/>
                  </a:lnTo>
                  <a:lnTo>
                    <a:pt x="312419" y="0"/>
                  </a:lnTo>
                  <a:lnTo>
                    <a:pt x="327660" y="0"/>
                  </a:lnTo>
                  <a:lnTo>
                    <a:pt x="327660" y="13716"/>
                  </a:lnTo>
                  <a:close/>
                </a:path>
                <a:path w="4805680" h="3823970">
                  <a:moveTo>
                    <a:pt x="355091" y="13716"/>
                  </a:moveTo>
                  <a:lnTo>
                    <a:pt x="341375" y="13716"/>
                  </a:lnTo>
                  <a:lnTo>
                    <a:pt x="341375" y="0"/>
                  </a:lnTo>
                  <a:lnTo>
                    <a:pt x="355091" y="0"/>
                  </a:lnTo>
                  <a:lnTo>
                    <a:pt x="355091" y="13716"/>
                  </a:lnTo>
                  <a:close/>
                </a:path>
                <a:path w="4805680" h="3823970">
                  <a:moveTo>
                    <a:pt x="382523" y="13716"/>
                  </a:moveTo>
                  <a:lnTo>
                    <a:pt x="368807" y="13716"/>
                  </a:lnTo>
                  <a:lnTo>
                    <a:pt x="368807" y="0"/>
                  </a:lnTo>
                  <a:lnTo>
                    <a:pt x="382523" y="0"/>
                  </a:lnTo>
                  <a:lnTo>
                    <a:pt x="382523" y="13716"/>
                  </a:lnTo>
                  <a:close/>
                </a:path>
                <a:path w="4805680" h="3823970">
                  <a:moveTo>
                    <a:pt x="411480" y="13716"/>
                  </a:moveTo>
                  <a:lnTo>
                    <a:pt x="397764" y="13716"/>
                  </a:lnTo>
                  <a:lnTo>
                    <a:pt x="397764" y="0"/>
                  </a:lnTo>
                  <a:lnTo>
                    <a:pt x="411480" y="0"/>
                  </a:lnTo>
                  <a:lnTo>
                    <a:pt x="411480" y="13716"/>
                  </a:lnTo>
                  <a:close/>
                </a:path>
                <a:path w="4805680" h="3823970">
                  <a:moveTo>
                    <a:pt x="438912" y="13716"/>
                  </a:moveTo>
                  <a:lnTo>
                    <a:pt x="425196" y="13716"/>
                  </a:lnTo>
                  <a:lnTo>
                    <a:pt x="425196" y="0"/>
                  </a:lnTo>
                  <a:lnTo>
                    <a:pt x="438912" y="0"/>
                  </a:lnTo>
                  <a:lnTo>
                    <a:pt x="438912" y="13716"/>
                  </a:lnTo>
                  <a:close/>
                </a:path>
                <a:path w="4805680" h="3823970">
                  <a:moveTo>
                    <a:pt x="467867" y="13716"/>
                  </a:moveTo>
                  <a:lnTo>
                    <a:pt x="452628" y="13716"/>
                  </a:lnTo>
                  <a:lnTo>
                    <a:pt x="452628" y="0"/>
                  </a:lnTo>
                  <a:lnTo>
                    <a:pt x="467867" y="0"/>
                  </a:lnTo>
                  <a:lnTo>
                    <a:pt x="467867" y="13716"/>
                  </a:lnTo>
                  <a:close/>
                </a:path>
                <a:path w="4805680" h="3823970">
                  <a:moveTo>
                    <a:pt x="495300" y="13716"/>
                  </a:moveTo>
                  <a:lnTo>
                    <a:pt x="481583" y="13716"/>
                  </a:lnTo>
                  <a:lnTo>
                    <a:pt x="481583" y="0"/>
                  </a:lnTo>
                  <a:lnTo>
                    <a:pt x="495300" y="0"/>
                  </a:lnTo>
                  <a:lnTo>
                    <a:pt x="495300" y="13716"/>
                  </a:lnTo>
                  <a:close/>
                </a:path>
                <a:path w="4805680" h="3823970">
                  <a:moveTo>
                    <a:pt x="522732" y="13716"/>
                  </a:moveTo>
                  <a:lnTo>
                    <a:pt x="509016" y="13716"/>
                  </a:lnTo>
                  <a:lnTo>
                    <a:pt x="509016" y="0"/>
                  </a:lnTo>
                  <a:lnTo>
                    <a:pt x="522732" y="0"/>
                  </a:lnTo>
                  <a:lnTo>
                    <a:pt x="522732" y="13716"/>
                  </a:lnTo>
                  <a:close/>
                </a:path>
                <a:path w="4805680" h="3823970">
                  <a:moveTo>
                    <a:pt x="551687" y="13716"/>
                  </a:moveTo>
                  <a:lnTo>
                    <a:pt x="536448" y="13716"/>
                  </a:lnTo>
                  <a:lnTo>
                    <a:pt x="536448" y="0"/>
                  </a:lnTo>
                  <a:lnTo>
                    <a:pt x="551687" y="0"/>
                  </a:lnTo>
                  <a:lnTo>
                    <a:pt x="551687" y="13716"/>
                  </a:lnTo>
                  <a:close/>
                </a:path>
                <a:path w="4805680" h="3823970">
                  <a:moveTo>
                    <a:pt x="579119" y="13716"/>
                  </a:moveTo>
                  <a:lnTo>
                    <a:pt x="565403" y="13716"/>
                  </a:lnTo>
                  <a:lnTo>
                    <a:pt x="565403" y="0"/>
                  </a:lnTo>
                  <a:lnTo>
                    <a:pt x="579119" y="0"/>
                  </a:lnTo>
                  <a:lnTo>
                    <a:pt x="579119" y="13716"/>
                  </a:lnTo>
                  <a:close/>
                </a:path>
                <a:path w="4805680" h="3823970">
                  <a:moveTo>
                    <a:pt x="606551" y="13716"/>
                  </a:moveTo>
                  <a:lnTo>
                    <a:pt x="592835" y="13716"/>
                  </a:lnTo>
                  <a:lnTo>
                    <a:pt x="592835" y="0"/>
                  </a:lnTo>
                  <a:lnTo>
                    <a:pt x="606551" y="0"/>
                  </a:lnTo>
                  <a:lnTo>
                    <a:pt x="606551" y="13716"/>
                  </a:lnTo>
                  <a:close/>
                </a:path>
                <a:path w="4805680" h="3823970">
                  <a:moveTo>
                    <a:pt x="635507" y="13716"/>
                  </a:moveTo>
                  <a:lnTo>
                    <a:pt x="621791" y="13716"/>
                  </a:lnTo>
                  <a:lnTo>
                    <a:pt x="621791" y="0"/>
                  </a:lnTo>
                  <a:lnTo>
                    <a:pt x="635507" y="0"/>
                  </a:lnTo>
                  <a:lnTo>
                    <a:pt x="635507" y="13716"/>
                  </a:lnTo>
                  <a:close/>
                </a:path>
                <a:path w="4805680" h="3823970">
                  <a:moveTo>
                    <a:pt x="662939" y="13716"/>
                  </a:moveTo>
                  <a:lnTo>
                    <a:pt x="649223" y="13716"/>
                  </a:lnTo>
                  <a:lnTo>
                    <a:pt x="649223" y="0"/>
                  </a:lnTo>
                  <a:lnTo>
                    <a:pt x="662939" y="0"/>
                  </a:lnTo>
                  <a:lnTo>
                    <a:pt x="662939" y="13716"/>
                  </a:lnTo>
                  <a:close/>
                </a:path>
                <a:path w="4805680" h="3823970">
                  <a:moveTo>
                    <a:pt x="691896" y="13716"/>
                  </a:moveTo>
                  <a:lnTo>
                    <a:pt x="676655" y="13716"/>
                  </a:lnTo>
                  <a:lnTo>
                    <a:pt x="676655" y="0"/>
                  </a:lnTo>
                  <a:lnTo>
                    <a:pt x="691896" y="0"/>
                  </a:lnTo>
                  <a:lnTo>
                    <a:pt x="691896" y="13716"/>
                  </a:lnTo>
                  <a:close/>
                </a:path>
                <a:path w="4805680" h="3823970">
                  <a:moveTo>
                    <a:pt x="719328" y="13716"/>
                  </a:moveTo>
                  <a:lnTo>
                    <a:pt x="705612" y="13716"/>
                  </a:lnTo>
                  <a:lnTo>
                    <a:pt x="705612" y="0"/>
                  </a:lnTo>
                  <a:lnTo>
                    <a:pt x="719328" y="0"/>
                  </a:lnTo>
                  <a:lnTo>
                    <a:pt x="719328" y="13716"/>
                  </a:lnTo>
                  <a:close/>
                </a:path>
                <a:path w="4805680" h="3823970">
                  <a:moveTo>
                    <a:pt x="746760" y="13716"/>
                  </a:moveTo>
                  <a:lnTo>
                    <a:pt x="733044" y="13716"/>
                  </a:lnTo>
                  <a:lnTo>
                    <a:pt x="733044" y="0"/>
                  </a:lnTo>
                  <a:lnTo>
                    <a:pt x="746760" y="0"/>
                  </a:lnTo>
                  <a:lnTo>
                    <a:pt x="746760" y="13716"/>
                  </a:lnTo>
                  <a:close/>
                </a:path>
                <a:path w="4805680" h="3823970">
                  <a:moveTo>
                    <a:pt x="775716" y="13716"/>
                  </a:moveTo>
                  <a:lnTo>
                    <a:pt x="760475" y="13716"/>
                  </a:lnTo>
                  <a:lnTo>
                    <a:pt x="760475" y="0"/>
                  </a:lnTo>
                  <a:lnTo>
                    <a:pt x="775716" y="0"/>
                  </a:lnTo>
                  <a:lnTo>
                    <a:pt x="775716" y="13716"/>
                  </a:lnTo>
                  <a:close/>
                </a:path>
                <a:path w="4805680" h="3823970">
                  <a:moveTo>
                    <a:pt x="803148" y="13716"/>
                  </a:moveTo>
                  <a:lnTo>
                    <a:pt x="789432" y="13716"/>
                  </a:lnTo>
                  <a:lnTo>
                    <a:pt x="789432" y="0"/>
                  </a:lnTo>
                  <a:lnTo>
                    <a:pt x="803148" y="0"/>
                  </a:lnTo>
                  <a:lnTo>
                    <a:pt x="803148" y="13716"/>
                  </a:lnTo>
                  <a:close/>
                </a:path>
                <a:path w="4805680" h="3823970">
                  <a:moveTo>
                    <a:pt x="830580" y="13716"/>
                  </a:moveTo>
                  <a:lnTo>
                    <a:pt x="816864" y="13716"/>
                  </a:lnTo>
                  <a:lnTo>
                    <a:pt x="816864" y="0"/>
                  </a:lnTo>
                  <a:lnTo>
                    <a:pt x="830580" y="0"/>
                  </a:lnTo>
                  <a:lnTo>
                    <a:pt x="830580" y="13716"/>
                  </a:lnTo>
                  <a:close/>
                </a:path>
                <a:path w="4805680" h="3823970">
                  <a:moveTo>
                    <a:pt x="859535" y="13716"/>
                  </a:moveTo>
                  <a:lnTo>
                    <a:pt x="845819" y="13716"/>
                  </a:lnTo>
                  <a:lnTo>
                    <a:pt x="845819" y="0"/>
                  </a:lnTo>
                  <a:lnTo>
                    <a:pt x="859535" y="0"/>
                  </a:lnTo>
                  <a:lnTo>
                    <a:pt x="859535" y="13716"/>
                  </a:lnTo>
                  <a:close/>
                </a:path>
                <a:path w="4805680" h="3823970">
                  <a:moveTo>
                    <a:pt x="886967" y="13716"/>
                  </a:moveTo>
                  <a:lnTo>
                    <a:pt x="873251" y="13716"/>
                  </a:lnTo>
                  <a:lnTo>
                    <a:pt x="873251" y="0"/>
                  </a:lnTo>
                  <a:lnTo>
                    <a:pt x="886967" y="0"/>
                  </a:lnTo>
                  <a:lnTo>
                    <a:pt x="886967" y="13716"/>
                  </a:lnTo>
                  <a:close/>
                </a:path>
                <a:path w="4805680" h="3823970">
                  <a:moveTo>
                    <a:pt x="915923" y="13716"/>
                  </a:moveTo>
                  <a:lnTo>
                    <a:pt x="900683" y="13716"/>
                  </a:lnTo>
                  <a:lnTo>
                    <a:pt x="900683" y="0"/>
                  </a:lnTo>
                  <a:lnTo>
                    <a:pt x="915923" y="0"/>
                  </a:lnTo>
                  <a:lnTo>
                    <a:pt x="915923" y="13716"/>
                  </a:lnTo>
                  <a:close/>
                </a:path>
                <a:path w="4805680" h="3823970">
                  <a:moveTo>
                    <a:pt x="943355" y="13716"/>
                  </a:moveTo>
                  <a:lnTo>
                    <a:pt x="929639" y="13716"/>
                  </a:lnTo>
                  <a:lnTo>
                    <a:pt x="929639" y="0"/>
                  </a:lnTo>
                  <a:lnTo>
                    <a:pt x="943355" y="0"/>
                  </a:lnTo>
                  <a:lnTo>
                    <a:pt x="943355" y="13716"/>
                  </a:lnTo>
                  <a:close/>
                </a:path>
                <a:path w="4805680" h="3823970">
                  <a:moveTo>
                    <a:pt x="970787" y="13716"/>
                  </a:moveTo>
                  <a:lnTo>
                    <a:pt x="957071" y="13716"/>
                  </a:lnTo>
                  <a:lnTo>
                    <a:pt x="957071" y="0"/>
                  </a:lnTo>
                  <a:lnTo>
                    <a:pt x="970787" y="0"/>
                  </a:lnTo>
                  <a:lnTo>
                    <a:pt x="970787" y="13716"/>
                  </a:lnTo>
                  <a:close/>
                </a:path>
                <a:path w="4805680" h="3823970">
                  <a:moveTo>
                    <a:pt x="999744" y="13716"/>
                  </a:moveTo>
                  <a:lnTo>
                    <a:pt x="986028" y="13716"/>
                  </a:lnTo>
                  <a:lnTo>
                    <a:pt x="986028" y="0"/>
                  </a:lnTo>
                  <a:lnTo>
                    <a:pt x="999744" y="0"/>
                  </a:lnTo>
                  <a:lnTo>
                    <a:pt x="999744" y="13716"/>
                  </a:lnTo>
                  <a:close/>
                </a:path>
                <a:path w="4805680" h="3823970">
                  <a:moveTo>
                    <a:pt x="1027175" y="13716"/>
                  </a:moveTo>
                  <a:lnTo>
                    <a:pt x="1013460" y="13716"/>
                  </a:lnTo>
                  <a:lnTo>
                    <a:pt x="1013460" y="0"/>
                  </a:lnTo>
                  <a:lnTo>
                    <a:pt x="1027175" y="0"/>
                  </a:lnTo>
                  <a:lnTo>
                    <a:pt x="1027175" y="13716"/>
                  </a:lnTo>
                  <a:close/>
                </a:path>
                <a:path w="4805680" h="3823970">
                  <a:moveTo>
                    <a:pt x="1054607" y="13716"/>
                  </a:moveTo>
                  <a:lnTo>
                    <a:pt x="1040891" y="13716"/>
                  </a:lnTo>
                  <a:lnTo>
                    <a:pt x="1040891" y="0"/>
                  </a:lnTo>
                  <a:lnTo>
                    <a:pt x="1054607" y="0"/>
                  </a:lnTo>
                  <a:lnTo>
                    <a:pt x="1054607" y="13716"/>
                  </a:lnTo>
                  <a:close/>
                </a:path>
                <a:path w="4805680" h="3823970">
                  <a:moveTo>
                    <a:pt x="1083564" y="13716"/>
                  </a:moveTo>
                  <a:lnTo>
                    <a:pt x="1069848" y="13716"/>
                  </a:lnTo>
                  <a:lnTo>
                    <a:pt x="1069848" y="0"/>
                  </a:lnTo>
                  <a:lnTo>
                    <a:pt x="1083564" y="0"/>
                  </a:lnTo>
                  <a:lnTo>
                    <a:pt x="1083564" y="13716"/>
                  </a:lnTo>
                  <a:close/>
                </a:path>
                <a:path w="4805680" h="3823970">
                  <a:moveTo>
                    <a:pt x="1110996" y="13716"/>
                  </a:moveTo>
                  <a:lnTo>
                    <a:pt x="1097280" y="13716"/>
                  </a:lnTo>
                  <a:lnTo>
                    <a:pt x="1097280" y="0"/>
                  </a:lnTo>
                  <a:lnTo>
                    <a:pt x="1110996" y="0"/>
                  </a:lnTo>
                  <a:lnTo>
                    <a:pt x="1110996" y="13716"/>
                  </a:lnTo>
                  <a:close/>
                </a:path>
                <a:path w="4805680" h="3823970">
                  <a:moveTo>
                    <a:pt x="1139951" y="13716"/>
                  </a:moveTo>
                  <a:lnTo>
                    <a:pt x="1124712" y="13716"/>
                  </a:lnTo>
                  <a:lnTo>
                    <a:pt x="1124712" y="0"/>
                  </a:lnTo>
                  <a:lnTo>
                    <a:pt x="1139951" y="0"/>
                  </a:lnTo>
                  <a:lnTo>
                    <a:pt x="1139951" y="13716"/>
                  </a:lnTo>
                  <a:close/>
                </a:path>
                <a:path w="4805680" h="3823970">
                  <a:moveTo>
                    <a:pt x="1167384" y="13716"/>
                  </a:moveTo>
                  <a:lnTo>
                    <a:pt x="1153667" y="13716"/>
                  </a:lnTo>
                  <a:lnTo>
                    <a:pt x="1153667" y="0"/>
                  </a:lnTo>
                  <a:lnTo>
                    <a:pt x="1167384" y="0"/>
                  </a:lnTo>
                  <a:lnTo>
                    <a:pt x="1167384" y="13716"/>
                  </a:lnTo>
                  <a:close/>
                </a:path>
                <a:path w="4805680" h="3823970">
                  <a:moveTo>
                    <a:pt x="1194816" y="13716"/>
                  </a:moveTo>
                  <a:lnTo>
                    <a:pt x="1181100" y="13716"/>
                  </a:lnTo>
                  <a:lnTo>
                    <a:pt x="1181100" y="0"/>
                  </a:lnTo>
                  <a:lnTo>
                    <a:pt x="1194816" y="0"/>
                  </a:lnTo>
                  <a:lnTo>
                    <a:pt x="1194816" y="13716"/>
                  </a:lnTo>
                  <a:close/>
                </a:path>
                <a:path w="4805680" h="3823970">
                  <a:moveTo>
                    <a:pt x="1223771" y="13716"/>
                  </a:moveTo>
                  <a:lnTo>
                    <a:pt x="1210055" y="13716"/>
                  </a:lnTo>
                  <a:lnTo>
                    <a:pt x="1210055" y="0"/>
                  </a:lnTo>
                  <a:lnTo>
                    <a:pt x="1223771" y="0"/>
                  </a:lnTo>
                  <a:lnTo>
                    <a:pt x="1223771" y="13716"/>
                  </a:lnTo>
                  <a:close/>
                </a:path>
                <a:path w="4805680" h="3823970">
                  <a:moveTo>
                    <a:pt x="1251203" y="13716"/>
                  </a:moveTo>
                  <a:lnTo>
                    <a:pt x="1237487" y="13716"/>
                  </a:lnTo>
                  <a:lnTo>
                    <a:pt x="1237487" y="0"/>
                  </a:lnTo>
                  <a:lnTo>
                    <a:pt x="1251203" y="0"/>
                  </a:lnTo>
                  <a:lnTo>
                    <a:pt x="1251203" y="13716"/>
                  </a:lnTo>
                  <a:close/>
                </a:path>
                <a:path w="4805680" h="3823970">
                  <a:moveTo>
                    <a:pt x="1278635" y="13716"/>
                  </a:moveTo>
                  <a:lnTo>
                    <a:pt x="1264919" y="13716"/>
                  </a:lnTo>
                  <a:lnTo>
                    <a:pt x="1264919" y="0"/>
                  </a:lnTo>
                  <a:lnTo>
                    <a:pt x="1278635" y="0"/>
                  </a:lnTo>
                  <a:lnTo>
                    <a:pt x="1278635" y="13716"/>
                  </a:lnTo>
                  <a:close/>
                </a:path>
                <a:path w="4805680" h="3823970">
                  <a:moveTo>
                    <a:pt x="1307591" y="13716"/>
                  </a:moveTo>
                  <a:lnTo>
                    <a:pt x="1293875" y="13716"/>
                  </a:lnTo>
                  <a:lnTo>
                    <a:pt x="1293875" y="0"/>
                  </a:lnTo>
                  <a:lnTo>
                    <a:pt x="1307591" y="0"/>
                  </a:lnTo>
                  <a:lnTo>
                    <a:pt x="1307591" y="13716"/>
                  </a:lnTo>
                  <a:close/>
                </a:path>
                <a:path w="4805680" h="3823970">
                  <a:moveTo>
                    <a:pt x="1335023" y="13716"/>
                  </a:moveTo>
                  <a:lnTo>
                    <a:pt x="1321307" y="13716"/>
                  </a:lnTo>
                  <a:lnTo>
                    <a:pt x="1321307" y="0"/>
                  </a:lnTo>
                  <a:lnTo>
                    <a:pt x="1335023" y="0"/>
                  </a:lnTo>
                  <a:lnTo>
                    <a:pt x="1335023" y="13716"/>
                  </a:lnTo>
                  <a:close/>
                </a:path>
                <a:path w="4805680" h="3823970">
                  <a:moveTo>
                    <a:pt x="1363980" y="13716"/>
                  </a:moveTo>
                  <a:lnTo>
                    <a:pt x="1348739" y="13716"/>
                  </a:lnTo>
                  <a:lnTo>
                    <a:pt x="1348739" y="0"/>
                  </a:lnTo>
                  <a:lnTo>
                    <a:pt x="1363980" y="0"/>
                  </a:lnTo>
                  <a:lnTo>
                    <a:pt x="1363980" y="13716"/>
                  </a:lnTo>
                  <a:close/>
                </a:path>
                <a:path w="4805680" h="3823970">
                  <a:moveTo>
                    <a:pt x="1391412" y="13716"/>
                  </a:moveTo>
                  <a:lnTo>
                    <a:pt x="1377696" y="13716"/>
                  </a:lnTo>
                  <a:lnTo>
                    <a:pt x="1377696" y="0"/>
                  </a:lnTo>
                  <a:lnTo>
                    <a:pt x="1391412" y="0"/>
                  </a:lnTo>
                  <a:lnTo>
                    <a:pt x="1391412" y="13716"/>
                  </a:lnTo>
                  <a:close/>
                </a:path>
                <a:path w="4805680" h="3823970">
                  <a:moveTo>
                    <a:pt x="1418844" y="13716"/>
                  </a:moveTo>
                  <a:lnTo>
                    <a:pt x="1405128" y="13716"/>
                  </a:lnTo>
                  <a:lnTo>
                    <a:pt x="1405128" y="0"/>
                  </a:lnTo>
                  <a:lnTo>
                    <a:pt x="1418844" y="0"/>
                  </a:lnTo>
                  <a:lnTo>
                    <a:pt x="1418844" y="13716"/>
                  </a:lnTo>
                  <a:close/>
                </a:path>
                <a:path w="4805680" h="3823970">
                  <a:moveTo>
                    <a:pt x="1447800" y="13716"/>
                  </a:moveTo>
                  <a:lnTo>
                    <a:pt x="1434084" y="13716"/>
                  </a:lnTo>
                  <a:lnTo>
                    <a:pt x="1434084" y="0"/>
                  </a:lnTo>
                  <a:lnTo>
                    <a:pt x="1447800" y="0"/>
                  </a:lnTo>
                  <a:lnTo>
                    <a:pt x="1447800" y="13716"/>
                  </a:lnTo>
                  <a:close/>
                </a:path>
                <a:path w="4805680" h="3823970">
                  <a:moveTo>
                    <a:pt x="1475232" y="13716"/>
                  </a:moveTo>
                  <a:lnTo>
                    <a:pt x="1461516" y="13716"/>
                  </a:lnTo>
                  <a:lnTo>
                    <a:pt x="1461516" y="0"/>
                  </a:lnTo>
                  <a:lnTo>
                    <a:pt x="1475232" y="0"/>
                  </a:lnTo>
                  <a:lnTo>
                    <a:pt x="1475232" y="13716"/>
                  </a:lnTo>
                  <a:close/>
                </a:path>
                <a:path w="4805680" h="3823970">
                  <a:moveTo>
                    <a:pt x="1502664" y="13716"/>
                  </a:moveTo>
                  <a:lnTo>
                    <a:pt x="1488948" y="13716"/>
                  </a:lnTo>
                  <a:lnTo>
                    <a:pt x="1488948" y="0"/>
                  </a:lnTo>
                  <a:lnTo>
                    <a:pt x="1502664" y="0"/>
                  </a:lnTo>
                  <a:lnTo>
                    <a:pt x="1502664" y="13716"/>
                  </a:lnTo>
                  <a:close/>
                </a:path>
                <a:path w="4805680" h="3823970">
                  <a:moveTo>
                    <a:pt x="1531619" y="13716"/>
                  </a:moveTo>
                  <a:lnTo>
                    <a:pt x="1517903" y="13716"/>
                  </a:lnTo>
                  <a:lnTo>
                    <a:pt x="1517903" y="0"/>
                  </a:lnTo>
                  <a:lnTo>
                    <a:pt x="1531619" y="0"/>
                  </a:lnTo>
                  <a:lnTo>
                    <a:pt x="1531619" y="13716"/>
                  </a:lnTo>
                  <a:close/>
                </a:path>
                <a:path w="4805680" h="3823970">
                  <a:moveTo>
                    <a:pt x="1559051" y="13716"/>
                  </a:moveTo>
                  <a:lnTo>
                    <a:pt x="1545335" y="13716"/>
                  </a:lnTo>
                  <a:lnTo>
                    <a:pt x="1545335" y="0"/>
                  </a:lnTo>
                  <a:lnTo>
                    <a:pt x="1559051" y="0"/>
                  </a:lnTo>
                  <a:lnTo>
                    <a:pt x="1559051" y="13716"/>
                  </a:lnTo>
                  <a:close/>
                </a:path>
                <a:path w="4805680" h="3823970">
                  <a:moveTo>
                    <a:pt x="1588007" y="13716"/>
                  </a:moveTo>
                  <a:lnTo>
                    <a:pt x="1572767" y="13716"/>
                  </a:lnTo>
                  <a:lnTo>
                    <a:pt x="1572767" y="0"/>
                  </a:lnTo>
                  <a:lnTo>
                    <a:pt x="1588007" y="0"/>
                  </a:lnTo>
                  <a:lnTo>
                    <a:pt x="1588007" y="13716"/>
                  </a:lnTo>
                  <a:close/>
                </a:path>
                <a:path w="4805680" h="3823970">
                  <a:moveTo>
                    <a:pt x="1615439" y="13716"/>
                  </a:moveTo>
                  <a:lnTo>
                    <a:pt x="1601723" y="13716"/>
                  </a:lnTo>
                  <a:lnTo>
                    <a:pt x="1601723" y="0"/>
                  </a:lnTo>
                  <a:lnTo>
                    <a:pt x="1615439" y="0"/>
                  </a:lnTo>
                  <a:lnTo>
                    <a:pt x="1615439" y="13716"/>
                  </a:lnTo>
                  <a:close/>
                </a:path>
                <a:path w="4805680" h="3823970">
                  <a:moveTo>
                    <a:pt x="1642871" y="13716"/>
                  </a:moveTo>
                  <a:lnTo>
                    <a:pt x="1629155" y="13716"/>
                  </a:lnTo>
                  <a:lnTo>
                    <a:pt x="1629155" y="0"/>
                  </a:lnTo>
                  <a:lnTo>
                    <a:pt x="1642871" y="0"/>
                  </a:lnTo>
                  <a:lnTo>
                    <a:pt x="1642871" y="13716"/>
                  </a:lnTo>
                  <a:close/>
                </a:path>
                <a:path w="4805680" h="3823970">
                  <a:moveTo>
                    <a:pt x="1671828" y="13716"/>
                  </a:moveTo>
                  <a:lnTo>
                    <a:pt x="1658112" y="13716"/>
                  </a:lnTo>
                  <a:lnTo>
                    <a:pt x="1658112" y="0"/>
                  </a:lnTo>
                  <a:lnTo>
                    <a:pt x="1671828" y="0"/>
                  </a:lnTo>
                  <a:lnTo>
                    <a:pt x="1671828" y="13716"/>
                  </a:lnTo>
                  <a:close/>
                </a:path>
                <a:path w="4805680" h="3823970">
                  <a:moveTo>
                    <a:pt x="1699260" y="13716"/>
                  </a:moveTo>
                  <a:lnTo>
                    <a:pt x="1685544" y="13716"/>
                  </a:lnTo>
                  <a:lnTo>
                    <a:pt x="1685544" y="0"/>
                  </a:lnTo>
                  <a:lnTo>
                    <a:pt x="1699260" y="0"/>
                  </a:lnTo>
                  <a:lnTo>
                    <a:pt x="1699260" y="13716"/>
                  </a:lnTo>
                  <a:close/>
                </a:path>
                <a:path w="4805680" h="3823970">
                  <a:moveTo>
                    <a:pt x="1726691" y="13716"/>
                  </a:moveTo>
                  <a:lnTo>
                    <a:pt x="1712975" y="13716"/>
                  </a:lnTo>
                  <a:lnTo>
                    <a:pt x="1712975" y="0"/>
                  </a:lnTo>
                  <a:lnTo>
                    <a:pt x="1726691" y="0"/>
                  </a:lnTo>
                  <a:lnTo>
                    <a:pt x="1726691" y="13716"/>
                  </a:lnTo>
                  <a:close/>
                </a:path>
                <a:path w="4805680" h="3823970">
                  <a:moveTo>
                    <a:pt x="1755648" y="13716"/>
                  </a:moveTo>
                  <a:lnTo>
                    <a:pt x="1741932" y="13716"/>
                  </a:lnTo>
                  <a:lnTo>
                    <a:pt x="1741932" y="0"/>
                  </a:lnTo>
                  <a:lnTo>
                    <a:pt x="1755648" y="0"/>
                  </a:lnTo>
                  <a:lnTo>
                    <a:pt x="1755648" y="13716"/>
                  </a:lnTo>
                  <a:close/>
                </a:path>
                <a:path w="4805680" h="3823970">
                  <a:moveTo>
                    <a:pt x="1783080" y="13716"/>
                  </a:moveTo>
                  <a:lnTo>
                    <a:pt x="1769364" y="13716"/>
                  </a:lnTo>
                  <a:lnTo>
                    <a:pt x="1769364" y="0"/>
                  </a:lnTo>
                  <a:lnTo>
                    <a:pt x="1783080" y="0"/>
                  </a:lnTo>
                  <a:lnTo>
                    <a:pt x="1783080" y="13716"/>
                  </a:lnTo>
                  <a:close/>
                </a:path>
                <a:path w="4805680" h="3823970">
                  <a:moveTo>
                    <a:pt x="1812035" y="13716"/>
                  </a:moveTo>
                  <a:lnTo>
                    <a:pt x="1796796" y="13716"/>
                  </a:lnTo>
                  <a:lnTo>
                    <a:pt x="1796796" y="0"/>
                  </a:lnTo>
                  <a:lnTo>
                    <a:pt x="1812035" y="0"/>
                  </a:lnTo>
                  <a:lnTo>
                    <a:pt x="1812035" y="13716"/>
                  </a:lnTo>
                  <a:close/>
                </a:path>
                <a:path w="4805680" h="3823970">
                  <a:moveTo>
                    <a:pt x="1839468" y="13716"/>
                  </a:moveTo>
                  <a:lnTo>
                    <a:pt x="1825751" y="13716"/>
                  </a:lnTo>
                  <a:lnTo>
                    <a:pt x="1825751" y="0"/>
                  </a:lnTo>
                  <a:lnTo>
                    <a:pt x="1839468" y="0"/>
                  </a:lnTo>
                  <a:lnTo>
                    <a:pt x="1839468" y="13716"/>
                  </a:lnTo>
                  <a:close/>
                </a:path>
                <a:path w="4805680" h="3823970">
                  <a:moveTo>
                    <a:pt x="1866900" y="13716"/>
                  </a:moveTo>
                  <a:lnTo>
                    <a:pt x="1853184" y="13716"/>
                  </a:lnTo>
                  <a:lnTo>
                    <a:pt x="1853184" y="0"/>
                  </a:lnTo>
                  <a:lnTo>
                    <a:pt x="1866900" y="0"/>
                  </a:lnTo>
                  <a:lnTo>
                    <a:pt x="1866900" y="13716"/>
                  </a:lnTo>
                  <a:close/>
                </a:path>
                <a:path w="4805680" h="3823970">
                  <a:moveTo>
                    <a:pt x="1895855" y="13716"/>
                  </a:moveTo>
                  <a:lnTo>
                    <a:pt x="1882139" y="13716"/>
                  </a:lnTo>
                  <a:lnTo>
                    <a:pt x="1882139" y="0"/>
                  </a:lnTo>
                  <a:lnTo>
                    <a:pt x="1895855" y="0"/>
                  </a:lnTo>
                  <a:lnTo>
                    <a:pt x="1895855" y="13716"/>
                  </a:lnTo>
                  <a:close/>
                </a:path>
                <a:path w="4805680" h="3823970">
                  <a:moveTo>
                    <a:pt x="1923287" y="13716"/>
                  </a:moveTo>
                  <a:lnTo>
                    <a:pt x="1909571" y="13716"/>
                  </a:lnTo>
                  <a:lnTo>
                    <a:pt x="1909571" y="0"/>
                  </a:lnTo>
                  <a:lnTo>
                    <a:pt x="1923287" y="0"/>
                  </a:lnTo>
                  <a:lnTo>
                    <a:pt x="1923287" y="13716"/>
                  </a:lnTo>
                  <a:close/>
                </a:path>
                <a:path w="4805680" h="3823970">
                  <a:moveTo>
                    <a:pt x="1950719" y="13716"/>
                  </a:moveTo>
                  <a:lnTo>
                    <a:pt x="1937003" y="13716"/>
                  </a:lnTo>
                  <a:lnTo>
                    <a:pt x="1937003" y="0"/>
                  </a:lnTo>
                  <a:lnTo>
                    <a:pt x="1950719" y="0"/>
                  </a:lnTo>
                  <a:lnTo>
                    <a:pt x="1950719" y="13716"/>
                  </a:lnTo>
                  <a:close/>
                </a:path>
                <a:path w="4805680" h="3823970">
                  <a:moveTo>
                    <a:pt x="1979675" y="13716"/>
                  </a:moveTo>
                  <a:lnTo>
                    <a:pt x="1965960" y="13716"/>
                  </a:lnTo>
                  <a:lnTo>
                    <a:pt x="1965960" y="0"/>
                  </a:lnTo>
                  <a:lnTo>
                    <a:pt x="1979675" y="0"/>
                  </a:lnTo>
                  <a:lnTo>
                    <a:pt x="1979675" y="13716"/>
                  </a:lnTo>
                  <a:close/>
                </a:path>
                <a:path w="4805680" h="3823970">
                  <a:moveTo>
                    <a:pt x="2007107" y="13716"/>
                  </a:moveTo>
                  <a:lnTo>
                    <a:pt x="1993391" y="13716"/>
                  </a:lnTo>
                  <a:lnTo>
                    <a:pt x="1993391" y="0"/>
                  </a:lnTo>
                  <a:lnTo>
                    <a:pt x="2007107" y="0"/>
                  </a:lnTo>
                  <a:lnTo>
                    <a:pt x="2007107" y="13716"/>
                  </a:lnTo>
                  <a:close/>
                </a:path>
                <a:path w="4805680" h="3823970">
                  <a:moveTo>
                    <a:pt x="2036064" y="13716"/>
                  </a:moveTo>
                  <a:lnTo>
                    <a:pt x="2020823" y="13716"/>
                  </a:lnTo>
                  <a:lnTo>
                    <a:pt x="2020823" y="0"/>
                  </a:lnTo>
                  <a:lnTo>
                    <a:pt x="2036064" y="0"/>
                  </a:lnTo>
                  <a:lnTo>
                    <a:pt x="2036064" y="13716"/>
                  </a:lnTo>
                  <a:close/>
                </a:path>
                <a:path w="4805680" h="3823970">
                  <a:moveTo>
                    <a:pt x="2063496" y="13716"/>
                  </a:moveTo>
                  <a:lnTo>
                    <a:pt x="2049780" y="13716"/>
                  </a:lnTo>
                  <a:lnTo>
                    <a:pt x="2049780" y="0"/>
                  </a:lnTo>
                  <a:lnTo>
                    <a:pt x="2063496" y="0"/>
                  </a:lnTo>
                  <a:lnTo>
                    <a:pt x="2063496" y="13716"/>
                  </a:lnTo>
                  <a:close/>
                </a:path>
                <a:path w="4805680" h="3823970">
                  <a:moveTo>
                    <a:pt x="2090928" y="13716"/>
                  </a:moveTo>
                  <a:lnTo>
                    <a:pt x="2077212" y="13716"/>
                  </a:lnTo>
                  <a:lnTo>
                    <a:pt x="2077212" y="0"/>
                  </a:lnTo>
                  <a:lnTo>
                    <a:pt x="2090928" y="0"/>
                  </a:lnTo>
                  <a:lnTo>
                    <a:pt x="2090928" y="13716"/>
                  </a:lnTo>
                  <a:close/>
                </a:path>
                <a:path w="4805680" h="3823970">
                  <a:moveTo>
                    <a:pt x="2119884" y="13716"/>
                  </a:moveTo>
                  <a:lnTo>
                    <a:pt x="2106168" y="13716"/>
                  </a:lnTo>
                  <a:lnTo>
                    <a:pt x="2106168" y="0"/>
                  </a:lnTo>
                  <a:lnTo>
                    <a:pt x="2119884" y="0"/>
                  </a:lnTo>
                  <a:lnTo>
                    <a:pt x="2119884" y="13716"/>
                  </a:lnTo>
                  <a:close/>
                </a:path>
                <a:path w="4805680" h="3823970">
                  <a:moveTo>
                    <a:pt x="2147316" y="13716"/>
                  </a:moveTo>
                  <a:lnTo>
                    <a:pt x="2133600" y="13716"/>
                  </a:lnTo>
                  <a:lnTo>
                    <a:pt x="2133600" y="0"/>
                  </a:lnTo>
                  <a:lnTo>
                    <a:pt x="2147316" y="0"/>
                  </a:lnTo>
                  <a:lnTo>
                    <a:pt x="2147316" y="13716"/>
                  </a:lnTo>
                  <a:close/>
                </a:path>
                <a:path w="4805680" h="3823970">
                  <a:moveTo>
                    <a:pt x="2174748" y="13716"/>
                  </a:moveTo>
                  <a:lnTo>
                    <a:pt x="2161032" y="13716"/>
                  </a:lnTo>
                  <a:lnTo>
                    <a:pt x="2161032" y="0"/>
                  </a:lnTo>
                  <a:lnTo>
                    <a:pt x="2174748" y="0"/>
                  </a:lnTo>
                  <a:lnTo>
                    <a:pt x="2174748" y="13716"/>
                  </a:lnTo>
                  <a:close/>
                </a:path>
                <a:path w="4805680" h="3823970">
                  <a:moveTo>
                    <a:pt x="2203703" y="13716"/>
                  </a:moveTo>
                  <a:lnTo>
                    <a:pt x="2189987" y="13716"/>
                  </a:lnTo>
                  <a:lnTo>
                    <a:pt x="2189987" y="0"/>
                  </a:lnTo>
                  <a:lnTo>
                    <a:pt x="2203703" y="0"/>
                  </a:lnTo>
                  <a:lnTo>
                    <a:pt x="2203703" y="13716"/>
                  </a:lnTo>
                  <a:close/>
                </a:path>
                <a:path w="4805680" h="3823970">
                  <a:moveTo>
                    <a:pt x="2231135" y="13716"/>
                  </a:moveTo>
                  <a:lnTo>
                    <a:pt x="2217419" y="13716"/>
                  </a:lnTo>
                  <a:lnTo>
                    <a:pt x="2217419" y="0"/>
                  </a:lnTo>
                  <a:lnTo>
                    <a:pt x="2231135" y="0"/>
                  </a:lnTo>
                  <a:lnTo>
                    <a:pt x="2231135" y="13716"/>
                  </a:lnTo>
                  <a:close/>
                </a:path>
                <a:path w="4805680" h="3823970">
                  <a:moveTo>
                    <a:pt x="2260091" y="13716"/>
                  </a:moveTo>
                  <a:lnTo>
                    <a:pt x="2244852" y="13716"/>
                  </a:lnTo>
                  <a:lnTo>
                    <a:pt x="2244852" y="0"/>
                  </a:lnTo>
                  <a:lnTo>
                    <a:pt x="2260091" y="0"/>
                  </a:lnTo>
                  <a:lnTo>
                    <a:pt x="2260091" y="13716"/>
                  </a:lnTo>
                  <a:close/>
                </a:path>
                <a:path w="4805680" h="3823970">
                  <a:moveTo>
                    <a:pt x="2287523" y="13716"/>
                  </a:moveTo>
                  <a:lnTo>
                    <a:pt x="2273807" y="13716"/>
                  </a:lnTo>
                  <a:lnTo>
                    <a:pt x="2273807" y="0"/>
                  </a:lnTo>
                  <a:lnTo>
                    <a:pt x="2287523" y="0"/>
                  </a:lnTo>
                  <a:lnTo>
                    <a:pt x="2287523" y="13716"/>
                  </a:lnTo>
                  <a:close/>
                </a:path>
                <a:path w="4805680" h="3823970">
                  <a:moveTo>
                    <a:pt x="2314955" y="13716"/>
                  </a:moveTo>
                  <a:lnTo>
                    <a:pt x="2301239" y="13716"/>
                  </a:lnTo>
                  <a:lnTo>
                    <a:pt x="2301239" y="0"/>
                  </a:lnTo>
                  <a:lnTo>
                    <a:pt x="2314955" y="0"/>
                  </a:lnTo>
                  <a:lnTo>
                    <a:pt x="2314955" y="13716"/>
                  </a:lnTo>
                  <a:close/>
                </a:path>
                <a:path w="4805680" h="3823970">
                  <a:moveTo>
                    <a:pt x="2343912" y="13716"/>
                  </a:moveTo>
                  <a:lnTo>
                    <a:pt x="2330196" y="13716"/>
                  </a:lnTo>
                  <a:lnTo>
                    <a:pt x="2330196" y="0"/>
                  </a:lnTo>
                  <a:lnTo>
                    <a:pt x="2343912" y="0"/>
                  </a:lnTo>
                  <a:lnTo>
                    <a:pt x="2343912" y="13716"/>
                  </a:lnTo>
                  <a:close/>
                </a:path>
                <a:path w="4805680" h="3823970">
                  <a:moveTo>
                    <a:pt x="2371344" y="13716"/>
                  </a:moveTo>
                  <a:lnTo>
                    <a:pt x="2357628" y="13716"/>
                  </a:lnTo>
                  <a:lnTo>
                    <a:pt x="2357628" y="0"/>
                  </a:lnTo>
                  <a:lnTo>
                    <a:pt x="2371344" y="0"/>
                  </a:lnTo>
                  <a:lnTo>
                    <a:pt x="2371344" y="13716"/>
                  </a:lnTo>
                  <a:close/>
                </a:path>
                <a:path w="4805680" h="3823970">
                  <a:moveTo>
                    <a:pt x="2398775" y="13716"/>
                  </a:moveTo>
                  <a:lnTo>
                    <a:pt x="2385060" y="13716"/>
                  </a:lnTo>
                  <a:lnTo>
                    <a:pt x="2385060" y="0"/>
                  </a:lnTo>
                  <a:lnTo>
                    <a:pt x="2398775" y="0"/>
                  </a:lnTo>
                  <a:lnTo>
                    <a:pt x="2398775" y="13716"/>
                  </a:lnTo>
                  <a:close/>
                </a:path>
                <a:path w="4805680" h="3823970">
                  <a:moveTo>
                    <a:pt x="2427732" y="13716"/>
                  </a:moveTo>
                  <a:lnTo>
                    <a:pt x="2414016" y="13716"/>
                  </a:lnTo>
                  <a:lnTo>
                    <a:pt x="2414016" y="0"/>
                  </a:lnTo>
                  <a:lnTo>
                    <a:pt x="2427732" y="0"/>
                  </a:lnTo>
                  <a:lnTo>
                    <a:pt x="2427732" y="13716"/>
                  </a:lnTo>
                  <a:close/>
                </a:path>
                <a:path w="4805680" h="3823970">
                  <a:moveTo>
                    <a:pt x="2455164" y="13716"/>
                  </a:moveTo>
                  <a:lnTo>
                    <a:pt x="2441448" y="13716"/>
                  </a:lnTo>
                  <a:lnTo>
                    <a:pt x="2441448" y="0"/>
                  </a:lnTo>
                  <a:lnTo>
                    <a:pt x="2455164" y="0"/>
                  </a:lnTo>
                  <a:lnTo>
                    <a:pt x="2455164" y="13716"/>
                  </a:lnTo>
                  <a:close/>
                </a:path>
                <a:path w="4805680" h="3823970">
                  <a:moveTo>
                    <a:pt x="2484119" y="13716"/>
                  </a:moveTo>
                  <a:lnTo>
                    <a:pt x="2468880" y="13716"/>
                  </a:lnTo>
                  <a:lnTo>
                    <a:pt x="2468880" y="0"/>
                  </a:lnTo>
                  <a:lnTo>
                    <a:pt x="2484119" y="0"/>
                  </a:lnTo>
                  <a:lnTo>
                    <a:pt x="2484119" y="13716"/>
                  </a:lnTo>
                  <a:close/>
                </a:path>
                <a:path w="4805680" h="3823970">
                  <a:moveTo>
                    <a:pt x="2511552" y="13716"/>
                  </a:moveTo>
                  <a:lnTo>
                    <a:pt x="2497835" y="13716"/>
                  </a:lnTo>
                  <a:lnTo>
                    <a:pt x="2497835" y="0"/>
                  </a:lnTo>
                  <a:lnTo>
                    <a:pt x="2511552" y="0"/>
                  </a:lnTo>
                  <a:lnTo>
                    <a:pt x="2511552" y="13716"/>
                  </a:lnTo>
                  <a:close/>
                </a:path>
                <a:path w="4805680" h="3823970">
                  <a:moveTo>
                    <a:pt x="2538984" y="13716"/>
                  </a:moveTo>
                  <a:lnTo>
                    <a:pt x="2525268" y="13716"/>
                  </a:lnTo>
                  <a:lnTo>
                    <a:pt x="2525268" y="0"/>
                  </a:lnTo>
                  <a:lnTo>
                    <a:pt x="2538984" y="0"/>
                  </a:lnTo>
                  <a:lnTo>
                    <a:pt x="2538984" y="13716"/>
                  </a:lnTo>
                  <a:close/>
                </a:path>
                <a:path w="4805680" h="3823970">
                  <a:moveTo>
                    <a:pt x="2567939" y="13716"/>
                  </a:moveTo>
                  <a:lnTo>
                    <a:pt x="2554223" y="13716"/>
                  </a:lnTo>
                  <a:lnTo>
                    <a:pt x="2554223" y="0"/>
                  </a:lnTo>
                  <a:lnTo>
                    <a:pt x="2567939" y="0"/>
                  </a:lnTo>
                  <a:lnTo>
                    <a:pt x="2567939" y="13716"/>
                  </a:lnTo>
                  <a:close/>
                </a:path>
                <a:path w="4805680" h="3823970">
                  <a:moveTo>
                    <a:pt x="2595371" y="13716"/>
                  </a:moveTo>
                  <a:lnTo>
                    <a:pt x="2581655" y="13716"/>
                  </a:lnTo>
                  <a:lnTo>
                    <a:pt x="2581655" y="0"/>
                  </a:lnTo>
                  <a:lnTo>
                    <a:pt x="2595371" y="0"/>
                  </a:lnTo>
                  <a:lnTo>
                    <a:pt x="2595371" y="13716"/>
                  </a:lnTo>
                  <a:close/>
                </a:path>
                <a:path w="4805680" h="3823970">
                  <a:moveTo>
                    <a:pt x="2622803" y="13716"/>
                  </a:moveTo>
                  <a:lnTo>
                    <a:pt x="2609087" y="13716"/>
                  </a:lnTo>
                  <a:lnTo>
                    <a:pt x="2609087" y="0"/>
                  </a:lnTo>
                  <a:lnTo>
                    <a:pt x="2622803" y="0"/>
                  </a:lnTo>
                  <a:lnTo>
                    <a:pt x="2622803" y="13716"/>
                  </a:lnTo>
                  <a:close/>
                </a:path>
                <a:path w="4805680" h="3823970">
                  <a:moveTo>
                    <a:pt x="2651760" y="13716"/>
                  </a:moveTo>
                  <a:lnTo>
                    <a:pt x="2638044" y="13716"/>
                  </a:lnTo>
                  <a:lnTo>
                    <a:pt x="2638044" y="0"/>
                  </a:lnTo>
                  <a:lnTo>
                    <a:pt x="2651760" y="0"/>
                  </a:lnTo>
                  <a:lnTo>
                    <a:pt x="2651760" y="13716"/>
                  </a:lnTo>
                  <a:close/>
                </a:path>
                <a:path w="4805680" h="3823970">
                  <a:moveTo>
                    <a:pt x="2679191" y="13716"/>
                  </a:moveTo>
                  <a:lnTo>
                    <a:pt x="2665475" y="13716"/>
                  </a:lnTo>
                  <a:lnTo>
                    <a:pt x="2665475" y="0"/>
                  </a:lnTo>
                  <a:lnTo>
                    <a:pt x="2679191" y="0"/>
                  </a:lnTo>
                  <a:lnTo>
                    <a:pt x="2679191" y="13716"/>
                  </a:lnTo>
                  <a:close/>
                </a:path>
                <a:path w="4805680" h="3823970">
                  <a:moveTo>
                    <a:pt x="2708148" y="13716"/>
                  </a:moveTo>
                  <a:lnTo>
                    <a:pt x="2692907" y="13716"/>
                  </a:lnTo>
                  <a:lnTo>
                    <a:pt x="2692907" y="0"/>
                  </a:lnTo>
                  <a:lnTo>
                    <a:pt x="2708148" y="0"/>
                  </a:lnTo>
                  <a:lnTo>
                    <a:pt x="2708148" y="13716"/>
                  </a:lnTo>
                  <a:close/>
                </a:path>
                <a:path w="4805680" h="3823970">
                  <a:moveTo>
                    <a:pt x="2735580" y="13716"/>
                  </a:moveTo>
                  <a:lnTo>
                    <a:pt x="2721864" y="13716"/>
                  </a:lnTo>
                  <a:lnTo>
                    <a:pt x="2721864" y="0"/>
                  </a:lnTo>
                  <a:lnTo>
                    <a:pt x="2735580" y="0"/>
                  </a:lnTo>
                  <a:lnTo>
                    <a:pt x="2735580" y="13716"/>
                  </a:lnTo>
                  <a:close/>
                </a:path>
                <a:path w="4805680" h="3823970">
                  <a:moveTo>
                    <a:pt x="2763012" y="13716"/>
                  </a:moveTo>
                  <a:lnTo>
                    <a:pt x="2749296" y="13716"/>
                  </a:lnTo>
                  <a:lnTo>
                    <a:pt x="2749296" y="0"/>
                  </a:lnTo>
                  <a:lnTo>
                    <a:pt x="2763012" y="0"/>
                  </a:lnTo>
                  <a:lnTo>
                    <a:pt x="2763012" y="13716"/>
                  </a:lnTo>
                  <a:close/>
                </a:path>
                <a:path w="4805680" h="3823970">
                  <a:moveTo>
                    <a:pt x="2791968" y="13716"/>
                  </a:moveTo>
                  <a:lnTo>
                    <a:pt x="2778252" y="13716"/>
                  </a:lnTo>
                  <a:lnTo>
                    <a:pt x="2778252" y="0"/>
                  </a:lnTo>
                  <a:lnTo>
                    <a:pt x="2791968" y="0"/>
                  </a:lnTo>
                  <a:lnTo>
                    <a:pt x="2791968" y="13716"/>
                  </a:lnTo>
                  <a:close/>
                </a:path>
                <a:path w="4805680" h="3823970">
                  <a:moveTo>
                    <a:pt x="2819400" y="13716"/>
                  </a:moveTo>
                  <a:lnTo>
                    <a:pt x="2805684" y="13716"/>
                  </a:lnTo>
                  <a:lnTo>
                    <a:pt x="2805684" y="0"/>
                  </a:lnTo>
                  <a:lnTo>
                    <a:pt x="2819400" y="0"/>
                  </a:lnTo>
                  <a:lnTo>
                    <a:pt x="2819400" y="13716"/>
                  </a:lnTo>
                  <a:close/>
                </a:path>
                <a:path w="4805680" h="3823970">
                  <a:moveTo>
                    <a:pt x="2846832" y="13716"/>
                  </a:moveTo>
                  <a:lnTo>
                    <a:pt x="2833116" y="13716"/>
                  </a:lnTo>
                  <a:lnTo>
                    <a:pt x="2833116" y="0"/>
                  </a:lnTo>
                  <a:lnTo>
                    <a:pt x="2846832" y="0"/>
                  </a:lnTo>
                  <a:lnTo>
                    <a:pt x="2846832" y="13716"/>
                  </a:lnTo>
                  <a:close/>
                </a:path>
                <a:path w="4805680" h="3823970">
                  <a:moveTo>
                    <a:pt x="2875787" y="13716"/>
                  </a:moveTo>
                  <a:lnTo>
                    <a:pt x="2862071" y="13716"/>
                  </a:lnTo>
                  <a:lnTo>
                    <a:pt x="2862071" y="0"/>
                  </a:lnTo>
                  <a:lnTo>
                    <a:pt x="2875787" y="0"/>
                  </a:lnTo>
                  <a:lnTo>
                    <a:pt x="2875787" y="13716"/>
                  </a:lnTo>
                  <a:close/>
                </a:path>
                <a:path w="4805680" h="3823970">
                  <a:moveTo>
                    <a:pt x="2903219" y="13716"/>
                  </a:moveTo>
                  <a:lnTo>
                    <a:pt x="2889503" y="13716"/>
                  </a:lnTo>
                  <a:lnTo>
                    <a:pt x="2889503" y="0"/>
                  </a:lnTo>
                  <a:lnTo>
                    <a:pt x="2903219" y="0"/>
                  </a:lnTo>
                  <a:lnTo>
                    <a:pt x="2903219" y="13716"/>
                  </a:lnTo>
                  <a:close/>
                </a:path>
                <a:path w="4805680" h="3823970">
                  <a:moveTo>
                    <a:pt x="2932175" y="13716"/>
                  </a:moveTo>
                  <a:lnTo>
                    <a:pt x="2916935" y="13716"/>
                  </a:lnTo>
                  <a:lnTo>
                    <a:pt x="2916935" y="0"/>
                  </a:lnTo>
                  <a:lnTo>
                    <a:pt x="2932175" y="0"/>
                  </a:lnTo>
                  <a:lnTo>
                    <a:pt x="2932175" y="13716"/>
                  </a:lnTo>
                  <a:close/>
                </a:path>
                <a:path w="4805680" h="3823970">
                  <a:moveTo>
                    <a:pt x="2959607" y="13716"/>
                  </a:moveTo>
                  <a:lnTo>
                    <a:pt x="2945891" y="13716"/>
                  </a:lnTo>
                  <a:lnTo>
                    <a:pt x="2945891" y="0"/>
                  </a:lnTo>
                  <a:lnTo>
                    <a:pt x="2959607" y="0"/>
                  </a:lnTo>
                  <a:lnTo>
                    <a:pt x="2959607" y="13716"/>
                  </a:lnTo>
                  <a:close/>
                </a:path>
                <a:path w="4805680" h="3823970">
                  <a:moveTo>
                    <a:pt x="2987039" y="13716"/>
                  </a:moveTo>
                  <a:lnTo>
                    <a:pt x="2973323" y="13716"/>
                  </a:lnTo>
                  <a:lnTo>
                    <a:pt x="2973323" y="0"/>
                  </a:lnTo>
                  <a:lnTo>
                    <a:pt x="2987039" y="0"/>
                  </a:lnTo>
                  <a:lnTo>
                    <a:pt x="2987039" y="13716"/>
                  </a:lnTo>
                  <a:close/>
                </a:path>
                <a:path w="4805680" h="3823970">
                  <a:moveTo>
                    <a:pt x="3015996" y="13716"/>
                  </a:moveTo>
                  <a:lnTo>
                    <a:pt x="3002280" y="13716"/>
                  </a:lnTo>
                  <a:lnTo>
                    <a:pt x="3002280" y="0"/>
                  </a:lnTo>
                  <a:lnTo>
                    <a:pt x="3015996" y="0"/>
                  </a:lnTo>
                  <a:lnTo>
                    <a:pt x="3015996" y="13716"/>
                  </a:lnTo>
                  <a:close/>
                </a:path>
                <a:path w="4805680" h="3823970">
                  <a:moveTo>
                    <a:pt x="3043428" y="13716"/>
                  </a:moveTo>
                  <a:lnTo>
                    <a:pt x="3029712" y="13716"/>
                  </a:lnTo>
                  <a:lnTo>
                    <a:pt x="3029712" y="0"/>
                  </a:lnTo>
                  <a:lnTo>
                    <a:pt x="3043428" y="0"/>
                  </a:lnTo>
                  <a:lnTo>
                    <a:pt x="3043428" y="13716"/>
                  </a:lnTo>
                  <a:close/>
                </a:path>
                <a:path w="4805680" h="3823970">
                  <a:moveTo>
                    <a:pt x="3070860" y="13716"/>
                  </a:moveTo>
                  <a:lnTo>
                    <a:pt x="3057144" y="13716"/>
                  </a:lnTo>
                  <a:lnTo>
                    <a:pt x="3057144" y="0"/>
                  </a:lnTo>
                  <a:lnTo>
                    <a:pt x="3070860" y="0"/>
                  </a:lnTo>
                  <a:lnTo>
                    <a:pt x="3070860" y="13716"/>
                  </a:lnTo>
                  <a:close/>
                </a:path>
                <a:path w="4805680" h="3823970">
                  <a:moveTo>
                    <a:pt x="3099816" y="13716"/>
                  </a:moveTo>
                  <a:lnTo>
                    <a:pt x="3086100" y="13716"/>
                  </a:lnTo>
                  <a:lnTo>
                    <a:pt x="3086100" y="0"/>
                  </a:lnTo>
                  <a:lnTo>
                    <a:pt x="3099816" y="0"/>
                  </a:lnTo>
                  <a:lnTo>
                    <a:pt x="3099816" y="13716"/>
                  </a:lnTo>
                  <a:close/>
                </a:path>
                <a:path w="4805680" h="3823970">
                  <a:moveTo>
                    <a:pt x="3127248" y="13716"/>
                  </a:moveTo>
                  <a:lnTo>
                    <a:pt x="3113532" y="13716"/>
                  </a:lnTo>
                  <a:lnTo>
                    <a:pt x="3113532" y="0"/>
                  </a:lnTo>
                  <a:lnTo>
                    <a:pt x="3127248" y="0"/>
                  </a:lnTo>
                  <a:lnTo>
                    <a:pt x="3127248" y="13716"/>
                  </a:lnTo>
                  <a:close/>
                </a:path>
                <a:path w="4805680" h="3823970">
                  <a:moveTo>
                    <a:pt x="3156203" y="13716"/>
                  </a:moveTo>
                  <a:lnTo>
                    <a:pt x="3140964" y="13716"/>
                  </a:lnTo>
                  <a:lnTo>
                    <a:pt x="3140964" y="0"/>
                  </a:lnTo>
                  <a:lnTo>
                    <a:pt x="3156203" y="0"/>
                  </a:lnTo>
                  <a:lnTo>
                    <a:pt x="3156203" y="13716"/>
                  </a:lnTo>
                  <a:close/>
                </a:path>
                <a:path w="4805680" h="3823970">
                  <a:moveTo>
                    <a:pt x="3183635" y="13716"/>
                  </a:moveTo>
                  <a:lnTo>
                    <a:pt x="3169919" y="13716"/>
                  </a:lnTo>
                  <a:lnTo>
                    <a:pt x="3169919" y="0"/>
                  </a:lnTo>
                  <a:lnTo>
                    <a:pt x="3183635" y="0"/>
                  </a:lnTo>
                  <a:lnTo>
                    <a:pt x="3183635" y="13716"/>
                  </a:lnTo>
                  <a:close/>
                </a:path>
                <a:path w="4805680" h="3823970">
                  <a:moveTo>
                    <a:pt x="3211068" y="13716"/>
                  </a:moveTo>
                  <a:lnTo>
                    <a:pt x="3197352" y="13716"/>
                  </a:lnTo>
                  <a:lnTo>
                    <a:pt x="3197352" y="0"/>
                  </a:lnTo>
                  <a:lnTo>
                    <a:pt x="3211068" y="0"/>
                  </a:lnTo>
                  <a:lnTo>
                    <a:pt x="3211068" y="13716"/>
                  </a:lnTo>
                  <a:close/>
                </a:path>
                <a:path w="4805680" h="3823970">
                  <a:moveTo>
                    <a:pt x="3240023" y="13716"/>
                  </a:moveTo>
                  <a:lnTo>
                    <a:pt x="3226307" y="13716"/>
                  </a:lnTo>
                  <a:lnTo>
                    <a:pt x="3226307" y="0"/>
                  </a:lnTo>
                  <a:lnTo>
                    <a:pt x="3240023" y="0"/>
                  </a:lnTo>
                  <a:lnTo>
                    <a:pt x="3240023" y="13716"/>
                  </a:lnTo>
                  <a:close/>
                </a:path>
                <a:path w="4805680" h="3823970">
                  <a:moveTo>
                    <a:pt x="3267455" y="13716"/>
                  </a:moveTo>
                  <a:lnTo>
                    <a:pt x="3253739" y="13716"/>
                  </a:lnTo>
                  <a:lnTo>
                    <a:pt x="3253739" y="0"/>
                  </a:lnTo>
                  <a:lnTo>
                    <a:pt x="3267455" y="0"/>
                  </a:lnTo>
                  <a:lnTo>
                    <a:pt x="3267455" y="13716"/>
                  </a:lnTo>
                  <a:close/>
                </a:path>
                <a:path w="4805680" h="3823970">
                  <a:moveTo>
                    <a:pt x="3296412" y="13716"/>
                  </a:moveTo>
                  <a:lnTo>
                    <a:pt x="3281171" y="13716"/>
                  </a:lnTo>
                  <a:lnTo>
                    <a:pt x="3281171" y="0"/>
                  </a:lnTo>
                  <a:lnTo>
                    <a:pt x="3296412" y="0"/>
                  </a:lnTo>
                  <a:lnTo>
                    <a:pt x="3296412" y="13716"/>
                  </a:lnTo>
                  <a:close/>
                </a:path>
                <a:path w="4805680" h="3823970">
                  <a:moveTo>
                    <a:pt x="3323844" y="13716"/>
                  </a:moveTo>
                  <a:lnTo>
                    <a:pt x="3310128" y="13716"/>
                  </a:lnTo>
                  <a:lnTo>
                    <a:pt x="3310128" y="0"/>
                  </a:lnTo>
                  <a:lnTo>
                    <a:pt x="3323844" y="0"/>
                  </a:lnTo>
                  <a:lnTo>
                    <a:pt x="3323844" y="13716"/>
                  </a:lnTo>
                  <a:close/>
                </a:path>
                <a:path w="4805680" h="3823970">
                  <a:moveTo>
                    <a:pt x="3351275" y="13716"/>
                  </a:moveTo>
                  <a:lnTo>
                    <a:pt x="3337560" y="13716"/>
                  </a:lnTo>
                  <a:lnTo>
                    <a:pt x="3337560" y="0"/>
                  </a:lnTo>
                  <a:lnTo>
                    <a:pt x="3351275" y="0"/>
                  </a:lnTo>
                  <a:lnTo>
                    <a:pt x="3351275" y="13716"/>
                  </a:lnTo>
                  <a:close/>
                </a:path>
                <a:path w="4805680" h="3823970">
                  <a:moveTo>
                    <a:pt x="3380232" y="13716"/>
                  </a:moveTo>
                  <a:lnTo>
                    <a:pt x="3364991" y="13716"/>
                  </a:lnTo>
                  <a:lnTo>
                    <a:pt x="3364991" y="0"/>
                  </a:lnTo>
                  <a:lnTo>
                    <a:pt x="3380232" y="0"/>
                  </a:lnTo>
                  <a:lnTo>
                    <a:pt x="3380232" y="13716"/>
                  </a:lnTo>
                  <a:close/>
                </a:path>
                <a:path w="4805680" h="3823970">
                  <a:moveTo>
                    <a:pt x="3407664" y="13716"/>
                  </a:moveTo>
                  <a:lnTo>
                    <a:pt x="3393948" y="13716"/>
                  </a:lnTo>
                  <a:lnTo>
                    <a:pt x="3393948" y="0"/>
                  </a:lnTo>
                  <a:lnTo>
                    <a:pt x="3407664" y="0"/>
                  </a:lnTo>
                  <a:lnTo>
                    <a:pt x="3407664" y="13716"/>
                  </a:lnTo>
                  <a:close/>
                </a:path>
                <a:path w="4805680" h="3823970">
                  <a:moveTo>
                    <a:pt x="3435096" y="13716"/>
                  </a:moveTo>
                  <a:lnTo>
                    <a:pt x="3421380" y="13716"/>
                  </a:lnTo>
                  <a:lnTo>
                    <a:pt x="3421380" y="0"/>
                  </a:lnTo>
                  <a:lnTo>
                    <a:pt x="3435096" y="0"/>
                  </a:lnTo>
                  <a:lnTo>
                    <a:pt x="3435096" y="13716"/>
                  </a:lnTo>
                  <a:close/>
                </a:path>
                <a:path w="4805680" h="3823970">
                  <a:moveTo>
                    <a:pt x="3464052" y="13716"/>
                  </a:moveTo>
                  <a:lnTo>
                    <a:pt x="3450336" y="13716"/>
                  </a:lnTo>
                  <a:lnTo>
                    <a:pt x="3450336" y="0"/>
                  </a:lnTo>
                  <a:lnTo>
                    <a:pt x="3464052" y="0"/>
                  </a:lnTo>
                  <a:lnTo>
                    <a:pt x="3464052" y="13716"/>
                  </a:lnTo>
                  <a:close/>
                </a:path>
                <a:path w="4805680" h="3823970">
                  <a:moveTo>
                    <a:pt x="3491484" y="13716"/>
                  </a:moveTo>
                  <a:lnTo>
                    <a:pt x="3477768" y="13716"/>
                  </a:lnTo>
                  <a:lnTo>
                    <a:pt x="3477768" y="0"/>
                  </a:lnTo>
                  <a:lnTo>
                    <a:pt x="3491484" y="0"/>
                  </a:lnTo>
                  <a:lnTo>
                    <a:pt x="3491484" y="13716"/>
                  </a:lnTo>
                  <a:close/>
                </a:path>
                <a:path w="4805680" h="3823970">
                  <a:moveTo>
                    <a:pt x="3520439" y="13716"/>
                  </a:moveTo>
                  <a:lnTo>
                    <a:pt x="3505200" y="13716"/>
                  </a:lnTo>
                  <a:lnTo>
                    <a:pt x="3505200" y="0"/>
                  </a:lnTo>
                  <a:lnTo>
                    <a:pt x="3520439" y="0"/>
                  </a:lnTo>
                  <a:lnTo>
                    <a:pt x="3520439" y="13716"/>
                  </a:lnTo>
                  <a:close/>
                </a:path>
                <a:path w="4805680" h="3823970">
                  <a:moveTo>
                    <a:pt x="3547871" y="13716"/>
                  </a:moveTo>
                  <a:lnTo>
                    <a:pt x="3534155" y="13716"/>
                  </a:lnTo>
                  <a:lnTo>
                    <a:pt x="3534155" y="0"/>
                  </a:lnTo>
                  <a:lnTo>
                    <a:pt x="3547871" y="0"/>
                  </a:lnTo>
                  <a:lnTo>
                    <a:pt x="3547871" y="13716"/>
                  </a:lnTo>
                  <a:close/>
                </a:path>
                <a:path w="4805680" h="3823970">
                  <a:moveTo>
                    <a:pt x="3575303" y="13716"/>
                  </a:moveTo>
                  <a:lnTo>
                    <a:pt x="3561587" y="13716"/>
                  </a:lnTo>
                  <a:lnTo>
                    <a:pt x="3561587" y="0"/>
                  </a:lnTo>
                  <a:lnTo>
                    <a:pt x="3575303" y="0"/>
                  </a:lnTo>
                  <a:lnTo>
                    <a:pt x="3575303" y="13716"/>
                  </a:lnTo>
                  <a:close/>
                </a:path>
                <a:path w="4805680" h="3823970">
                  <a:moveTo>
                    <a:pt x="3604260" y="13716"/>
                  </a:moveTo>
                  <a:lnTo>
                    <a:pt x="3589019" y="13716"/>
                  </a:lnTo>
                  <a:lnTo>
                    <a:pt x="3589019" y="0"/>
                  </a:lnTo>
                  <a:lnTo>
                    <a:pt x="3604260" y="0"/>
                  </a:lnTo>
                  <a:lnTo>
                    <a:pt x="3604260" y="13716"/>
                  </a:lnTo>
                  <a:close/>
                </a:path>
                <a:path w="4805680" h="3823970">
                  <a:moveTo>
                    <a:pt x="3631691" y="13716"/>
                  </a:moveTo>
                  <a:lnTo>
                    <a:pt x="3617975" y="13716"/>
                  </a:lnTo>
                  <a:lnTo>
                    <a:pt x="3617975" y="0"/>
                  </a:lnTo>
                  <a:lnTo>
                    <a:pt x="3631691" y="0"/>
                  </a:lnTo>
                  <a:lnTo>
                    <a:pt x="3631691" y="13716"/>
                  </a:lnTo>
                  <a:close/>
                </a:path>
                <a:path w="4805680" h="3823970">
                  <a:moveTo>
                    <a:pt x="3659123" y="13716"/>
                  </a:moveTo>
                  <a:lnTo>
                    <a:pt x="3645407" y="13716"/>
                  </a:lnTo>
                  <a:lnTo>
                    <a:pt x="3645407" y="0"/>
                  </a:lnTo>
                  <a:lnTo>
                    <a:pt x="3659123" y="0"/>
                  </a:lnTo>
                  <a:lnTo>
                    <a:pt x="3659123" y="13716"/>
                  </a:lnTo>
                  <a:close/>
                </a:path>
                <a:path w="4805680" h="3823970">
                  <a:moveTo>
                    <a:pt x="3688080" y="13716"/>
                  </a:moveTo>
                  <a:lnTo>
                    <a:pt x="3674364" y="13716"/>
                  </a:lnTo>
                  <a:lnTo>
                    <a:pt x="3674364" y="0"/>
                  </a:lnTo>
                  <a:lnTo>
                    <a:pt x="3688080" y="0"/>
                  </a:lnTo>
                  <a:lnTo>
                    <a:pt x="3688080" y="13716"/>
                  </a:lnTo>
                  <a:close/>
                </a:path>
                <a:path w="4805680" h="3823970">
                  <a:moveTo>
                    <a:pt x="3715512" y="13716"/>
                  </a:moveTo>
                  <a:lnTo>
                    <a:pt x="3701796" y="13716"/>
                  </a:lnTo>
                  <a:lnTo>
                    <a:pt x="3701796" y="0"/>
                  </a:lnTo>
                  <a:lnTo>
                    <a:pt x="3715512" y="0"/>
                  </a:lnTo>
                  <a:lnTo>
                    <a:pt x="3715512" y="13716"/>
                  </a:lnTo>
                  <a:close/>
                </a:path>
                <a:path w="4805680" h="3823970">
                  <a:moveTo>
                    <a:pt x="3744468" y="13716"/>
                  </a:moveTo>
                  <a:lnTo>
                    <a:pt x="3729228" y="13716"/>
                  </a:lnTo>
                  <a:lnTo>
                    <a:pt x="3729228" y="0"/>
                  </a:lnTo>
                  <a:lnTo>
                    <a:pt x="3744468" y="0"/>
                  </a:lnTo>
                  <a:lnTo>
                    <a:pt x="3744468" y="13716"/>
                  </a:lnTo>
                  <a:close/>
                </a:path>
                <a:path w="4805680" h="3823970">
                  <a:moveTo>
                    <a:pt x="3771900" y="13716"/>
                  </a:moveTo>
                  <a:lnTo>
                    <a:pt x="3758184" y="13716"/>
                  </a:lnTo>
                  <a:lnTo>
                    <a:pt x="3758184" y="0"/>
                  </a:lnTo>
                  <a:lnTo>
                    <a:pt x="3771900" y="0"/>
                  </a:lnTo>
                  <a:lnTo>
                    <a:pt x="3771900" y="13716"/>
                  </a:lnTo>
                  <a:close/>
                </a:path>
                <a:path w="4805680" h="3823970">
                  <a:moveTo>
                    <a:pt x="3799332" y="13716"/>
                  </a:moveTo>
                  <a:lnTo>
                    <a:pt x="3785616" y="13716"/>
                  </a:lnTo>
                  <a:lnTo>
                    <a:pt x="3785616" y="0"/>
                  </a:lnTo>
                  <a:lnTo>
                    <a:pt x="3799332" y="0"/>
                  </a:lnTo>
                  <a:lnTo>
                    <a:pt x="3799332" y="13716"/>
                  </a:lnTo>
                  <a:close/>
                </a:path>
                <a:path w="4805680" h="3823970">
                  <a:moveTo>
                    <a:pt x="3828287" y="13716"/>
                  </a:moveTo>
                  <a:lnTo>
                    <a:pt x="3813048" y="13716"/>
                  </a:lnTo>
                  <a:lnTo>
                    <a:pt x="3813048" y="0"/>
                  </a:lnTo>
                  <a:lnTo>
                    <a:pt x="3828287" y="0"/>
                  </a:lnTo>
                  <a:lnTo>
                    <a:pt x="3828287" y="13716"/>
                  </a:lnTo>
                  <a:close/>
                </a:path>
                <a:path w="4805680" h="3823970">
                  <a:moveTo>
                    <a:pt x="3855720" y="13716"/>
                  </a:moveTo>
                  <a:lnTo>
                    <a:pt x="3842003" y="13716"/>
                  </a:lnTo>
                  <a:lnTo>
                    <a:pt x="3842003" y="0"/>
                  </a:lnTo>
                  <a:lnTo>
                    <a:pt x="3855720" y="0"/>
                  </a:lnTo>
                  <a:lnTo>
                    <a:pt x="3855720" y="13716"/>
                  </a:lnTo>
                  <a:close/>
                </a:path>
                <a:path w="4805680" h="3823970">
                  <a:moveTo>
                    <a:pt x="3883152" y="13716"/>
                  </a:moveTo>
                  <a:lnTo>
                    <a:pt x="3869436" y="13716"/>
                  </a:lnTo>
                  <a:lnTo>
                    <a:pt x="3869436" y="0"/>
                  </a:lnTo>
                  <a:lnTo>
                    <a:pt x="3883152" y="0"/>
                  </a:lnTo>
                  <a:lnTo>
                    <a:pt x="3883152" y="13716"/>
                  </a:lnTo>
                  <a:close/>
                </a:path>
                <a:path w="4805680" h="3823970">
                  <a:moveTo>
                    <a:pt x="3912107" y="13716"/>
                  </a:moveTo>
                  <a:lnTo>
                    <a:pt x="3898391" y="13716"/>
                  </a:lnTo>
                  <a:lnTo>
                    <a:pt x="3898391" y="0"/>
                  </a:lnTo>
                  <a:lnTo>
                    <a:pt x="3912107" y="0"/>
                  </a:lnTo>
                  <a:lnTo>
                    <a:pt x="3912107" y="13716"/>
                  </a:lnTo>
                  <a:close/>
                </a:path>
                <a:path w="4805680" h="3823970">
                  <a:moveTo>
                    <a:pt x="3939539" y="13716"/>
                  </a:moveTo>
                  <a:lnTo>
                    <a:pt x="3925823" y="13716"/>
                  </a:lnTo>
                  <a:lnTo>
                    <a:pt x="3925823" y="0"/>
                  </a:lnTo>
                  <a:lnTo>
                    <a:pt x="3939539" y="0"/>
                  </a:lnTo>
                  <a:lnTo>
                    <a:pt x="3939539" y="13716"/>
                  </a:lnTo>
                  <a:close/>
                </a:path>
                <a:path w="4805680" h="3823970">
                  <a:moveTo>
                    <a:pt x="3968496" y="13716"/>
                  </a:moveTo>
                  <a:lnTo>
                    <a:pt x="3953255" y="13716"/>
                  </a:lnTo>
                  <a:lnTo>
                    <a:pt x="3953255" y="0"/>
                  </a:lnTo>
                  <a:lnTo>
                    <a:pt x="3968496" y="0"/>
                  </a:lnTo>
                  <a:lnTo>
                    <a:pt x="3968496" y="13716"/>
                  </a:lnTo>
                  <a:close/>
                </a:path>
                <a:path w="4805680" h="3823970">
                  <a:moveTo>
                    <a:pt x="3995928" y="13716"/>
                  </a:moveTo>
                  <a:lnTo>
                    <a:pt x="3982212" y="13716"/>
                  </a:lnTo>
                  <a:lnTo>
                    <a:pt x="3982212" y="0"/>
                  </a:lnTo>
                  <a:lnTo>
                    <a:pt x="3995928" y="0"/>
                  </a:lnTo>
                  <a:lnTo>
                    <a:pt x="3995928" y="13716"/>
                  </a:lnTo>
                  <a:close/>
                </a:path>
                <a:path w="4805680" h="3823970">
                  <a:moveTo>
                    <a:pt x="4023360" y="13716"/>
                  </a:moveTo>
                  <a:lnTo>
                    <a:pt x="4009644" y="13716"/>
                  </a:lnTo>
                  <a:lnTo>
                    <a:pt x="4009644" y="0"/>
                  </a:lnTo>
                  <a:lnTo>
                    <a:pt x="4023360" y="0"/>
                  </a:lnTo>
                  <a:lnTo>
                    <a:pt x="4023360" y="13716"/>
                  </a:lnTo>
                  <a:close/>
                </a:path>
                <a:path w="4805680" h="3823970">
                  <a:moveTo>
                    <a:pt x="4052316" y="13716"/>
                  </a:moveTo>
                  <a:lnTo>
                    <a:pt x="4037075" y="13716"/>
                  </a:lnTo>
                  <a:lnTo>
                    <a:pt x="4037075" y="0"/>
                  </a:lnTo>
                  <a:lnTo>
                    <a:pt x="4052316" y="0"/>
                  </a:lnTo>
                  <a:lnTo>
                    <a:pt x="4052316" y="13716"/>
                  </a:lnTo>
                  <a:close/>
                </a:path>
                <a:path w="4805680" h="3823970">
                  <a:moveTo>
                    <a:pt x="4079748" y="13716"/>
                  </a:moveTo>
                  <a:lnTo>
                    <a:pt x="4066032" y="13716"/>
                  </a:lnTo>
                  <a:lnTo>
                    <a:pt x="4066032" y="0"/>
                  </a:lnTo>
                  <a:lnTo>
                    <a:pt x="4079748" y="0"/>
                  </a:lnTo>
                  <a:lnTo>
                    <a:pt x="4079748" y="13716"/>
                  </a:lnTo>
                  <a:close/>
                </a:path>
                <a:path w="4805680" h="3823970">
                  <a:moveTo>
                    <a:pt x="4107180" y="13716"/>
                  </a:moveTo>
                  <a:lnTo>
                    <a:pt x="4093464" y="13716"/>
                  </a:lnTo>
                  <a:lnTo>
                    <a:pt x="4093464" y="0"/>
                  </a:lnTo>
                  <a:lnTo>
                    <a:pt x="4107180" y="0"/>
                  </a:lnTo>
                  <a:lnTo>
                    <a:pt x="4107180" y="13716"/>
                  </a:lnTo>
                  <a:close/>
                </a:path>
                <a:path w="4805680" h="3823970">
                  <a:moveTo>
                    <a:pt x="4136136" y="13716"/>
                  </a:moveTo>
                  <a:lnTo>
                    <a:pt x="4122420" y="13716"/>
                  </a:lnTo>
                  <a:lnTo>
                    <a:pt x="4122420" y="0"/>
                  </a:lnTo>
                  <a:lnTo>
                    <a:pt x="4136136" y="0"/>
                  </a:lnTo>
                  <a:lnTo>
                    <a:pt x="4136136" y="13716"/>
                  </a:lnTo>
                  <a:close/>
                </a:path>
                <a:path w="4805680" h="3823970">
                  <a:moveTo>
                    <a:pt x="4163568" y="13716"/>
                  </a:moveTo>
                  <a:lnTo>
                    <a:pt x="4149852" y="13716"/>
                  </a:lnTo>
                  <a:lnTo>
                    <a:pt x="4149852" y="0"/>
                  </a:lnTo>
                  <a:lnTo>
                    <a:pt x="4163568" y="0"/>
                  </a:lnTo>
                  <a:lnTo>
                    <a:pt x="4163568" y="13716"/>
                  </a:lnTo>
                  <a:close/>
                </a:path>
                <a:path w="4805680" h="3823970">
                  <a:moveTo>
                    <a:pt x="4192523" y="13716"/>
                  </a:moveTo>
                  <a:lnTo>
                    <a:pt x="4177284" y="13716"/>
                  </a:lnTo>
                  <a:lnTo>
                    <a:pt x="4177284" y="0"/>
                  </a:lnTo>
                  <a:lnTo>
                    <a:pt x="4192523" y="0"/>
                  </a:lnTo>
                  <a:lnTo>
                    <a:pt x="4192523" y="13716"/>
                  </a:lnTo>
                  <a:close/>
                </a:path>
                <a:path w="4805680" h="3823970">
                  <a:moveTo>
                    <a:pt x="4219955" y="13716"/>
                  </a:moveTo>
                  <a:lnTo>
                    <a:pt x="4206239" y="13716"/>
                  </a:lnTo>
                  <a:lnTo>
                    <a:pt x="4206239" y="0"/>
                  </a:lnTo>
                  <a:lnTo>
                    <a:pt x="4219955" y="0"/>
                  </a:lnTo>
                  <a:lnTo>
                    <a:pt x="4219955" y="13716"/>
                  </a:lnTo>
                  <a:close/>
                </a:path>
                <a:path w="4805680" h="3823970">
                  <a:moveTo>
                    <a:pt x="4247387" y="13716"/>
                  </a:moveTo>
                  <a:lnTo>
                    <a:pt x="4233671" y="13716"/>
                  </a:lnTo>
                  <a:lnTo>
                    <a:pt x="4233671" y="0"/>
                  </a:lnTo>
                  <a:lnTo>
                    <a:pt x="4247387" y="0"/>
                  </a:lnTo>
                  <a:lnTo>
                    <a:pt x="4247387" y="13716"/>
                  </a:lnTo>
                  <a:close/>
                </a:path>
                <a:path w="4805680" h="3823970">
                  <a:moveTo>
                    <a:pt x="4276344" y="13716"/>
                  </a:moveTo>
                  <a:lnTo>
                    <a:pt x="4261103" y="13716"/>
                  </a:lnTo>
                  <a:lnTo>
                    <a:pt x="4261103" y="0"/>
                  </a:lnTo>
                  <a:lnTo>
                    <a:pt x="4276344" y="0"/>
                  </a:lnTo>
                  <a:lnTo>
                    <a:pt x="4276344" y="13716"/>
                  </a:lnTo>
                  <a:close/>
                </a:path>
                <a:path w="4805680" h="3823970">
                  <a:moveTo>
                    <a:pt x="4303775" y="13716"/>
                  </a:moveTo>
                  <a:lnTo>
                    <a:pt x="4290060" y="13716"/>
                  </a:lnTo>
                  <a:lnTo>
                    <a:pt x="4290060" y="0"/>
                  </a:lnTo>
                  <a:lnTo>
                    <a:pt x="4303775" y="0"/>
                  </a:lnTo>
                  <a:lnTo>
                    <a:pt x="4303775" y="13716"/>
                  </a:lnTo>
                  <a:close/>
                </a:path>
                <a:path w="4805680" h="3823970">
                  <a:moveTo>
                    <a:pt x="4331207" y="13716"/>
                  </a:moveTo>
                  <a:lnTo>
                    <a:pt x="4317492" y="13716"/>
                  </a:lnTo>
                  <a:lnTo>
                    <a:pt x="4317492" y="0"/>
                  </a:lnTo>
                  <a:lnTo>
                    <a:pt x="4331207" y="0"/>
                  </a:lnTo>
                  <a:lnTo>
                    <a:pt x="4331207" y="13716"/>
                  </a:lnTo>
                  <a:close/>
                </a:path>
                <a:path w="4805680" h="3823970">
                  <a:moveTo>
                    <a:pt x="4360164" y="13716"/>
                  </a:moveTo>
                  <a:lnTo>
                    <a:pt x="4346447" y="13716"/>
                  </a:lnTo>
                  <a:lnTo>
                    <a:pt x="4346447" y="0"/>
                  </a:lnTo>
                  <a:lnTo>
                    <a:pt x="4360164" y="0"/>
                  </a:lnTo>
                  <a:lnTo>
                    <a:pt x="4360164" y="13716"/>
                  </a:lnTo>
                  <a:close/>
                </a:path>
                <a:path w="4805680" h="3823970">
                  <a:moveTo>
                    <a:pt x="4387596" y="13716"/>
                  </a:moveTo>
                  <a:lnTo>
                    <a:pt x="4373879" y="13716"/>
                  </a:lnTo>
                  <a:lnTo>
                    <a:pt x="4373879" y="0"/>
                  </a:lnTo>
                  <a:lnTo>
                    <a:pt x="4387596" y="0"/>
                  </a:lnTo>
                  <a:lnTo>
                    <a:pt x="4387596" y="13716"/>
                  </a:lnTo>
                  <a:close/>
                </a:path>
                <a:path w="4805680" h="3823970">
                  <a:moveTo>
                    <a:pt x="4416552" y="13716"/>
                  </a:moveTo>
                  <a:lnTo>
                    <a:pt x="4401311" y="13716"/>
                  </a:lnTo>
                  <a:lnTo>
                    <a:pt x="4401311" y="0"/>
                  </a:lnTo>
                  <a:lnTo>
                    <a:pt x="4416552" y="0"/>
                  </a:lnTo>
                  <a:lnTo>
                    <a:pt x="4416552" y="13716"/>
                  </a:lnTo>
                  <a:close/>
                </a:path>
                <a:path w="4805680" h="3823970">
                  <a:moveTo>
                    <a:pt x="4443983" y="13716"/>
                  </a:moveTo>
                  <a:lnTo>
                    <a:pt x="4430268" y="13716"/>
                  </a:lnTo>
                  <a:lnTo>
                    <a:pt x="4430268" y="0"/>
                  </a:lnTo>
                  <a:lnTo>
                    <a:pt x="4443983" y="0"/>
                  </a:lnTo>
                  <a:lnTo>
                    <a:pt x="4443983" y="13716"/>
                  </a:lnTo>
                  <a:close/>
                </a:path>
                <a:path w="4805680" h="3823970">
                  <a:moveTo>
                    <a:pt x="4471415" y="13716"/>
                  </a:moveTo>
                  <a:lnTo>
                    <a:pt x="4457700" y="13716"/>
                  </a:lnTo>
                  <a:lnTo>
                    <a:pt x="4457700" y="0"/>
                  </a:lnTo>
                  <a:lnTo>
                    <a:pt x="4471415" y="0"/>
                  </a:lnTo>
                  <a:lnTo>
                    <a:pt x="4471415" y="13716"/>
                  </a:lnTo>
                  <a:close/>
                </a:path>
                <a:path w="4805680" h="3823970">
                  <a:moveTo>
                    <a:pt x="4500371" y="13716"/>
                  </a:moveTo>
                  <a:lnTo>
                    <a:pt x="4485132" y="13716"/>
                  </a:lnTo>
                  <a:lnTo>
                    <a:pt x="4485132" y="0"/>
                  </a:lnTo>
                  <a:lnTo>
                    <a:pt x="4500371" y="0"/>
                  </a:lnTo>
                  <a:lnTo>
                    <a:pt x="4500371" y="13716"/>
                  </a:lnTo>
                  <a:close/>
                </a:path>
                <a:path w="4805680" h="3823970">
                  <a:moveTo>
                    <a:pt x="4527803" y="13716"/>
                  </a:moveTo>
                  <a:lnTo>
                    <a:pt x="4514088" y="13716"/>
                  </a:lnTo>
                  <a:lnTo>
                    <a:pt x="4514088" y="0"/>
                  </a:lnTo>
                  <a:lnTo>
                    <a:pt x="4527803" y="0"/>
                  </a:lnTo>
                  <a:lnTo>
                    <a:pt x="4527803" y="13716"/>
                  </a:lnTo>
                  <a:close/>
                </a:path>
                <a:path w="4805680" h="3823970">
                  <a:moveTo>
                    <a:pt x="4555236" y="13716"/>
                  </a:moveTo>
                  <a:lnTo>
                    <a:pt x="4541520" y="13716"/>
                  </a:lnTo>
                  <a:lnTo>
                    <a:pt x="4541520" y="0"/>
                  </a:lnTo>
                  <a:lnTo>
                    <a:pt x="4555236" y="0"/>
                  </a:lnTo>
                  <a:lnTo>
                    <a:pt x="4555236" y="13716"/>
                  </a:lnTo>
                  <a:close/>
                </a:path>
                <a:path w="4805680" h="3823970">
                  <a:moveTo>
                    <a:pt x="4584192" y="13716"/>
                  </a:moveTo>
                  <a:lnTo>
                    <a:pt x="4570475" y="13716"/>
                  </a:lnTo>
                  <a:lnTo>
                    <a:pt x="4570475" y="0"/>
                  </a:lnTo>
                  <a:lnTo>
                    <a:pt x="4584192" y="0"/>
                  </a:lnTo>
                  <a:lnTo>
                    <a:pt x="4584192" y="13716"/>
                  </a:lnTo>
                  <a:close/>
                </a:path>
                <a:path w="4805680" h="3823970">
                  <a:moveTo>
                    <a:pt x="4611624" y="13716"/>
                  </a:moveTo>
                  <a:lnTo>
                    <a:pt x="4597907" y="13716"/>
                  </a:lnTo>
                  <a:lnTo>
                    <a:pt x="4597907" y="0"/>
                  </a:lnTo>
                  <a:lnTo>
                    <a:pt x="4611624" y="0"/>
                  </a:lnTo>
                  <a:lnTo>
                    <a:pt x="4611624" y="13716"/>
                  </a:lnTo>
                  <a:close/>
                </a:path>
                <a:path w="4805680" h="3823970">
                  <a:moveTo>
                    <a:pt x="4640579" y="13716"/>
                  </a:moveTo>
                  <a:lnTo>
                    <a:pt x="4625339" y="13716"/>
                  </a:lnTo>
                  <a:lnTo>
                    <a:pt x="4625339" y="0"/>
                  </a:lnTo>
                  <a:lnTo>
                    <a:pt x="4640579" y="0"/>
                  </a:lnTo>
                  <a:lnTo>
                    <a:pt x="4640579" y="13716"/>
                  </a:lnTo>
                  <a:close/>
                </a:path>
                <a:path w="4805680" h="3823970">
                  <a:moveTo>
                    <a:pt x="4668011" y="13716"/>
                  </a:moveTo>
                  <a:lnTo>
                    <a:pt x="4654296" y="13716"/>
                  </a:lnTo>
                  <a:lnTo>
                    <a:pt x="4654296" y="0"/>
                  </a:lnTo>
                  <a:lnTo>
                    <a:pt x="4668011" y="0"/>
                  </a:lnTo>
                  <a:lnTo>
                    <a:pt x="4668011" y="13716"/>
                  </a:lnTo>
                  <a:close/>
                </a:path>
                <a:path w="4805680" h="3823970">
                  <a:moveTo>
                    <a:pt x="4695443" y="13716"/>
                  </a:moveTo>
                  <a:lnTo>
                    <a:pt x="4681728" y="13716"/>
                  </a:lnTo>
                  <a:lnTo>
                    <a:pt x="4681728" y="0"/>
                  </a:lnTo>
                  <a:lnTo>
                    <a:pt x="4695443" y="0"/>
                  </a:lnTo>
                  <a:lnTo>
                    <a:pt x="4695443" y="13716"/>
                  </a:lnTo>
                  <a:close/>
                </a:path>
                <a:path w="4805680" h="3823970">
                  <a:moveTo>
                    <a:pt x="4724400" y="13716"/>
                  </a:moveTo>
                  <a:lnTo>
                    <a:pt x="4709160" y="13716"/>
                  </a:lnTo>
                  <a:lnTo>
                    <a:pt x="4709160" y="0"/>
                  </a:lnTo>
                  <a:lnTo>
                    <a:pt x="4724400" y="0"/>
                  </a:lnTo>
                  <a:lnTo>
                    <a:pt x="4724400" y="13716"/>
                  </a:lnTo>
                  <a:close/>
                </a:path>
                <a:path w="4805680" h="3823970">
                  <a:moveTo>
                    <a:pt x="4751832" y="13716"/>
                  </a:moveTo>
                  <a:lnTo>
                    <a:pt x="4738115" y="13716"/>
                  </a:lnTo>
                  <a:lnTo>
                    <a:pt x="4738115" y="0"/>
                  </a:lnTo>
                  <a:lnTo>
                    <a:pt x="4751832" y="0"/>
                  </a:lnTo>
                  <a:lnTo>
                    <a:pt x="4751832" y="13716"/>
                  </a:lnTo>
                  <a:close/>
                </a:path>
                <a:path w="4805680" h="3823970">
                  <a:moveTo>
                    <a:pt x="4779264" y="13716"/>
                  </a:moveTo>
                  <a:lnTo>
                    <a:pt x="4765547" y="13716"/>
                  </a:lnTo>
                  <a:lnTo>
                    <a:pt x="4765547" y="0"/>
                  </a:lnTo>
                  <a:lnTo>
                    <a:pt x="4779264" y="0"/>
                  </a:lnTo>
                  <a:lnTo>
                    <a:pt x="4779264" y="13716"/>
                  </a:lnTo>
                  <a:close/>
                </a:path>
                <a:path w="4805680" h="3823970">
                  <a:moveTo>
                    <a:pt x="4805171" y="13716"/>
                  </a:moveTo>
                  <a:lnTo>
                    <a:pt x="4799075" y="13716"/>
                  </a:lnTo>
                  <a:lnTo>
                    <a:pt x="4794504" y="9143"/>
                  </a:lnTo>
                  <a:lnTo>
                    <a:pt x="4794504" y="0"/>
                  </a:lnTo>
                  <a:lnTo>
                    <a:pt x="4805171" y="0"/>
                  </a:lnTo>
                  <a:lnTo>
                    <a:pt x="4805171" y="13716"/>
                  </a:lnTo>
                  <a:close/>
                </a:path>
                <a:path w="4805680" h="3823970">
                  <a:moveTo>
                    <a:pt x="4805171" y="16764"/>
                  </a:moveTo>
                  <a:lnTo>
                    <a:pt x="4791456" y="16764"/>
                  </a:lnTo>
                  <a:lnTo>
                    <a:pt x="4791456" y="6096"/>
                  </a:lnTo>
                  <a:lnTo>
                    <a:pt x="4794504" y="9143"/>
                  </a:lnTo>
                  <a:lnTo>
                    <a:pt x="4794504" y="13716"/>
                  </a:lnTo>
                  <a:lnTo>
                    <a:pt x="4805171" y="13716"/>
                  </a:lnTo>
                  <a:lnTo>
                    <a:pt x="4805171" y="16764"/>
                  </a:lnTo>
                  <a:close/>
                </a:path>
                <a:path w="4805680" h="3823970">
                  <a:moveTo>
                    <a:pt x="4799075" y="13716"/>
                  </a:moveTo>
                  <a:lnTo>
                    <a:pt x="4794504" y="13716"/>
                  </a:lnTo>
                  <a:lnTo>
                    <a:pt x="4794504" y="9143"/>
                  </a:lnTo>
                  <a:lnTo>
                    <a:pt x="4799075" y="13716"/>
                  </a:lnTo>
                  <a:close/>
                </a:path>
                <a:path w="4805680" h="3823970">
                  <a:moveTo>
                    <a:pt x="4805171" y="44196"/>
                  </a:moveTo>
                  <a:lnTo>
                    <a:pt x="4791456" y="44196"/>
                  </a:lnTo>
                  <a:lnTo>
                    <a:pt x="4791456" y="30480"/>
                  </a:lnTo>
                  <a:lnTo>
                    <a:pt x="4805171" y="30480"/>
                  </a:lnTo>
                  <a:lnTo>
                    <a:pt x="4805171" y="44196"/>
                  </a:lnTo>
                  <a:close/>
                </a:path>
                <a:path w="4805680" h="3823970">
                  <a:moveTo>
                    <a:pt x="4805171" y="71628"/>
                  </a:moveTo>
                  <a:lnTo>
                    <a:pt x="4791456" y="71628"/>
                  </a:lnTo>
                  <a:lnTo>
                    <a:pt x="4791456" y="57912"/>
                  </a:lnTo>
                  <a:lnTo>
                    <a:pt x="4805171" y="57912"/>
                  </a:lnTo>
                  <a:lnTo>
                    <a:pt x="4805171" y="71628"/>
                  </a:lnTo>
                  <a:close/>
                </a:path>
                <a:path w="4805680" h="3823970">
                  <a:moveTo>
                    <a:pt x="4805171" y="100583"/>
                  </a:moveTo>
                  <a:lnTo>
                    <a:pt x="4791456" y="100583"/>
                  </a:lnTo>
                  <a:lnTo>
                    <a:pt x="4791456" y="86867"/>
                  </a:lnTo>
                  <a:lnTo>
                    <a:pt x="4805171" y="86867"/>
                  </a:lnTo>
                  <a:lnTo>
                    <a:pt x="4805171" y="100583"/>
                  </a:lnTo>
                  <a:close/>
                </a:path>
                <a:path w="4805680" h="3823970">
                  <a:moveTo>
                    <a:pt x="4805171" y="128016"/>
                  </a:moveTo>
                  <a:lnTo>
                    <a:pt x="4791456" y="128016"/>
                  </a:lnTo>
                  <a:lnTo>
                    <a:pt x="4791456" y="114300"/>
                  </a:lnTo>
                  <a:lnTo>
                    <a:pt x="4805171" y="114300"/>
                  </a:lnTo>
                  <a:lnTo>
                    <a:pt x="4805171" y="128016"/>
                  </a:lnTo>
                  <a:close/>
                </a:path>
                <a:path w="4805680" h="3823970">
                  <a:moveTo>
                    <a:pt x="4805171" y="156972"/>
                  </a:moveTo>
                  <a:lnTo>
                    <a:pt x="4791456" y="156972"/>
                  </a:lnTo>
                  <a:lnTo>
                    <a:pt x="4791456" y="141732"/>
                  </a:lnTo>
                  <a:lnTo>
                    <a:pt x="4805171" y="141732"/>
                  </a:lnTo>
                  <a:lnTo>
                    <a:pt x="4805171" y="156972"/>
                  </a:lnTo>
                  <a:close/>
                </a:path>
                <a:path w="4805680" h="3823970">
                  <a:moveTo>
                    <a:pt x="4805171" y="184404"/>
                  </a:moveTo>
                  <a:lnTo>
                    <a:pt x="4791456" y="184404"/>
                  </a:lnTo>
                  <a:lnTo>
                    <a:pt x="4791456" y="170688"/>
                  </a:lnTo>
                  <a:lnTo>
                    <a:pt x="4805171" y="170688"/>
                  </a:lnTo>
                  <a:lnTo>
                    <a:pt x="4805171" y="184404"/>
                  </a:lnTo>
                  <a:close/>
                </a:path>
                <a:path w="4805680" h="3823970">
                  <a:moveTo>
                    <a:pt x="4805171" y="211836"/>
                  </a:moveTo>
                  <a:lnTo>
                    <a:pt x="4791456" y="211836"/>
                  </a:lnTo>
                  <a:lnTo>
                    <a:pt x="4791456" y="198120"/>
                  </a:lnTo>
                  <a:lnTo>
                    <a:pt x="4805171" y="198120"/>
                  </a:lnTo>
                  <a:lnTo>
                    <a:pt x="4805171" y="211836"/>
                  </a:lnTo>
                  <a:close/>
                </a:path>
                <a:path w="4805680" h="3823970">
                  <a:moveTo>
                    <a:pt x="4805171" y="240791"/>
                  </a:moveTo>
                  <a:lnTo>
                    <a:pt x="4791456" y="240791"/>
                  </a:lnTo>
                  <a:lnTo>
                    <a:pt x="4791456" y="227075"/>
                  </a:lnTo>
                  <a:lnTo>
                    <a:pt x="4805171" y="227075"/>
                  </a:lnTo>
                  <a:lnTo>
                    <a:pt x="4805171" y="240791"/>
                  </a:lnTo>
                  <a:close/>
                </a:path>
                <a:path w="4805680" h="3823970">
                  <a:moveTo>
                    <a:pt x="4805171" y="268224"/>
                  </a:moveTo>
                  <a:lnTo>
                    <a:pt x="4791456" y="268224"/>
                  </a:lnTo>
                  <a:lnTo>
                    <a:pt x="4791456" y="254508"/>
                  </a:lnTo>
                  <a:lnTo>
                    <a:pt x="4805171" y="254508"/>
                  </a:lnTo>
                  <a:lnTo>
                    <a:pt x="4805171" y="268224"/>
                  </a:lnTo>
                  <a:close/>
                </a:path>
                <a:path w="4805680" h="3823970">
                  <a:moveTo>
                    <a:pt x="4805171" y="295656"/>
                  </a:moveTo>
                  <a:lnTo>
                    <a:pt x="4791456" y="295656"/>
                  </a:lnTo>
                  <a:lnTo>
                    <a:pt x="4791456" y="281940"/>
                  </a:lnTo>
                  <a:lnTo>
                    <a:pt x="4805171" y="281940"/>
                  </a:lnTo>
                  <a:lnTo>
                    <a:pt x="4805171" y="295656"/>
                  </a:lnTo>
                  <a:close/>
                </a:path>
                <a:path w="4805680" h="3823970">
                  <a:moveTo>
                    <a:pt x="4805171" y="324612"/>
                  </a:moveTo>
                  <a:lnTo>
                    <a:pt x="4791456" y="324612"/>
                  </a:lnTo>
                  <a:lnTo>
                    <a:pt x="4791456" y="310896"/>
                  </a:lnTo>
                  <a:lnTo>
                    <a:pt x="4805171" y="310896"/>
                  </a:lnTo>
                  <a:lnTo>
                    <a:pt x="4805171" y="324612"/>
                  </a:lnTo>
                  <a:close/>
                </a:path>
                <a:path w="4805680" h="3823970">
                  <a:moveTo>
                    <a:pt x="4805171" y="352044"/>
                  </a:moveTo>
                  <a:lnTo>
                    <a:pt x="4791456" y="352044"/>
                  </a:lnTo>
                  <a:lnTo>
                    <a:pt x="4791456" y="338328"/>
                  </a:lnTo>
                  <a:lnTo>
                    <a:pt x="4805171" y="338328"/>
                  </a:lnTo>
                  <a:lnTo>
                    <a:pt x="4805171" y="352044"/>
                  </a:lnTo>
                  <a:close/>
                </a:path>
                <a:path w="4805680" h="3823970">
                  <a:moveTo>
                    <a:pt x="4805171" y="381000"/>
                  </a:moveTo>
                  <a:lnTo>
                    <a:pt x="4791456" y="381000"/>
                  </a:lnTo>
                  <a:lnTo>
                    <a:pt x="4791456" y="365760"/>
                  </a:lnTo>
                  <a:lnTo>
                    <a:pt x="4805171" y="365760"/>
                  </a:lnTo>
                  <a:lnTo>
                    <a:pt x="4805171" y="381000"/>
                  </a:lnTo>
                  <a:close/>
                </a:path>
                <a:path w="4805680" h="3823970">
                  <a:moveTo>
                    <a:pt x="4805171" y="408432"/>
                  </a:moveTo>
                  <a:lnTo>
                    <a:pt x="4791456" y="408432"/>
                  </a:lnTo>
                  <a:lnTo>
                    <a:pt x="4791456" y="394716"/>
                  </a:lnTo>
                  <a:lnTo>
                    <a:pt x="4805171" y="394716"/>
                  </a:lnTo>
                  <a:lnTo>
                    <a:pt x="4805171" y="408432"/>
                  </a:lnTo>
                  <a:close/>
                </a:path>
                <a:path w="4805680" h="3823970">
                  <a:moveTo>
                    <a:pt x="4805171" y="435864"/>
                  </a:moveTo>
                  <a:lnTo>
                    <a:pt x="4791456" y="435864"/>
                  </a:lnTo>
                  <a:lnTo>
                    <a:pt x="4791456" y="422148"/>
                  </a:lnTo>
                  <a:lnTo>
                    <a:pt x="4805171" y="422148"/>
                  </a:lnTo>
                  <a:lnTo>
                    <a:pt x="4805171" y="435864"/>
                  </a:lnTo>
                  <a:close/>
                </a:path>
                <a:path w="4805680" h="3823970">
                  <a:moveTo>
                    <a:pt x="4805171" y="464820"/>
                  </a:moveTo>
                  <a:lnTo>
                    <a:pt x="4791456" y="464820"/>
                  </a:lnTo>
                  <a:lnTo>
                    <a:pt x="4791456" y="451104"/>
                  </a:lnTo>
                  <a:lnTo>
                    <a:pt x="4805171" y="451104"/>
                  </a:lnTo>
                  <a:lnTo>
                    <a:pt x="4805171" y="464820"/>
                  </a:lnTo>
                  <a:close/>
                </a:path>
                <a:path w="4805680" h="3823970">
                  <a:moveTo>
                    <a:pt x="4805171" y="492252"/>
                  </a:moveTo>
                  <a:lnTo>
                    <a:pt x="4791456" y="492252"/>
                  </a:lnTo>
                  <a:lnTo>
                    <a:pt x="4791456" y="478536"/>
                  </a:lnTo>
                  <a:lnTo>
                    <a:pt x="4805171" y="478536"/>
                  </a:lnTo>
                  <a:lnTo>
                    <a:pt x="4805171" y="492252"/>
                  </a:lnTo>
                  <a:close/>
                </a:path>
                <a:path w="4805680" h="3823970">
                  <a:moveTo>
                    <a:pt x="4805171" y="519683"/>
                  </a:moveTo>
                  <a:lnTo>
                    <a:pt x="4791456" y="519683"/>
                  </a:lnTo>
                  <a:lnTo>
                    <a:pt x="4791456" y="505967"/>
                  </a:lnTo>
                  <a:lnTo>
                    <a:pt x="4805171" y="505967"/>
                  </a:lnTo>
                  <a:lnTo>
                    <a:pt x="4805171" y="519683"/>
                  </a:lnTo>
                  <a:close/>
                </a:path>
                <a:path w="4805680" h="3823970">
                  <a:moveTo>
                    <a:pt x="4805171" y="548640"/>
                  </a:moveTo>
                  <a:lnTo>
                    <a:pt x="4791456" y="548640"/>
                  </a:lnTo>
                  <a:lnTo>
                    <a:pt x="4791456" y="534924"/>
                  </a:lnTo>
                  <a:lnTo>
                    <a:pt x="4805171" y="534924"/>
                  </a:lnTo>
                  <a:lnTo>
                    <a:pt x="4805171" y="548640"/>
                  </a:lnTo>
                  <a:close/>
                </a:path>
                <a:path w="4805680" h="3823970">
                  <a:moveTo>
                    <a:pt x="4805171" y="576072"/>
                  </a:moveTo>
                  <a:lnTo>
                    <a:pt x="4791456" y="576072"/>
                  </a:lnTo>
                  <a:lnTo>
                    <a:pt x="4791456" y="562356"/>
                  </a:lnTo>
                  <a:lnTo>
                    <a:pt x="4805171" y="562356"/>
                  </a:lnTo>
                  <a:lnTo>
                    <a:pt x="4805171" y="576072"/>
                  </a:lnTo>
                  <a:close/>
                </a:path>
                <a:path w="4805680" h="3823970">
                  <a:moveTo>
                    <a:pt x="4805171" y="605028"/>
                  </a:moveTo>
                  <a:lnTo>
                    <a:pt x="4791456" y="605028"/>
                  </a:lnTo>
                  <a:lnTo>
                    <a:pt x="4791456" y="589788"/>
                  </a:lnTo>
                  <a:lnTo>
                    <a:pt x="4805171" y="589788"/>
                  </a:lnTo>
                  <a:lnTo>
                    <a:pt x="4805171" y="605028"/>
                  </a:lnTo>
                  <a:close/>
                </a:path>
                <a:path w="4805680" h="3823970">
                  <a:moveTo>
                    <a:pt x="4805171" y="632460"/>
                  </a:moveTo>
                  <a:lnTo>
                    <a:pt x="4791456" y="632460"/>
                  </a:lnTo>
                  <a:lnTo>
                    <a:pt x="4791456" y="618744"/>
                  </a:lnTo>
                  <a:lnTo>
                    <a:pt x="4805171" y="618744"/>
                  </a:lnTo>
                  <a:lnTo>
                    <a:pt x="4805171" y="632460"/>
                  </a:lnTo>
                  <a:close/>
                </a:path>
                <a:path w="4805680" h="3823970">
                  <a:moveTo>
                    <a:pt x="4805171" y="659892"/>
                  </a:moveTo>
                  <a:lnTo>
                    <a:pt x="4791456" y="659892"/>
                  </a:lnTo>
                  <a:lnTo>
                    <a:pt x="4791456" y="646175"/>
                  </a:lnTo>
                  <a:lnTo>
                    <a:pt x="4805171" y="646175"/>
                  </a:lnTo>
                  <a:lnTo>
                    <a:pt x="4805171" y="659892"/>
                  </a:lnTo>
                  <a:close/>
                </a:path>
                <a:path w="4805680" h="3823970">
                  <a:moveTo>
                    <a:pt x="4805171" y="688848"/>
                  </a:moveTo>
                  <a:lnTo>
                    <a:pt x="4791456" y="688848"/>
                  </a:lnTo>
                  <a:lnTo>
                    <a:pt x="4791456" y="675132"/>
                  </a:lnTo>
                  <a:lnTo>
                    <a:pt x="4805171" y="675132"/>
                  </a:lnTo>
                  <a:lnTo>
                    <a:pt x="4805171" y="688848"/>
                  </a:lnTo>
                  <a:close/>
                </a:path>
                <a:path w="4805680" h="3823970">
                  <a:moveTo>
                    <a:pt x="4805171" y="716280"/>
                  </a:moveTo>
                  <a:lnTo>
                    <a:pt x="4791456" y="716280"/>
                  </a:lnTo>
                  <a:lnTo>
                    <a:pt x="4791456" y="702564"/>
                  </a:lnTo>
                  <a:lnTo>
                    <a:pt x="4805171" y="702564"/>
                  </a:lnTo>
                  <a:lnTo>
                    <a:pt x="4805171" y="716280"/>
                  </a:lnTo>
                  <a:close/>
                </a:path>
                <a:path w="4805680" h="3823970">
                  <a:moveTo>
                    <a:pt x="4805171" y="743712"/>
                  </a:moveTo>
                  <a:lnTo>
                    <a:pt x="4791456" y="743712"/>
                  </a:lnTo>
                  <a:lnTo>
                    <a:pt x="4791456" y="729996"/>
                  </a:lnTo>
                  <a:lnTo>
                    <a:pt x="4805171" y="729996"/>
                  </a:lnTo>
                  <a:lnTo>
                    <a:pt x="4805171" y="743712"/>
                  </a:lnTo>
                  <a:close/>
                </a:path>
                <a:path w="4805680" h="3823970">
                  <a:moveTo>
                    <a:pt x="4805171" y="772667"/>
                  </a:moveTo>
                  <a:lnTo>
                    <a:pt x="4791456" y="772667"/>
                  </a:lnTo>
                  <a:lnTo>
                    <a:pt x="4791456" y="758952"/>
                  </a:lnTo>
                  <a:lnTo>
                    <a:pt x="4805171" y="758952"/>
                  </a:lnTo>
                  <a:lnTo>
                    <a:pt x="4805171" y="772667"/>
                  </a:lnTo>
                  <a:close/>
                </a:path>
                <a:path w="4805680" h="3823970">
                  <a:moveTo>
                    <a:pt x="4805171" y="800100"/>
                  </a:moveTo>
                  <a:lnTo>
                    <a:pt x="4791456" y="800100"/>
                  </a:lnTo>
                  <a:lnTo>
                    <a:pt x="4791456" y="786384"/>
                  </a:lnTo>
                  <a:lnTo>
                    <a:pt x="4805171" y="786384"/>
                  </a:lnTo>
                  <a:lnTo>
                    <a:pt x="4805171" y="800100"/>
                  </a:lnTo>
                  <a:close/>
                </a:path>
                <a:path w="4805680" h="3823970">
                  <a:moveTo>
                    <a:pt x="4805171" y="829056"/>
                  </a:moveTo>
                  <a:lnTo>
                    <a:pt x="4791456" y="829056"/>
                  </a:lnTo>
                  <a:lnTo>
                    <a:pt x="4791456" y="813816"/>
                  </a:lnTo>
                  <a:lnTo>
                    <a:pt x="4805171" y="813816"/>
                  </a:lnTo>
                  <a:lnTo>
                    <a:pt x="4805171" y="829056"/>
                  </a:lnTo>
                  <a:close/>
                </a:path>
                <a:path w="4805680" h="3823970">
                  <a:moveTo>
                    <a:pt x="4805171" y="856488"/>
                  </a:moveTo>
                  <a:lnTo>
                    <a:pt x="4791456" y="856488"/>
                  </a:lnTo>
                  <a:lnTo>
                    <a:pt x="4791456" y="842772"/>
                  </a:lnTo>
                  <a:lnTo>
                    <a:pt x="4805171" y="842772"/>
                  </a:lnTo>
                  <a:lnTo>
                    <a:pt x="4805171" y="856488"/>
                  </a:lnTo>
                  <a:close/>
                </a:path>
                <a:path w="4805680" h="3823970">
                  <a:moveTo>
                    <a:pt x="4805171" y="883920"/>
                  </a:moveTo>
                  <a:lnTo>
                    <a:pt x="4791456" y="883920"/>
                  </a:lnTo>
                  <a:lnTo>
                    <a:pt x="4791456" y="870204"/>
                  </a:lnTo>
                  <a:lnTo>
                    <a:pt x="4805171" y="870204"/>
                  </a:lnTo>
                  <a:lnTo>
                    <a:pt x="4805171" y="883920"/>
                  </a:lnTo>
                  <a:close/>
                </a:path>
                <a:path w="4805680" h="3823970">
                  <a:moveTo>
                    <a:pt x="4805171" y="912875"/>
                  </a:moveTo>
                  <a:lnTo>
                    <a:pt x="4791456" y="912875"/>
                  </a:lnTo>
                  <a:lnTo>
                    <a:pt x="4791456" y="899160"/>
                  </a:lnTo>
                  <a:lnTo>
                    <a:pt x="4805171" y="899160"/>
                  </a:lnTo>
                  <a:lnTo>
                    <a:pt x="4805171" y="912875"/>
                  </a:lnTo>
                  <a:close/>
                </a:path>
                <a:path w="4805680" h="3823970">
                  <a:moveTo>
                    <a:pt x="4805171" y="940308"/>
                  </a:moveTo>
                  <a:lnTo>
                    <a:pt x="4791456" y="940308"/>
                  </a:lnTo>
                  <a:lnTo>
                    <a:pt x="4791456" y="926592"/>
                  </a:lnTo>
                  <a:lnTo>
                    <a:pt x="4805171" y="926592"/>
                  </a:lnTo>
                  <a:lnTo>
                    <a:pt x="4805171" y="940308"/>
                  </a:lnTo>
                  <a:close/>
                </a:path>
                <a:path w="4805680" h="3823970">
                  <a:moveTo>
                    <a:pt x="4805171" y="969264"/>
                  </a:moveTo>
                  <a:lnTo>
                    <a:pt x="4791456" y="969264"/>
                  </a:lnTo>
                  <a:lnTo>
                    <a:pt x="4791456" y="954024"/>
                  </a:lnTo>
                  <a:lnTo>
                    <a:pt x="4805171" y="954024"/>
                  </a:lnTo>
                  <a:lnTo>
                    <a:pt x="4805171" y="969264"/>
                  </a:lnTo>
                  <a:close/>
                </a:path>
                <a:path w="4805680" h="3823970">
                  <a:moveTo>
                    <a:pt x="4805171" y="996696"/>
                  </a:moveTo>
                  <a:lnTo>
                    <a:pt x="4791456" y="996696"/>
                  </a:lnTo>
                  <a:lnTo>
                    <a:pt x="4791456" y="982980"/>
                  </a:lnTo>
                  <a:lnTo>
                    <a:pt x="4805171" y="982980"/>
                  </a:lnTo>
                  <a:lnTo>
                    <a:pt x="4805171" y="996696"/>
                  </a:lnTo>
                  <a:close/>
                </a:path>
                <a:path w="4805680" h="3823970">
                  <a:moveTo>
                    <a:pt x="4805171" y="1024128"/>
                  </a:moveTo>
                  <a:lnTo>
                    <a:pt x="4791456" y="1024128"/>
                  </a:lnTo>
                  <a:lnTo>
                    <a:pt x="4791456" y="1010412"/>
                  </a:lnTo>
                  <a:lnTo>
                    <a:pt x="4805171" y="1010412"/>
                  </a:lnTo>
                  <a:lnTo>
                    <a:pt x="4805171" y="1024128"/>
                  </a:lnTo>
                  <a:close/>
                </a:path>
                <a:path w="4805680" h="3823970">
                  <a:moveTo>
                    <a:pt x="4805171" y="1053084"/>
                  </a:moveTo>
                  <a:lnTo>
                    <a:pt x="4791456" y="1053084"/>
                  </a:lnTo>
                  <a:lnTo>
                    <a:pt x="4791456" y="1037844"/>
                  </a:lnTo>
                  <a:lnTo>
                    <a:pt x="4805171" y="1037844"/>
                  </a:lnTo>
                  <a:lnTo>
                    <a:pt x="4805171" y="1053084"/>
                  </a:lnTo>
                  <a:close/>
                </a:path>
                <a:path w="4805680" h="3823970">
                  <a:moveTo>
                    <a:pt x="4805171" y="1080516"/>
                  </a:moveTo>
                  <a:lnTo>
                    <a:pt x="4791456" y="1080516"/>
                  </a:lnTo>
                  <a:lnTo>
                    <a:pt x="4791456" y="1066800"/>
                  </a:lnTo>
                  <a:lnTo>
                    <a:pt x="4805171" y="1066800"/>
                  </a:lnTo>
                  <a:lnTo>
                    <a:pt x="4805171" y="1080516"/>
                  </a:lnTo>
                  <a:close/>
                </a:path>
                <a:path w="4805680" h="3823970">
                  <a:moveTo>
                    <a:pt x="4805171" y="1107948"/>
                  </a:moveTo>
                  <a:lnTo>
                    <a:pt x="4791456" y="1107948"/>
                  </a:lnTo>
                  <a:lnTo>
                    <a:pt x="4791456" y="1094232"/>
                  </a:lnTo>
                  <a:lnTo>
                    <a:pt x="4805171" y="1094232"/>
                  </a:lnTo>
                  <a:lnTo>
                    <a:pt x="4805171" y="1107948"/>
                  </a:lnTo>
                  <a:close/>
                </a:path>
                <a:path w="4805680" h="3823970">
                  <a:moveTo>
                    <a:pt x="4805171" y="1136904"/>
                  </a:moveTo>
                  <a:lnTo>
                    <a:pt x="4791456" y="1136904"/>
                  </a:lnTo>
                  <a:lnTo>
                    <a:pt x="4791456" y="1123188"/>
                  </a:lnTo>
                  <a:lnTo>
                    <a:pt x="4805171" y="1123188"/>
                  </a:lnTo>
                  <a:lnTo>
                    <a:pt x="4805171" y="1136904"/>
                  </a:lnTo>
                  <a:close/>
                </a:path>
                <a:path w="4805680" h="3823970">
                  <a:moveTo>
                    <a:pt x="4805171" y="1164336"/>
                  </a:moveTo>
                  <a:lnTo>
                    <a:pt x="4791456" y="1164336"/>
                  </a:lnTo>
                  <a:lnTo>
                    <a:pt x="4791456" y="1150620"/>
                  </a:lnTo>
                  <a:lnTo>
                    <a:pt x="4805171" y="1150620"/>
                  </a:lnTo>
                  <a:lnTo>
                    <a:pt x="4805171" y="1164336"/>
                  </a:lnTo>
                  <a:close/>
                </a:path>
                <a:path w="4805680" h="3823970">
                  <a:moveTo>
                    <a:pt x="4805171" y="1193292"/>
                  </a:moveTo>
                  <a:lnTo>
                    <a:pt x="4791456" y="1193292"/>
                  </a:lnTo>
                  <a:lnTo>
                    <a:pt x="4791456" y="1178052"/>
                  </a:lnTo>
                  <a:lnTo>
                    <a:pt x="4805171" y="1178052"/>
                  </a:lnTo>
                  <a:lnTo>
                    <a:pt x="4805171" y="1193292"/>
                  </a:lnTo>
                  <a:close/>
                </a:path>
                <a:path w="4805680" h="3823970">
                  <a:moveTo>
                    <a:pt x="4805171" y="1220724"/>
                  </a:moveTo>
                  <a:lnTo>
                    <a:pt x="4791456" y="1220724"/>
                  </a:lnTo>
                  <a:lnTo>
                    <a:pt x="4791456" y="1207008"/>
                  </a:lnTo>
                  <a:lnTo>
                    <a:pt x="4805171" y="1207008"/>
                  </a:lnTo>
                  <a:lnTo>
                    <a:pt x="4805171" y="1220724"/>
                  </a:lnTo>
                  <a:close/>
                </a:path>
                <a:path w="4805680" h="3823970">
                  <a:moveTo>
                    <a:pt x="4805171" y="1248156"/>
                  </a:moveTo>
                  <a:lnTo>
                    <a:pt x="4791456" y="1248156"/>
                  </a:lnTo>
                  <a:lnTo>
                    <a:pt x="4791456" y="1234440"/>
                  </a:lnTo>
                  <a:lnTo>
                    <a:pt x="4805171" y="1234440"/>
                  </a:lnTo>
                  <a:lnTo>
                    <a:pt x="4805171" y="1248156"/>
                  </a:lnTo>
                  <a:close/>
                </a:path>
                <a:path w="4805680" h="3823970">
                  <a:moveTo>
                    <a:pt x="4805171" y="1277112"/>
                  </a:moveTo>
                  <a:lnTo>
                    <a:pt x="4791456" y="1277112"/>
                  </a:lnTo>
                  <a:lnTo>
                    <a:pt x="4791456" y="1261872"/>
                  </a:lnTo>
                  <a:lnTo>
                    <a:pt x="4805171" y="1261872"/>
                  </a:lnTo>
                  <a:lnTo>
                    <a:pt x="4805171" y="1277112"/>
                  </a:lnTo>
                  <a:close/>
                </a:path>
                <a:path w="4805680" h="3823970">
                  <a:moveTo>
                    <a:pt x="4805171" y="1304544"/>
                  </a:moveTo>
                  <a:lnTo>
                    <a:pt x="4791456" y="1304544"/>
                  </a:lnTo>
                  <a:lnTo>
                    <a:pt x="4791456" y="1290828"/>
                  </a:lnTo>
                  <a:lnTo>
                    <a:pt x="4805171" y="1290828"/>
                  </a:lnTo>
                  <a:lnTo>
                    <a:pt x="4805171" y="1304544"/>
                  </a:lnTo>
                  <a:close/>
                </a:path>
                <a:path w="4805680" h="3823970">
                  <a:moveTo>
                    <a:pt x="4805171" y="1331976"/>
                  </a:moveTo>
                  <a:lnTo>
                    <a:pt x="4791456" y="1331976"/>
                  </a:lnTo>
                  <a:lnTo>
                    <a:pt x="4791456" y="1318260"/>
                  </a:lnTo>
                  <a:lnTo>
                    <a:pt x="4805171" y="1318260"/>
                  </a:lnTo>
                  <a:lnTo>
                    <a:pt x="4805171" y="1331976"/>
                  </a:lnTo>
                  <a:close/>
                </a:path>
                <a:path w="4805680" h="3823970">
                  <a:moveTo>
                    <a:pt x="4805171" y="1360932"/>
                  </a:moveTo>
                  <a:lnTo>
                    <a:pt x="4791456" y="1360932"/>
                  </a:lnTo>
                  <a:lnTo>
                    <a:pt x="4791456" y="1347216"/>
                  </a:lnTo>
                  <a:lnTo>
                    <a:pt x="4805171" y="1347216"/>
                  </a:lnTo>
                  <a:lnTo>
                    <a:pt x="4805171" y="1360932"/>
                  </a:lnTo>
                  <a:close/>
                </a:path>
                <a:path w="4805680" h="3823970">
                  <a:moveTo>
                    <a:pt x="4805171" y="1388364"/>
                  </a:moveTo>
                  <a:lnTo>
                    <a:pt x="4791456" y="1388364"/>
                  </a:lnTo>
                  <a:lnTo>
                    <a:pt x="4791456" y="1374648"/>
                  </a:lnTo>
                  <a:lnTo>
                    <a:pt x="4805171" y="1374648"/>
                  </a:lnTo>
                  <a:lnTo>
                    <a:pt x="4805171" y="1388364"/>
                  </a:lnTo>
                  <a:close/>
                </a:path>
                <a:path w="4805680" h="3823970">
                  <a:moveTo>
                    <a:pt x="4805171" y="1417320"/>
                  </a:moveTo>
                  <a:lnTo>
                    <a:pt x="4791456" y="1417320"/>
                  </a:lnTo>
                  <a:lnTo>
                    <a:pt x="4791456" y="1402080"/>
                  </a:lnTo>
                  <a:lnTo>
                    <a:pt x="4805171" y="1402080"/>
                  </a:lnTo>
                  <a:lnTo>
                    <a:pt x="4805171" y="1417320"/>
                  </a:lnTo>
                  <a:close/>
                </a:path>
                <a:path w="4805680" h="3823970">
                  <a:moveTo>
                    <a:pt x="4805171" y="1444752"/>
                  </a:moveTo>
                  <a:lnTo>
                    <a:pt x="4791456" y="1444752"/>
                  </a:lnTo>
                  <a:lnTo>
                    <a:pt x="4791456" y="1431036"/>
                  </a:lnTo>
                  <a:lnTo>
                    <a:pt x="4805171" y="1431036"/>
                  </a:lnTo>
                  <a:lnTo>
                    <a:pt x="4805171" y="1444752"/>
                  </a:lnTo>
                  <a:close/>
                </a:path>
                <a:path w="4805680" h="3823970">
                  <a:moveTo>
                    <a:pt x="4805171" y="1472184"/>
                  </a:moveTo>
                  <a:lnTo>
                    <a:pt x="4791456" y="1472184"/>
                  </a:lnTo>
                  <a:lnTo>
                    <a:pt x="4791456" y="1458467"/>
                  </a:lnTo>
                  <a:lnTo>
                    <a:pt x="4805171" y="1458467"/>
                  </a:lnTo>
                  <a:lnTo>
                    <a:pt x="4805171" y="1472184"/>
                  </a:lnTo>
                  <a:close/>
                </a:path>
                <a:path w="4805680" h="3823970">
                  <a:moveTo>
                    <a:pt x="4805171" y="1501140"/>
                  </a:moveTo>
                  <a:lnTo>
                    <a:pt x="4791456" y="1501140"/>
                  </a:lnTo>
                  <a:lnTo>
                    <a:pt x="4791456" y="1485900"/>
                  </a:lnTo>
                  <a:lnTo>
                    <a:pt x="4805171" y="1485900"/>
                  </a:lnTo>
                  <a:lnTo>
                    <a:pt x="4805171" y="1501140"/>
                  </a:lnTo>
                  <a:close/>
                </a:path>
                <a:path w="4805680" h="3823970">
                  <a:moveTo>
                    <a:pt x="4805171" y="1528572"/>
                  </a:moveTo>
                  <a:lnTo>
                    <a:pt x="4791456" y="1528572"/>
                  </a:lnTo>
                  <a:lnTo>
                    <a:pt x="4791456" y="1514856"/>
                  </a:lnTo>
                  <a:lnTo>
                    <a:pt x="4805171" y="1514856"/>
                  </a:lnTo>
                  <a:lnTo>
                    <a:pt x="4805171" y="1528572"/>
                  </a:lnTo>
                  <a:close/>
                </a:path>
                <a:path w="4805680" h="3823970">
                  <a:moveTo>
                    <a:pt x="4805171" y="1556004"/>
                  </a:moveTo>
                  <a:lnTo>
                    <a:pt x="4791456" y="1556004"/>
                  </a:lnTo>
                  <a:lnTo>
                    <a:pt x="4791456" y="1542288"/>
                  </a:lnTo>
                  <a:lnTo>
                    <a:pt x="4805171" y="1542288"/>
                  </a:lnTo>
                  <a:lnTo>
                    <a:pt x="4805171" y="1556004"/>
                  </a:lnTo>
                  <a:close/>
                </a:path>
                <a:path w="4805680" h="3823970">
                  <a:moveTo>
                    <a:pt x="4805171" y="1584960"/>
                  </a:moveTo>
                  <a:lnTo>
                    <a:pt x="4791456" y="1584960"/>
                  </a:lnTo>
                  <a:lnTo>
                    <a:pt x="4791456" y="1571244"/>
                  </a:lnTo>
                  <a:lnTo>
                    <a:pt x="4805171" y="1571244"/>
                  </a:lnTo>
                  <a:lnTo>
                    <a:pt x="4805171" y="1584960"/>
                  </a:lnTo>
                  <a:close/>
                </a:path>
                <a:path w="4805680" h="3823970">
                  <a:moveTo>
                    <a:pt x="4805171" y="1612392"/>
                  </a:moveTo>
                  <a:lnTo>
                    <a:pt x="4791456" y="1612392"/>
                  </a:lnTo>
                  <a:lnTo>
                    <a:pt x="4791456" y="1598676"/>
                  </a:lnTo>
                  <a:lnTo>
                    <a:pt x="4805171" y="1598676"/>
                  </a:lnTo>
                  <a:lnTo>
                    <a:pt x="4805171" y="1612392"/>
                  </a:lnTo>
                  <a:close/>
                </a:path>
                <a:path w="4805680" h="3823970">
                  <a:moveTo>
                    <a:pt x="4805171" y="1641348"/>
                  </a:moveTo>
                  <a:lnTo>
                    <a:pt x="4791456" y="1641348"/>
                  </a:lnTo>
                  <a:lnTo>
                    <a:pt x="4791456" y="1626108"/>
                  </a:lnTo>
                  <a:lnTo>
                    <a:pt x="4805171" y="1626108"/>
                  </a:lnTo>
                  <a:lnTo>
                    <a:pt x="4805171" y="1641348"/>
                  </a:lnTo>
                  <a:close/>
                </a:path>
                <a:path w="4805680" h="3823970">
                  <a:moveTo>
                    <a:pt x="4805171" y="1668780"/>
                  </a:moveTo>
                  <a:lnTo>
                    <a:pt x="4791456" y="1668780"/>
                  </a:lnTo>
                  <a:lnTo>
                    <a:pt x="4791456" y="1655064"/>
                  </a:lnTo>
                  <a:lnTo>
                    <a:pt x="4805171" y="1655064"/>
                  </a:lnTo>
                  <a:lnTo>
                    <a:pt x="4805171" y="1668780"/>
                  </a:lnTo>
                  <a:close/>
                </a:path>
                <a:path w="4805680" h="3823970">
                  <a:moveTo>
                    <a:pt x="4805171" y="1696212"/>
                  </a:moveTo>
                  <a:lnTo>
                    <a:pt x="4791456" y="1696212"/>
                  </a:lnTo>
                  <a:lnTo>
                    <a:pt x="4791456" y="1682496"/>
                  </a:lnTo>
                  <a:lnTo>
                    <a:pt x="4805171" y="1682496"/>
                  </a:lnTo>
                  <a:lnTo>
                    <a:pt x="4805171" y="1696212"/>
                  </a:lnTo>
                  <a:close/>
                </a:path>
                <a:path w="4805680" h="3823970">
                  <a:moveTo>
                    <a:pt x="4805171" y="1725168"/>
                  </a:moveTo>
                  <a:lnTo>
                    <a:pt x="4791456" y="1725168"/>
                  </a:lnTo>
                  <a:lnTo>
                    <a:pt x="4791456" y="1709928"/>
                  </a:lnTo>
                  <a:lnTo>
                    <a:pt x="4805171" y="1709928"/>
                  </a:lnTo>
                  <a:lnTo>
                    <a:pt x="4805171" y="1725168"/>
                  </a:lnTo>
                  <a:close/>
                </a:path>
                <a:path w="4805680" h="3823970">
                  <a:moveTo>
                    <a:pt x="4805171" y="1752600"/>
                  </a:moveTo>
                  <a:lnTo>
                    <a:pt x="4791456" y="1752600"/>
                  </a:lnTo>
                  <a:lnTo>
                    <a:pt x="4791456" y="1738884"/>
                  </a:lnTo>
                  <a:lnTo>
                    <a:pt x="4805171" y="1738884"/>
                  </a:lnTo>
                  <a:lnTo>
                    <a:pt x="4805171" y="1752600"/>
                  </a:lnTo>
                  <a:close/>
                </a:path>
                <a:path w="4805680" h="3823970">
                  <a:moveTo>
                    <a:pt x="4805171" y="1780032"/>
                  </a:moveTo>
                  <a:lnTo>
                    <a:pt x="4791456" y="1780032"/>
                  </a:lnTo>
                  <a:lnTo>
                    <a:pt x="4791456" y="1766316"/>
                  </a:lnTo>
                  <a:lnTo>
                    <a:pt x="4805171" y="1766316"/>
                  </a:lnTo>
                  <a:lnTo>
                    <a:pt x="4805171" y="1780032"/>
                  </a:lnTo>
                  <a:close/>
                </a:path>
                <a:path w="4805680" h="3823970">
                  <a:moveTo>
                    <a:pt x="4805171" y="1808988"/>
                  </a:moveTo>
                  <a:lnTo>
                    <a:pt x="4791456" y="1808988"/>
                  </a:lnTo>
                  <a:lnTo>
                    <a:pt x="4791456" y="1795272"/>
                  </a:lnTo>
                  <a:lnTo>
                    <a:pt x="4805171" y="1795272"/>
                  </a:lnTo>
                  <a:lnTo>
                    <a:pt x="4805171" y="1808988"/>
                  </a:lnTo>
                  <a:close/>
                </a:path>
                <a:path w="4805680" h="3823970">
                  <a:moveTo>
                    <a:pt x="4805171" y="1836420"/>
                  </a:moveTo>
                  <a:lnTo>
                    <a:pt x="4791456" y="1836420"/>
                  </a:lnTo>
                  <a:lnTo>
                    <a:pt x="4791456" y="1822704"/>
                  </a:lnTo>
                  <a:lnTo>
                    <a:pt x="4805171" y="1822704"/>
                  </a:lnTo>
                  <a:lnTo>
                    <a:pt x="4805171" y="1836420"/>
                  </a:lnTo>
                  <a:close/>
                </a:path>
                <a:path w="4805680" h="3823970">
                  <a:moveTo>
                    <a:pt x="4805171" y="1865376"/>
                  </a:moveTo>
                  <a:lnTo>
                    <a:pt x="4791456" y="1865376"/>
                  </a:lnTo>
                  <a:lnTo>
                    <a:pt x="4791456" y="1850136"/>
                  </a:lnTo>
                  <a:lnTo>
                    <a:pt x="4805171" y="1850136"/>
                  </a:lnTo>
                  <a:lnTo>
                    <a:pt x="4805171" y="1865376"/>
                  </a:lnTo>
                  <a:close/>
                </a:path>
                <a:path w="4805680" h="3823970">
                  <a:moveTo>
                    <a:pt x="4805171" y="1892808"/>
                  </a:moveTo>
                  <a:lnTo>
                    <a:pt x="4791456" y="1892808"/>
                  </a:lnTo>
                  <a:lnTo>
                    <a:pt x="4791456" y="1879092"/>
                  </a:lnTo>
                  <a:lnTo>
                    <a:pt x="4805171" y="1879092"/>
                  </a:lnTo>
                  <a:lnTo>
                    <a:pt x="4805171" y="1892808"/>
                  </a:lnTo>
                  <a:close/>
                </a:path>
                <a:path w="4805680" h="3823970">
                  <a:moveTo>
                    <a:pt x="4805171" y="1920240"/>
                  </a:moveTo>
                  <a:lnTo>
                    <a:pt x="4791456" y="1920240"/>
                  </a:lnTo>
                  <a:lnTo>
                    <a:pt x="4791456" y="1906524"/>
                  </a:lnTo>
                  <a:lnTo>
                    <a:pt x="4805171" y="1906524"/>
                  </a:lnTo>
                  <a:lnTo>
                    <a:pt x="4805171" y="1920240"/>
                  </a:lnTo>
                  <a:close/>
                </a:path>
                <a:path w="4805680" h="3823970">
                  <a:moveTo>
                    <a:pt x="4805171" y="1949196"/>
                  </a:moveTo>
                  <a:lnTo>
                    <a:pt x="4791456" y="1949196"/>
                  </a:lnTo>
                  <a:lnTo>
                    <a:pt x="4791456" y="1933956"/>
                  </a:lnTo>
                  <a:lnTo>
                    <a:pt x="4805171" y="1933956"/>
                  </a:lnTo>
                  <a:lnTo>
                    <a:pt x="4805171" y="1949196"/>
                  </a:lnTo>
                  <a:close/>
                </a:path>
                <a:path w="4805680" h="3823970">
                  <a:moveTo>
                    <a:pt x="4805171" y="1976628"/>
                  </a:moveTo>
                  <a:lnTo>
                    <a:pt x="4791456" y="1976628"/>
                  </a:lnTo>
                  <a:lnTo>
                    <a:pt x="4791456" y="1962912"/>
                  </a:lnTo>
                  <a:lnTo>
                    <a:pt x="4805171" y="1962912"/>
                  </a:lnTo>
                  <a:lnTo>
                    <a:pt x="4805171" y="1976628"/>
                  </a:lnTo>
                  <a:close/>
                </a:path>
                <a:path w="4805680" h="3823970">
                  <a:moveTo>
                    <a:pt x="4805171" y="2004060"/>
                  </a:moveTo>
                  <a:lnTo>
                    <a:pt x="4791456" y="2004060"/>
                  </a:lnTo>
                  <a:lnTo>
                    <a:pt x="4791456" y="1990344"/>
                  </a:lnTo>
                  <a:lnTo>
                    <a:pt x="4805171" y="1990344"/>
                  </a:lnTo>
                  <a:lnTo>
                    <a:pt x="4805171" y="2004060"/>
                  </a:lnTo>
                  <a:close/>
                </a:path>
                <a:path w="4805680" h="3823970">
                  <a:moveTo>
                    <a:pt x="4805171" y="2033016"/>
                  </a:moveTo>
                  <a:lnTo>
                    <a:pt x="4791456" y="2033016"/>
                  </a:lnTo>
                  <a:lnTo>
                    <a:pt x="4791456" y="2019300"/>
                  </a:lnTo>
                  <a:lnTo>
                    <a:pt x="4805171" y="2019300"/>
                  </a:lnTo>
                  <a:lnTo>
                    <a:pt x="4805171" y="2033016"/>
                  </a:lnTo>
                  <a:close/>
                </a:path>
                <a:path w="4805680" h="3823970">
                  <a:moveTo>
                    <a:pt x="4805171" y="2060448"/>
                  </a:moveTo>
                  <a:lnTo>
                    <a:pt x="4791456" y="2060448"/>
                  </a:lnTo>
                  <a:lnTo>
                    <a:pt x="4791456" y="2046732"/>
                  </a:lnTo>
                  <a:lnTo>
                    <a:pt x="4805171" y="2046732"/>
                  </a:lnTo>
                  <a:lnTo>
                    <a:pt x="4805171" y="2060448"/>
                  </a:lnTo>
                  <a:close/>
                </a:path>
                <a:path w="4805680" h="3823970">
                  <a:moveTo>
                    <a:pt x="4805171" y="2089404"/>
                  </a:moveTo>
                  <a:lnTo>
                    <a:pt x="4791456" y="2089404"/>
                  </a:lnTo>
                  <a:lnTo>
                    <a:pt x="4791456" y="2074164"/>
                  </a:lnTo>
                  <a:lnTo>
                    <a:pt x="4805171" y="2074164"/>
                  </a:lnTo>
                  <a:lnTo>
                    <a:pt x="4805171" y="2089404"/>
                  </a:lnTo>
                  <a:close/>
                </a:path>
                <a:path w="4805680" h="3823970">
                  <a:moveTo>
                    <a:pt x="4805171" y="2116836"/>
                  </a:moveTo>
                  <a:lnTo>
                    <a:pt x="4791456" y="2116836"/>
                  </a:lnTo>
                  <a:lnTo>
                    <a:pt x="4791456" y="2103120"/>
                  </a:lnTo>
                  <a:lnTo>
                    <a:pt x="4805171" y="2103120"/>
                  </a:lnTo>
                  <a:lnTo>
                    <a:pt x="4805171" y="2116836"/>
                  </a:lnTo>
                  <a:close/>
                </a:path>
                <a:path w="4805680" h="3823970">
                  <a:moveTo>
                    <a:pt x="4805171" y="2144268"/>
                  </a:moveTo>
                  <a:lnTo>
                    <a:pt x="4791456" y="2144268"/>
                  </a:lnTo>
                  <a:lnTo>
                    <a:pt x="4791456" y="2130552"/>
                  </a:lnTo>
                  <a:lnTo>
                    <a:pt x="4805171" y="2130552"/>
                  </a:lnTo>
                  <a:lnTo>
                    <a:pt x="4805171" y="2144268"/>
                  </a:lnTo>
                  <a:close/>
                </a:path>
                <a:path w="4805680" h="3823970">
                  <a:moveTo>
                    <a:pt x="4805171" y="2173224"/>
                  </a:moveTo>
                  <a:lnTo>
                    <a:pt x="4791456" y="2173224"/>
                  </a:lnTo>
                  <a:lnTo>
                    <a:pt x="4791456" y="2157984"/>
                  </a:lnTo>
                  <a:lnTo>
                    <a:pt x="4805171" y="2157984"/>
                  </a:lnTo>
                  <a:lnTo>
                    <a:pt x="4805171" y="2173224"/>
                  </a:lnTo>
                  <a:close/>
                </a:path>
                <a:path w="4805680" h="3823970">
                  <a:moveTo>
                    <a:pt x="4805171" y="2200656"/>
                  </a:moveTo>
                  <a:lnTo>
                    <a:pt x="4791456" y="2200656"/>
                  </a:lnTo>
                  <a:lnTo>
                    <a:pt x="4791456" y="2186940"/>
                  </a:lnTo>
                  <a:lnTo>
                    <a:pt x="4805171" y="2186940"/>
                  </a:lnTo>
                  <a:lnTo>
                    <a:pt x="4805171" y="2200656"/>
                  </a:lnTo>
                  <a:close/>
                </a:path>
                <a:path w="4805680" h="3823970">
                  <a:moveTo>
                    <a:pt x="4805171" y="2228088"/>
                  </a:moveTo>
                  <a:lnTo>
                    <a:pt x="4791456" y="2228088"/>
                  </a:lnTo>
                  <a:lnTo>
                    <a:pt x="4791456" y="2214372"/>
                  </a:lnTo>
                  <a:lnTo>
                    <a:pt x="4805171" y="2214372"/>
                  </a:lnTo>
                  <a:lnTo>
                    <a:pt x="4805171" y="2228088"/>
                  </a:lnTo>
                  <a:close/>
                </a:path>
                <a:path w="4805680" h="3823970">
                  <a:moveTo>
                    <a:pt x="4805171" y="2257044"/>
                  </a:moveTo>
                  <a:lnTo>
                    <a:pt x="4791456" y="2257044"/>
                  </a:lnTo>
                  <a:lnTo>
                    <a:pt x="4791456" y="2243328"/>
                  </a:lnTo>
                  <a:lnTo>
                    <a:pt x="4805171" y="2243328"/>
                  </a:lnTo>
                  <a:lnTo>
                    <a:pt x="4805171" y="2257044"/>
                  </a:lnTo>
                  <a:close/>
                </a:path>
                <a:path w="4805680" h="3823970">
                  <a:moveTo>
                    <a:pt x="4805171" y="2284476"/>
                  </a:moveTo>
                  <a:lnTo>
                    <a:pt x="4791456" y="2284476"/>
                  </a:lnTo>
                  <a:lnTo>
                    <a:pt x="4791456" y="2270760"/>
                  </a:lnTo>
                  <a:lnTo>
                    <a:pt x="4805171" y="2270760"/>
                  </a:lnTo>
                  <a:lnTo>
                    <a:pt x="4805171" y="2284476"/>
                  </a:lnTo>
                  <a:close/>
                </a:path>
                <a:path w="4805680" h="3823970">
                  <a:moveTo>
                    <a:pt x="4805171" y="2313432"/>
                  </a:moveTo>
                  <a:lnTo>
                    <a:pt x="4791456" y="2313432"/>
                  </a:lnTo>
                  <a:lnTo>
                    <a:pt x="4791456" y="2298192"/>
                  </a:lnTo>
                  <a:lnTo>
                    <a:pt x="4805171" y="2298192"/>
                  </a:lnTo>
                  <a:lnTo>
                    <a:pt x="4805171" y="2313432"/>
                  </a:lnTo>
                  <a:close/>
                </a:path>
                <a:path w="4805680" h="3823970">
                  <a:moveTo>
                    <a:pt x="4805171" y="2340864"/>
                  </a:moveTo>
                  <a:lnTo>
                    <a:pt x="4791456" y="2340864"/>
                  </a:lnTo>
                  <a:lnTo>
                    <a:pt x="4791456" y="2327148"/>
                  </a:lnTo>
                  <a:lnTo>
                    <a:pt x="4805171" y="2327148"/>
                  </a:lnTo>
                  <a:lnTo>
                    <a:pt x="4805171" y="2340864"/>
                  </a:lnTo>
                  <a:close/>
                </a:path>
                <a:path w="4805680" h="3823970">
                  <a:moveTo>
                    <a:pt x="4805171" y="2368296"/>
                  </a:moveTo>
                  <a:lnTo>
                    <a:pt x="4791456" y="2368296"/>
                  </a:lnTo>
                  <a:lnTo>
                    <a:pt x="4791456" y="2354580"/>
                  </a:lnTo>
                  <a:lnTo>
                    <a:pt x="4805171" y="2354580"/>
                  </a:lnTo>
                  <a:lnTo>
                    <a:pt x="4805171" y="2368296"/>
                  </a:lnTo>
                  <a:close/>
                </a:path>
                <a:path w="4805680" h="3823970">
                  <a:moveTo>
                    <a:pt x="4805171" y="2397252"/>
                  </a:moveTo>
                  <a:lnTo>
                    <a:pt x="4791456" y="2397252"/>
                  </a:lnTo>
                  <a:lnTo>
                    <a:pt x="4791456" y="2382012"/>
                  </a:lnTo>
                  <a:lnTo>
                    <a:pt x="4805171" y="2382012"/>
                  </a:lnTo>
                  <a:lnTo>
                    <a:pt x="4805171" y="2397252"/>
                  </a:lnTo>
                  <a:close/>
                </a:path>
                <a:path w="4805680" h="3823970">
                  <a:moveTo>
                    <a:pt x="4805171" y="2424684"/>
                  </a:moveTo>
                  <a:lnTo>
                    <a:pt x="4791456" y="2424684"/>
                  </a:lnTo>
                  <a:lnTo>
                    <a:pt x="4791456" y="2410968"/>
                  </a:lnTo>
                  <a:lnTo>
                    <a:pt x="4805171" y="2410968"/>
                  </a:lnTo>
                  <a:lnTo>
                    <a:pt x="4805171" y="2424684"/>
                  </a:lnTo>
                  <a:close/>
                </a:path>
                <a:path w="4805680" h="3823970">
                  <a:moveTo>
                    <a:pt x="4805171" y="2452116"/>
                  </a:moveTo>
                  <a:lnTo>
                    <a:pt x="4791456" y="2452116"/>
                  </a:lnTo>
                  <a:lnTo>
                    <a:pt x="4791456" y="2438400"/>
                  </a:lnTo>
                  <a:lnTo>
                    <a:pt x="4805171" y="2438400"/>
                  </a:lnTo>
                  <a:lnTo>
                    <a:pt x="4805171" y="2452116"/>
                  </a:lnTo>
                  <a:close/>
                </a:path>
                <a:path w="4805680" h="3823970">
                  <a:moveTo>
                    <a:pt x="4805171" y="2481071"/>
                  </a:moveTo>
                  <a:lnTo>
                    <a:pt x="4791456" y="2481071"/>
                  </a:lnTo>
                  <a:lnTo>
                    <a:pt x="4791456" y="2467356"/>
                  </a:lnTo>
                  <a:lnTo>
                    <a:pt x="4805171" y="2467356"/>
                  </a:lnTo>
                  <a:lnTo>
                    <a:pt x="4805171" y="2481071"/>
                  </a:lnTo>
                  <a:close/>
                </a:path>
                <a:path w="4805680" h="3823970">
                  <a:moveTo>
                    <a:pt x="4805171" y="2508503"/>
                  </a:moveTo>
                  <a:lnTo>
                    <a:pt x="4791456" y="2508503"/>
                  </a:lnTo>
                  <a:lnTo>
                    <a:pt x="4791456" y="2494787"/>
                  </a:lnTo>
                  <a:lnTo>
                    <a:pt x="4805171" y="2494787"/>
                  </a:lnTo>
                  <a:lnTo>
                    <a:pt x="4805171" y="2508503"/>
                  </a:lnTo>
                  <a:close/>
                </a:path>
                <a:path w="4805680" h="3823970">
                  <a:moveTo>
                    <a:pt x="4805171" y="2537460"/>
                  </a:moveTo>
                  <a:lnTo>
                    <a:pt x="4791456" y="2537460"/>
                  </a:lnTo>
                  <a:lnTo>
                    <a:pt x="4791456" y="2522219"/>
                  </a:lnTo>
                  <a:lnTo>
                    <a:pt x="4805171" y="2522219"/>
                  </a:lnTo>
                  <a:lnTo>
                    <a:pt x="4805171" y="2537460"/>
                  </a:lnTo>
                  <a:close/>
                </a:path>
                <a:path w="4805680" h="3823970">
                  <a:moveTo>
                    <a:pt x="4805171" y="2564892"/>
                  </a:moveTo>
                  <a:lnTo>
                    <a:pt x="4791456" y="2564892"/>
                  </a:lnTo>
                  <a:lnTo>
                    <a:pt x="4791456" y="2551176"/>
                  </a:lnTo>
                  <a:lnTo>
                    <a:pt x="4805171" y="2551176"/>
                  </a:lnTo>
                  <a:lnTo>
                    <a:pt x="4805171" y="2564892"/>
                  </a:lnTo>
                  <a:close/>
                </a:path>
                <a:path w="4805680" h="3823970">
                  <a:moveTo>
                    <a:pt x="4805171" y="2592324"/>
                  </a:moveTo>
                  <a:lnTo>
                    <a:pt x="4791456" y="2592324"/>
                  </a:lnTo>
                  <a:lnTo>
                    <a:pt x="4791456" y="2578608"/>
                  </a:lnTo>
                  <a:lnTo>
                    <a:pt x="4805171" y="2578608"/>
                  </a:lnTo>
                  <a:lnTo>
                    <a:pt x="4805171" y="2592324"/>
                  </a:lnTo>
                  <a:close/>
                </a:path>
                <a:path w="4805680" h="3823970">
                  <a:moveTo>
                    <a:pt x="4805171" y="2621280"/>
                  </a:moveTo>
                  <a:lnTo>
                    <a:pt x="4791456" y="2621280"/>
                  </a:lnTo>
                  <a:lnTo>
                    <a:pt x="4791456" y="2606040"/>
                  </a:lnTo>
                  <a:lnTo>
                    <a:pt x="4805171" y="2606040"/>
                  </a:lnTo>
                  <a:lnTo>
                    <a:pt x="4805171" y="2621280"/>
                  </a:lnTo>
                  <a:close/>
                </a:path>
                <a:path w="4805680" h="3823970">
                  <a:moveTo>
                    <a:pt x="4805171" y="2648712"/>
                  </a:moveTo>
                  <a:lnTo>
                    <a:pt x="4791456" y="2648712"/>
                  </a:lnTo>
                  <a:lnTo>
                    <a:pt x="4791456" y="2634996"/>
                  </a:lnTo>
                  <a:lnTo>
                    <a:pt x="4805171" y="2634996"/>
                  </a:lnTo>
                  <a:lnTo>
                    <a:pt x="4805171" y="2648712"/>
                  </a:lnTo>
                  <a:close/>
                </a:path>
                <a:path w="4805680" h="3823970">
                  <a:moveTo>
                    <a:pt x="4805171" y="2676144"/>
                  </a:moveTo>
                  <a:lnTo>
                    <a:pt x="4791456" y="2676144"/>
                  </a:lnTo>
                  <a:lnTo>
                    <a:pt x="4791456" y="2662428"/>
                  </a:lnTo>
                  <a:lnTo>
                    <a:pt x="4805171" y="2662428"/>
                  </a:lnTo>
                  <a:lnTo>
                    <a:pt x="4805171" y="2676144"/>
                  </a:lnTo>
                  <a:close/>
                </a:path>
                <a:path w="4805680" h="3823970">
                  <a:moveTo>
                    <a:pt x="4805171" y="2705100"/>
                  </a:moveTo>
                  <a:lnTo>
                    <a:pt x="4791456" y="2705100"/>
                  </a:lnTo>
                  <a:lnTo>
                    <a:pt x="4791456" y="2691384"/>
                  </a:lnTo>
                  <a:lnTo>
                    <a:pt x="4805171" y="2691384"/>
                  </a:lnTo>
                  <a:lnTo>
                    <a:pt x="4805171" y="2705100"/>
                  </a:lnTo>
                  <a:close/>
                </a:path>
                <a:path w="4805680" h="3823970">
                  <a:moveTo>
                    <a:pt x="4805171" y="2732532"/>
                  </a:moveTo>
                  <a:lnTo>
                    <a:pt x="4791456" y="2732532"/>
                  </a:lnTo>
                  <a:lnTo>
                    <a:pt x="4791456" y="2718816"/>
                  </a:lnTo>
                  <a:lnTo>
                    <a:pt x="4805171" y="2718816"/>
                  </a:lnTo>
                  <a:lnTo>
                    <a:pt x="4805171" y="2732532"/>
                  </a:lnTo>
                  <a:close/>
                </a:path>
                <a:path w="4805680" h="3823970">
                  <a:moveTo>
                    <a:pt x="4805171" y="2761487"/>
                  </a:moveTo>
                  <a:lnTo>
                    <a:pt x="4791456" y="2761487"/>
                  </a:lnTo>
                  <a:lnTo>
                    <a:pt x="4791456" y="2746248"/>
                  </a:lnTo>
                  <a:lnTo>
                    <a:pt x="4805171" y="2746248"/>
                  </a:lnTo>
                  <a:lnTo>
                    <a:pt x="4805171" y="2761487"/>
                  </a:lnTo>
                  <a:close/>
                </a:path>
                <a:path w="4805680" h="3823970">
                  <a:moveTo>
                    <a:pt x="4805171" y="2788919"/>
                  </a:moveTo>
                  <a:lnTo>
                    <a:pt x="4791456" y="2788919"/>
                  </a:lnTo>
                  <a:lnTo>
                    <a:pt x="4791456" y="2775203"/>
                  </a:lnTo>
                  <a:lnTo>
                    <a:pt x="4805171" y="2775203"/>
                  </a:lnTo>
                  <a:lnTo>
                    <a:pt x="4805171" y="2788919"/>
                  </a:lnTo>
                  <a:close/>
                </a:path>
                <a:path w="4805680" h="3823970">
                  <a:moveTo>
                    <a:pt x="4805171" y="2816352"/>
                  </a:moveTo>
                  <a:lnTo>
                    <a:pt x="4791456" y="2816352"/>
                  </a:lnTo>
                  <a:lnTo>
                    <a:pt x="4791456" y="2802635"/>
                  </a:lnTo>
                  <a:lnTo>
                    <a:pt x="4805171" y="2802635"/>
                  </a:lnTo>
                  <a:lnTo>
                    <a:pt x="4805171" y="2816352"/>
                  </a:lnTo>
                  <a:close/>
                </a:path>
                <a:path w="4805680" h="3823970">
                  <a:moveTo>
                    <a:pt x="4805171" y="2845308"/>
                  </a:moveTo>
                  <a:lnTo>
                    <a:pt x="4791456" y="2845308"/>
                  </a:lnTo>
                  <a:lnTo>
                    <a:pt x="4791456" y="2830068"/>
                  </a:lnTo>
                  <a:lnTo>
                    <a:pt x="4805171" y="2830068"/>
                  </a:lnTo>
                  <a:lnTo>
                    <a:pt x="4805171" y="2845308"/>
                  </a:lnTo>
                  <a:close/>
                </a:path>
                <a:path w="4805680" h="3823970">
                  <a:moveTo>
                    <a:pt x="4805171" y="2872740"/>
                  </a:moveTo>
                  <a:lnTo>
                    <a:pt x="4791456" y="2872740"/>
                  </a:lnTo>
                  <a:lnTo>
                    <a:pt x="4791456" y="2859024"/>
                  </a:lnTo>
                  <a:lnTo>
                    <a:pt x="4805171" y="2859024"/>
                  </a:lnTo>
                  <a:lnTo>
                    <a:pt x="4805171" y="2872740"/>
                  </a:lnTo>
                  <a:close/>
                </a:path>
                <a:path w="4805680" h="3823970">
                  <a:moveTo>
                    <a:pt x="4805171" y="2900171"/>
                  </a:moveTo>
                  <a:lnTo>
                    <a:pt x="4791456" y="2900171"/>
                  </a:lnTo>
                  <a:lnTo>
                    <a:pt x="4791456" y="2886456"/>
                  </a:lnTo>
                  <a:lnTo>
                    <a:pt x="4805171" y="2886456"/>
                  </a:lnTo>
                  <a:lnTo>
                    <a:pt x="4805171" y="2900171"/>
                  </a:lnTo>
                  <a:close/>
                </a:path>
                <a:path w="4805680" h="3823970">
                  <a:moveTo>
                    <a:pt x="4805171" y="2929128"/>
                  </a:moveTo>
                  <a:lnTo>
                    <a:pt x="4791456" y="2929128"/>
                  </a:lnTo>
                  <a:lnTo>
                    <a:pt x="4791456" y="2915412"/>
                  </a:lnTo>
                  <a:lnTo>
                    <a:pt x="4805171" y="2915412"/>
                  </a:lnTo>
                  <a:lnTo>
                    <a:pt x="4805171" y="2929128"/>
                  </a:lnTo>
                  <a:close/>
                </a:path>
                <a:path w="4805680" h="3823970">
                  <a:moveTo>
                    <a:pt x="4805171" y="2956560"/>
                  </a:moveTo>
                  <a:lnTo>
                    <a:pt x="4791456" y="2956560"/>
                  </a:lnTo>
                  <a:lnTo>
                    <a:pt x="4791456" y="2942844"/>
                  </a:lnTo>
                  <a:lnTo>
                    <a:pt x="4805171" y="2942844"/>
                  </a:lnTo>
                  <a:lnTo>
                    <a:pt x="4805171" y="2956560"/>
                  </a:lnTo>
                  <a:close/>
                </a:path>
                <a:path w="4805680" h="3823970">
                  <a:moveTo>
                    <a:pt x="4805171" y="2985516"/>
                  </a:moveTo>
                  <a:lnTo>
                    <a:pt x="4791456" y="2985516"/>
                  </a:lnTo>
                  <a:lnTo>
                    <a:pt x="4791456" y="2970276"/>
                  </a:lnTo>
                  <a:lnTo>
                    <a:pt x="4805171" y="2970276"/>
                  </a:lnTo>
                  <a:lnTo>
                    <a:pt x="4805171" y="2985516"/>
                  </a:lnTo>
                  <a:close/>
                </a:path>
                <a:path w="4805680" h="3823970">
                  <a:moveTo>
                    <a:pt x="4805171" y="3012948"/>
                  </a:moveTo>
                  <a:lnTo>
                    <a:pt x="4791456" y="3012948"/>
                  </a:lnTo>
                  <a:lnTo>
                    <a:pt x="4791456" y="2999232"/>
                  </a:lnTo>
                  <a:lnTo>
                    <a:pt x="4805171" y="2999232"/>
                  </a:lnTo>
                  <a:lnTo>
                    <a:pt x="4805171" y="3012948"/>
                  </a:lnTo>
                  <a:close/>
                </a:path>
                <a:path w="4805680" h="3823970">
                  <a:moveTo>
                    <a:pt x="4805171" y="3040380"/>
                  </a:moveTo>
                  <a:lnTo>
                    <a:pt x="4791456" y="3040380"/>
                  </a:lnTo>
                  <a:lnTo>
                    <a:pt x="4791456" y="3026664"/>
                  </a:lnTo>
                  <a:lnTo>
                    <a:pt x="4805171" y="3026664"/>
                  </a:lnTo>
                  <a:lnTo>
                    <a:pt x="4805171" y="3040380"/>
                  </a:lnTo>
                  <a:close/>
                </a:path>
                <a:path w="4805680" h="3823970">
                  <a:moveTo>
                    <a:pt x="4805171" y="3069335"/>
                  </a:moveTo>
                  <a:lnTo>
                    <a:pt x="4791456" y="3069335"/>
                  </a:lnTo>
                  <a:lnTo>
                    <a:pt x="4791456" y="3054096"/>
                  </a:lnTo>
                  <a:lnTo>
                    <a:pt x="4805171" y="3054096"/>
                  </a:lnTo>
                  <a:lnTo>
                    <a:pt x="4805171" y="3069335"/>
                  </a:lnTo>
                  <a:close/>
                </a:path>
                <a:path w="4805680" h="3823970">
                  <a:moveTo>
                    <a:pt x="4805171" y="3096768"/>
                  </a:moveTo>
                  <a:lnTo>
                    <a:pt x="4791456" y="3096768"/>
                  </a:lnTo>
                  <a:lnTo>
                    <a:pt x="4791456" y="3083052"/>
                  </a:lnTo>
                  <a:lnTo>
                    <a:pt x="4805171" y="3083052"/>
                  </a:lnTo>
                  <a:lnTo>
                    <a:pt x="4805171" y="3096768"/>
                  </a:lnTo>
                  <a:close/>
                </a:path>
                <a:path w="4805680" h="3823970">
                  <a:moveTo>
                    <a:pt x="4805171" y="3124200"/>
                  </a:moveTo>
                  <a:lnTo>
                    <a:pt x="4791456" y="3124200"/>
                  </a:lnTo>
                  <a:lnTo>
                    <a:pt x="4791456" y="3110484"/>
                  </a:lnTo>
                  <a:lnTo>
                    <a:pt x="4805171" y="3110484"/>
                  </a:lnTo>
                  <a:lnTo>
                    <a:pt x="4805171" y="3124200"/>
                  </a:lnTo>
                  <a:close/>
                </a:path>
                <a:path w="4805680" h="3823970">
                  <a:moveTo>
                    <a:pt x="4805171" y="3153156"/>
                  </a:moveTo>
                  <a:lnTo>
                    <a:pt x="4791456" y="3153156"/>
                  </a:lnTo>
                  <a:lnTo>
                    <a:pt x="4791456" y="3139440"/>
                  </a:lnTo>
                  <a:lnTo>
                    <a:pt x="4805171" y="3139440"/>
                  </a:lnTo>
                  <a:lnTo>
                    <a:pt x="4805171" y="3153156"/>
                  </a:lnTo>
                  <a:close/>
                </a:path>
                <a:path w="4805680" h="3823970">
                  <a:moveTo>
                    <a:pt x="4805171" y="3180587"/>
                  </a:moveTo>
                  <a:lnTo>
                    <a:pt x="4791456" y="3180587"/>
                  </a:lnTo>
                  <a:lnTo>
                    <a:pt x="4791456" y="3166871"/>
                  </a:lnTo>
                  <a:lnTo>
                    <a:pt x="4805171" y="3166871"/>
                  </a:lnTo>
                  <a:lnTo>
                    <a:pt x="4805171" y="3180587"/>
                  </a:lnTo>
                  <a:close/>
                </a:path>
                <a:path w="4805680" h="3823970">
                  <a:moveTo>
                    <a:pt x="4805171" y="3209544"/>
                  </a:moveTo>
                  <a:lnTo>
                    <a:pt x="4791456" y="3209544"/>
                  </a:lnTo>
                  <a:lnTo>
                    <a:pt x="4791456" y="3194303"/>
                  </a:lnTo>
                  <a:lnTo>
                    <a:pt x="4805171" y="3194303"/>
                  </a:lnTo>
                  <a:lnTo>
                    <a:pt x="4805171" y="3209544"/>
                  </a:lnTo>
                  <a:close/>
                </a:path>
                <a:path w="4805680" h="3823970">
                  <a:moveTo>
                    <a:pt x="4805171" y="3236976"/>
                  </a:moveTo>
                  <a:lnTo>
                    <a:pt x="4791456" y="3236976"/>
                  </a:lnTo>
                  <a:lnTo>
                    <a:pt x="4791456" y="3223260"/>
                  </a:lnTo>
                  <a:lnTo>
                    <a:pt x="4805171" y="3223260"/>
                  </a:lnTo>
                  <a:lnTo>
                    <a:pt x="4805171" y="3236976"/>
                  </a:lnTo>
                  <a:close/>
                </a:path>
                <a:path w="4805680" h="3823970">
                  <a:moveTo>
                    <a:pt x="4805171" y="3264408"/>
                  </a:moveTo>
                  <a:lnTo>
                    <a:pt x="4791456" y="3264408"/>
                  </a:lnTo>
                  <a:lnTo>
                    <a:pt x="4791456" y="3250692"/>
                  </a:lnTo>
                  <a:lnTo>
                    <a:pt x="4805171" y="3250692"/>
                  </a:lnTo>
                  <a:lnTo>
                    <a:pt x="4805171" y="3264408"/>
                  </a:lnTo>
                  <a:close/>
                </a:path>
                <a:path w="4805680" h="3823970">
                  <a:moveTo>
                    <a:pt x="4805171" y="3293364"/>
                  </a:moveTo>
                  <a:lnTo>
                    <a:pt x="4791456" y="3293364"/>
                  </a:lnTo>
                  <a:lnTo>
                    <a:pt x="4791456" y="3279648"/>
                  </a:lnTo>
                  <a:lnTo>
                    <a:pt x="4805171" y="3279648"/>
                  </a:lnTo>
                  <a:lnTo>
                    <a:pt x="4805171" y="3293364"/>
                  </a:lnTo>
                  <a:close/>
                </a:path>
                <a:path w="4805680" h="3823970">
                  <a:moveTo>
                    <a:pt x="4805171" y="3320796"/>
                  </a:moveTo>
                  <a:lnTo>
                    <a:pt x="4791456" y="3320796"/>
                  </a:lnTo>
                  <a:lnTo>
                    <a:pt x="4791456" y="3307080"/>
                  </a:lnTo>
                  <a:lnTo>
                    <a:pt x="4805171" y="3307080"/>
                  </a:lnTo>
                  <a:lnTo>
                    <a:pt x="4805171" y="3320796"/>
                  </a:lnTo>
                  <a:close/>
                </a:path>
                <a:path w="4805680" h="3823970">
                  <a:moveTo>
                    <a:pt x="4805171" y="3348228"/>
                  </a:moveTo>
                  <a:lnTo>
                    <a:pt x="4791456" y="3348228"/>
                  </a:lnTo>
                  <a:lnTo>
                    <a:pt x="4791456" y="3334512"/>
                  </a:lnTo>
                  <a:lnTo>
                    <a:pt x="4805171" y="3334512"/>
                  </a:lnTo>
                  <a:lnTo>
                    <a:pt x="4805171" y="3348228"/>
                  </a:lnTo>
                  <a:close/>
                </a:path>
                <a:path w="4805680" h="3823970">
                  <a:moveTo>
                    <a:pt x="4805171" y="3377184"/>
                  </a:moveTo>
                  <a:lnTo>
                    <a:pt x="4791456" y="3377184"/>
                  </a:lnTo>
                  <a:lnTo>
                    <a:pt x="4791456" y="3363468"/>
                  </a:lnTo>
                  <a:lnTo>
                    <a:pt x="4805171" y="3363468"/>
                  </a:lnTo>
                  <a:lnTo>
                    <a:pt x="4805171" y="3377184"/>
                  </a:lnTo>
                  <a:close/>
                </a:path>
                <a:path w="4805680" h="3823970">
                  <a:moveTo>
                    <a:pt x="4805171" y="3404616"/>
                  </a:moveTo>
                  <a:lnTo>
                    <a:pt x="4791456" y="3404616"/>
                  </a:lnTo>
                  <a:lnTo>
                    <a:pt x="4791456" y="3390900"/>
                  </a:lnTo>
                  <a:lnTo>
                    <a:pt x="4805171" y="3390900"/>
                  </a:lnTo>
                  <a:lnTo>
                    <a:pt x="4805171" y="3404616"/>
                  </a:lnTo>
                  <a:close/>
                </a:path>
                <a:path w="4805680" h="3823970">
                  <a:moveTo>
                    <a:pt x="4805171" y="3433571"/>
                  </a:moveTo>
                  <a:lnTo>
                    <a:pt x="4791456" y="3433571"/>
                  </a:lnTo>
                  <a:lnTo>
                    <a:pt x="4791456" y="3418332"/>
                  </a:lnTo>
                  <a:lnTo>
                    <a:pt x="4805171" y="3418332"/>
                  </a:lnTo>
                  <a:lnTo>
                    <a:pt x="4805171" y="3433571"/>
                  </a:lnTo>
                  <a:close/>
                </a:path>
                <a:path w="4805680" h="3823970">
                  <a:moveTo>
                    <a:pt x="4805171" y="3461003"/>
                  </a:moveTo>
                  <a:lnTo>
                    <a:pt x="4791456" y="3461003"/>
                  </a:lnTo>
                  <a:lnTo>
                    <a:pt x="4791456" y="3447287"/>
                  </a:lnTo>
                  <a:lnTo>
                    <a:pt x="4805171" y="3447287"/>
                  </a:lnTo>
                  <a:lnTo>
                    <a:pt x="4805171" y="3461003"/>
                  </a:lnTo>
                  <a:close/>
                </a:path>
                <a:path w="4805680" h="3823970">
                  <a:moveTo>
                    <a:pt x="4805171" y="3488436"/>
                  </a:moveTo>
                  <a:lnTo>
                    <a:pt x="4791456" y="3488436"/>
                  </a:lnTo>
                  <a:lnTo>
                    <a:pt x="4791456" y="3474719"/>
                  </a:lnTo>
                  <a:lnTo>
                    <a:pt x="4805171" y="3474719"/>
                  </a:lnTo>
                  <a:lnTo>
                    <a:pt x="4805171" y="3488436"/>
                  </a:lnTo>
                  <a:close/>
                </a:path>
                <a:path w="4805680" h="3823970">
                  <a:moveTo>
                    <a:pt x="4805171" y="3517392"/>
                  </a:moveTo>
                  <a:lnTo>
                    <a:pt x="4791456" y="3517392"/>
                  </a:lnTo>
                  <a:lnTo>
                    <a:pt x="4791456" y="3503676"/>
                  </a:lnTo>
                  <a:lnTo>
                    <a:pt x="4805171" y="3503676"/>
                  </a:lnTo>
                  <a:lnTo>
                    <a:pt x="4805171" y="3517392"/>
                  </a:lnTo>
                  <a:close/>
                </a:path>
                <a:path w="4805680" h="3823970">
                  <a:moveTo>
                    <a:pt x="4805171" y="3544824"/>
                  </a:moveTo>
                  <a:lnTo>
                    <a:pt x="4791456" y="3544824"/>
                  </a:lnTo>
                  <a:lnTo>
                    <a:pt x="4791456" y="3531108"/>
                  </a:lnTo>
                  <a:lnTo>
                    <a:pt x="4805171" y="3531108"/>
                  </a:lnTo>
                  <a:lnTo>
                    <a:pt x="4805171" y="3544824"/>
                  </a:lnTo>
                  <a:close/>
                </a:path>
                <a:path w="4805680" h="3823970">
                  <a:moveTo>
                    <a:pt x="4805171" y="3572256"/>
                  </a:moveTo>
                  <a:lnTo>
                    <a:pt x="4791456" y="3572256"/>
                  </a:lnTo>
                  <a:lnTo>
                    <a:pt x="4791456" y="3558540"/>
                  </a:lnTo>
                  <a:lnTo>
                    <a:pt x="4805171" y="3558540"/>
                  </a:lnTo>
                  <a:lnTo>
                    <a:pt x="4805171" y="3572256"/>
                  </a:lnTo>
                  <a:close/>
                </a:path>
                <a:path w="4805680" h="3823970">
                  <a:moveTo>
                    <a:pt x="4805171" y="3601212"/>
                  </a:moveTo>
                  <a:lnTo>
                    <a:pt x="4791456" y="3601212"/>
                  </a:lnTo>
                  <a:lnTo>
                    <a:pt x="4791456" y="3587496"/>
                  </a:lnTo>
                  <a:lnTo>
                    <a:pt x="4805171" y="3587496"/>
                  </a:lnTo>
                  <a:lnTo>
                    <a:pt x="4805171" y="3601212"/>
                  </a:lnTo>
                  <a:close/>
                </a:path>
                <a:path w="4805680" h="3823970">
                  <a:moveTo>
                    <a:pt x="4805171" y="3628644"/>
                  </a:moveTo>
                  <a:lnTo>
                    <a:pt x="4791456" y="3628644"/>
                  </a:lnTo>
                  <a:lnTo>
                    <a:pt x="4791456" y="3614928"/>
                  </a:lnTo>
                  <a:lnTo>
                    <a:pt x="4805171" y="3614928"/>
                  </a:lnTo>
                  <a:lnTo>
                    <a:pt x="4805171" y="3628644"/>
                  </a:lnTo>
                  <a:close/>
                </a:path>
                <a:path w="4805680" h="3823970">
                  <a:moveTo>
                    <a:pt x="4805171" y="3657600"/>
                  </a:moveTo>
                  <a:lnTo>
                    <a:pt x="4791456" y="3657600"/>
                  </a:lnTo>
                  <a:lnTo>
                    <a:pt x="4791456" y="3642360"/>
                  </a:lnTo>
                  <a:lnTo>
                    <a:pt x="4805171" y="3642360"/>
                  </a:lnTo>
                  <a:lnTo>
                    <a:pt x="4805171" y="3657600"/>
                  </a:lnTo>
                  <a:close/>
                </a:path>
                <a:path w="4805680" h="3823970">
                  <a:moveTo>
                    <a:pt x="4805171" y="3685032"/>
                  </a:moveTo>
                  <a:lnTo>
                    <a:pt x="4791456" y="3685032"/>
                  </a:lnTo>
                  <a:lnTo>
                    <a:pt x="4791456" y="3671316"/>
                  </a:lnTo>
                  <a:lnTo>
                    <a:pt x="4805171" y="3671316"/>
                  </a:lnTo>
                  <a:lnTo>
                    <a:pt x="4805171" y="3685032"/>
                  </a:lnTo>
                  <a:close/>
                </a:path>
                <a:path w="4805680" h="3823970">
                  <a:moveTo>
                    <a:pt x="4805171" y="3712464"/>
                  </a:moveTo>
                  <a:lnTo>
                    <a:pt x="4791456" y="3712464"/>
                  </a:lnTo>
                  <a:lnTo>
                    <a:pt x="4791456" y="3698748"/>
                  </a:lnTo>
                  <a:lnTo>
                    <a:pt x="4805171" y="3698748"/>
                  </a:lnTo>
                  <a:lnTo>
                    <a:pt x="4805171" y="3712464"/>
                  </a:lnTo>
                  <a:close/>
                </a:path>
                <a:path w="4805680" h="3823970">
                  <a:moveTo>
                    <a:pt x="4805171" y="3741419"/>
                  </a:moveTo>
                  <a:lnTo>
                    <a:pt x="4791456" y="3741419"/>
                  </a:lnTo>
                  <a:lnTo>
                    <a:pt x="4791456" y="3727703"/>
                  </a:lnTo>
                  <a:lnTo>
                    <a:pt x="4805171" y="3727703"/>
                  </a:lnTo>
                  <a:lnTo>
                    <a:pt x="4805171" y="3741419"/>
                  </a:lnTo>
                  <a:close/>
                </a:path>
                <a:path w="4805680" h="3823970">
                  <a:moveTo>
                    <a:pt x="4805171" y="3768852"/>
                  </a:moveTo>
                  <a:lnTo>
                    <a:pt x="4791456" y="3768852"/>
                  </a:lnTo>
                  <a:lnTo>
                    <a:pt x="4791456" y="3755136"/>
                  </a:lnTo>
                  <a:lnTo>
                    <a:pt x="4805171" y="3755136"/>
                  </a:lnTo>
                  <a:lnTo>
                    <a:pt x="4805171" y="3768852"/>
                  </a:lnTo>
                  <a:close/>
                </a:path>
                <a:path w="4805680" h="3823970">
                  <a:moveTo>
                    <a:pt x="4805171" y="3796284"/>
                  </a:moveTo>
                  <a:lnTo>
                    <a:pt x="4791456" y="3796284"/>
                  </a:lnTo>
                  <a:lnTo>
                    <a:pt x="4791456" y="3782568"/>
                  </a:lnTo>
                  <a:lnTo>
                    <a:pt x="4805171" y="3782568"/>
                  </a:lnTo>
                  <a:lnTo>
                    <a:pt x="4805171" y="3796284"/>
                  </a:lnTo>
                  <a:close/>
                </a:path>
                <a:path w="4805680" h="3823970">
                  <a:moveTo>
                    <a:pt x="4805171" y="3823716"/>
                  </a:moveTo>
                  <a:lnTo>
                    <a:pt x="4789932" y="3823716"/>
                  </a:lnTo>
                  <a:lnTo>
                    <a:pt x="4789932" y="3810000"/>
                  </a:lnTo>
                  <a:lnTo>
                    <a:pt x="4799075" y="3810000"/>
                  </a:lnTo>
                  <a:lnTo>
                    <a:pt x="4797551" y="3811524"/>
                  </a:lnTo>
                  <a:lnTo>
                    <a:pt x="4791456" y="3811524"/>
                  </a:lnTo>
                  <a:lnTo>
                    <a:pt x="4791456" y="3817619"/>
                  </a:lnTo>
                  <a:lnTo>
                    <a:pt x="4805171" y="3817619"/>
                  </a:lnTo>
                  <a:lnTo>
                    <a:pt x="4805171" y="3823716"/>
                  </a:lnTo>
                  <a:close/>
                </a:path>
                <a:path w="4805680" h="3823970">
                  <a:moveTo>
                    <a:pt x="4791456" y="3817619"/>
                  </a:moveTo>
                  <a:lnTo>
                    <a:pt x="4791456" y="3811524"/>
                  </a:lnTo>
                  <a:lnTo>
                    <a:pt x="4797551" y="3811524"/>
                  </a:lnTo>
                  <a:lnTo>
                    <a:pt x="4791456" y="3817619"/>
                  </a:lnTo>
                  <a:close/>
                </a:path>
                <a:path w="4805680" h="3823970">
                  <a:moveTo>
                    <a:pt x="4805171" y="3817619"/>
                  </a:moveTo>
                  <a:lnTo>
                    <a:pt x="4791456" y="3817619"/>
                  </a:lnTo>
                  <a:lnTo>
                    <a:pt x="4797551" y="3811524"/>
                  </a:lnTo>
                  <a:lnTo>
                    <a:pt x="4805171" y="3811524"/>
                  </a:lnTo>
                  <a:lnTo>
                    <a:pt x="4805171" y="3817619"/>
                  </a:lnTo>
                  <a:close/>
                </a:path>
                <a:path w="4805680" h="3823970">
                  <a:moveTo>
                    <a:pt x="4776215" y="3823716"/>
                  </a:moveTo>
                  <a:lnTo>
                    <a:pt x="4762500" y="3823716"/>
                  </a:lnTo>
                  <a:lnTo>
                    <a:pt x="4762500" y="3810000"/>
                  </a:lnTo>
                  <a:lnTo>
                    <a:pt x="4776215" y="3810000"/>
                  </a:lnTo>
                  <a:lnTo>
                    <a:pt x="4776215" y="3823716"/>
                  </a:lnTo>
                  <a:close/>
                </a:path>
                <a:path w="4805680" h="3823970">
                  <a:moveTo>
                    <a:pt x="4748783" y="3823716"/>
                  </a:moveTo>
                  <a:lnTo>
                    <a:pt x="4733543" y="3823716"/>
                  </a:lnTo>
                  <a:lnTo>
                    <a:pt x="4733543" y="3810000"/>
                  </a:lnTo>
                  <a:lnTo>
                    <a:pt x="4748783" y="3810000"/>
                  </a:lnTo>
                  <a:lnTo>
                    <a:pt x="4748783" y="3823716"/>
                  </a:lnTo>
                  <a:close/>
                </a:path>
                <a:path w="4805680" h="3823970">
                  <a:moveTo>
                    <a:pt x="4719828" y="3823716"/>
                  </a:moveTo>
                  <a:lnTo>
                    <a:pt x="4706111" y="3823716"/>
                  </a:lnTo>
                  <a:lnTo>
                    <a:pt x="4706111" y="3810000"/>
                  </a:lnTo>
                  <a:lnTo>
                    <a:pt x="4719828" y="3810000"/>
                  </a:lnTo>
                  <a:lnTo>
                    <a:pt x="4719828" y="3823716"/>
                  </a:lnTo>
                  <a:close/>
                </a:path>
                <a:path w="4805680" h="3823970">
                  <a:moveTo>
                    <a:pt x="4692396" y="3823716"/>
                  </a:moveTo>
                  <a:lnTo>
                    <a:pt x="4678679" y="3823716"/>
                  </a:lnTo>
                  <a:lnTo>
                    <a:pt x="4678679" y="3810000"/>
                  </a:lnTo>
                  <a:lnTo>
                    <a:pt x="4692396" y="3810000"/>
                  </a:lnTo>
                  <a:lnTo>
                    <a:pt x="4692396" y="3823716"/>
                  </a:lnTo>
                  <a:close/>
                </a:path>
                <a:path w="4805680" h="3823970">
                  <a:moveTo>
                    <a:pt x="4664964" y="3823716"/>
                  </a:moveTo>
                  <a:lnTo>
                    <a:pt x="4649724" y="3823716"/>
                  </a:lnTo>
                  <a:lnTo>
                    <a:pt x="4649724" y="3810000"/>
                  </a:lnTo>
                  <a:lnTo>
                    <a:pt x="4664964" y="3810000"/>
                  </a:lnTo>
                  <a:lnTo>
                    <a:pt x="4664964" y="3823716"/>
                  </a:lnTo>
                  <a:close/>
                </a:path>
                <a:path w="4805680" h="3823970">
                  <a:moveTo>
                    <a:pt x="4636007" y="3823716"/>
                  </a:moveTo>
                  <a:lnTo>
                    <a:pt x="4622292" y="3823716"/>
                  </a:lnTo>
                  <a:lnTo>
                    <a:pt x="4622292" y="3810000"/>
                  </a:lnTo>
                  <a:lnTo>
                    <a:pt x="4636007" y="3810000"/>
                  </a:lnTo>
                  <a:lnTo>
                    <a:pt x="4636007" y="3823716"/>
                  </a:lnTo>
                  <a:close/>
                </a:path>
                <a:path w="4805680" h="3823970">
                  <a:moveTo>
                    <a:pt x="4608575" y="3823716"/>
                  </a:moveTo>
                  <a:lnTo>
                    <a:pt x="4594860" y="3823716"/>
                  </a:lnTo>
                  <a:lnTo>
                    <a:pt x="4594860" y="3810000"/>
                  </a:lnTo>
                  <a:lnTo>
                    <a:pt x="4608575" y="3810000"/>
                  </a:lnTo>
                  <a:lnTo>
                    <a:pt x="4608575" y="3823716"/>
                  </a:lnTo>
                  <a:close/>
                </a:path>
                <a:path w="4805680" h="3823970">
                  <a:moveTo>
                    <a:pt x="4579620" y="3823716"/>
                  </a:moveTo>
                  <a:lnTo>
                    <a:pt x="4565903" y="3823716"/>
                  </a:lnTo>
                  <a:lnTo>
                    <a:pt x="4565903" y="3810000"/>
                  </a:lnTo>
                  <a:lnTo>
                    <a:pt x="4579620" y="3810000"/>
                  </a:lnTo>
                  <a:lnTo>
                    <a:pt x="4579620" y="3823716"/>
                  </a:lnTo>
                  <a:close/>
                </a:path>
                <a:path w="4805680" h="3823970">
                  <a:moveTo>
                    <a:pt x="4552188" y="3823716"/>
                  </a:moveTo>
                  <a:lnTo>
                    <a:pt x="4538471" y="3823716"/>
                  </a:lnTo>
                  <a:lnTo>
                    <a:pt x="4538471" y="3810000"/>
                  </a:lnTo>
                  <a:lnTo>
                    <a:pt x="4552188" y="3810000"/>
                  </a:lnTo>
                  <a:lnTo>
                    <a:pt x="4552188" y="3823716"/>
                  </a:lnTo>
                  <a:close/>
                </a:path>
                <a:path w="4805680" h="3823970">
                  <a:moveTo>
                    <a:pt x="4524756" y="3823716"/>
                  </a:moveTo>
                  <a:lnTo>
                    <a:pt x="4509515" y="3823716"/>
                  </a:lnTo>
                  <a:lnTo>
                    <a:pt x="4509515" y="3810000"/>
                  </a:lnTo>
                  <a:lnTo>
                    <a:pt x="4524756" y="3810000"/>
                  </a:lnTo>
                  <a:lnTo>
                    <a:pt x="4524756" y="3823716"/>
                  </a:lnTo>
                  <a:close/>
                </a:path>
                <a:path w="4805680" h="3823970">
                  <a:moveTo>
                    <a:pt x="4495800" y="3823716"/>
                  </a:moveTo>
                  <a:lnTo>
                    <a:pt x="4482083" y="3823716"/>
                  </a:lnTo>
                  <a:lnTo>
                    <a:pt x="4482083" y="3810000"/>
                  </a:lnTo>
                  <a:lnTo>
                    <a:pt x="4495800" y="3810000"/>
                  </a:lnTo>
                  <a:lnTo>
                    <a:pt x="4495800" y="3823716"/>
                  </a:lnTo>
                  <a:close/>
                </a:path>
                <a:path w="4805680" h="3823970">
                  <a:moveTo>
                    <a:pt x="4468368" y="3823716"/>
                  </a:moveTo>
                  <a:lnTo>
                    <a:pt x="4454652" y="3823716"/>
                  </a:lnTo>
                  <a:lnTo>
                    <a:pt x="4454652" y="3810000"/>
                  </a:lnTo>
                  <a:lnTo>
                    <a:pt x="4468368" y="3810000"/>
                  </a:lnTo>
                  <a:lnTo>
                    <a:pt x="4468368" y="3823716"/>
                  </a:lnTo>
                  <a:close/>
                </a:path>
                <a:path w="4805680" h="3823970">
                  <a:moveTo>
                    <a:pt x="4440936" y="3823716"/>
                  </a:moveTo>
                  <a:lnTo>
                    <a:pt x="4425696" y="3823716"/>
                  </a:lnTo>
                  <a:lnTo>
                    <a:pt x="4425696" y="3810000"/>
                  </a:lnTo>
                  <a:lnTo>
                    <a:pt x="4440936" y="3810000"/>
                  </a:lnTo>
                  <a:lnTo>
                    <a:pt x="4440936" y="3823716"/>
                  </a:lnTo>
                  <a:close/>
                </a:path>
                <a:path w="4805680" h="3823970">
                  <a:moveTo>
                    <a:pt x="4411979" y="3823716"/>
                  </a:moveTo>
                  <a:lnTo>
                    <a:pt x="4398264" y="3823716"/>
                  </a:lnTo>
                  <a:lnTo>
                    <a:pt x="4398264" y="3810000"/>
                  </a:lnTo>
                  <a:lnTo>
                    <a:pt x="4411979" y="3810000"/>
                  </a:lnTo>
                  <a:lnTo>
                    <a:pt x="4411979" y="3823716"/>
                  </a:lnTo>
                  <a:close/>
                </a:path>
                <a:path w="4805680" h="3823970">
                  <a:moveTo>
                    <a:pt x="4384547" y="3823716"/>
                  </a:moveTo>
                  <a:lnTo>
                    <a:pt x="4370832" y="3823716"/>
                  </a:lnTo>
                  <a:lnTo>
                    <a:pt x="4370832" y="3810000"/>
                  </a:lnTo>
                  <a:lnTo>
                    <a:pt x="4384547" y="3810000"/>
                  </a:lnTo>
                  <a:lnTo>
                    <a:pt x="4384547" y="3823716"/>
                  </a:lnTo>
                  <a:close/>
                </a:path>
                <a:path w="4805680" h="3823970">
                  <a:moveTo>
                    <a:pt x="4355592" y="3823716"/>
                  </a:moveTo>
                  <a:lnTo>
                    <a:pt x="4341875" y="3823716"/>
                  </a:lnTo>
                  <a:lnTo>
                    <a:pt x="4341875" y="3810000"/>
                  </a:lnTo>
                  <a:lnTo>
                    <a:pt x="4355592" y="3810000"/>
                  </a:lnTo>
                  <a:lnTo>
                    <a:pt x="4355592" y="3823716"/>
                  </a:lnTo>
                  <a:close/>
                </a:path>
                <a:path w="4805680" h="3823970">
                  <a:moveTo>
                    <a:pt x="4328160" y="3823716"/>
                  </a:moveTo>
                  <a:lnTo>
                    <a:pt x="4314444" y="3823716"/>
                  </a:lnTo>
                  <a:lnTo>
                    <a:pt x="4314444" y="3810000"/>
                  </a:lnTo>
                  <a:lnTo>
                    <a:pt x="4328160" y="3810000"/>
                  </a:lnTo>
                  <a:lnTo>
                    <a:pt x="4328160" y="3823716"/>
                  </a:lnTo>
                  <a:close/>
                </a:path>
                <a:path w="4805680" h="3823970">
                  <a:moveTo>
                    <a:pt x="4300728" y="3823716"/>
                  </a:moveTo>
                  <a:lnTo>
                    <a:pt x="4285487" y="3823716"/>
                  </a:lnTo>
                  <a:lnTo>
                    <a:pt x="4285487" y="3810000"/>
                  </a:lnTo>
                  <a:lnTo>
                    <a:pt x="4300728" y="3810000"/>
                  </a:lnTo>
                  <a:lnTo>
                    <a:pt x="4300728" y="3823716"/>
                  </a:lnTo>
                  <a:close/>
                </a:path>
                <a:path w="4805680" h="3823970">
                  <a:moveTo>
                    <a:pt x="4271771" y="3823716"/>
                  </a:moveTo>
                  <a:lnTo>
                    <a:pt x="4258055" y="3823716"/>
                  </a:lnTo>
                  <a:lnTo>
                    <a:pt x="4258055" y="3810000"/>
                  </a:lnTo>
                  <a:lnTo>
                    <a:pt x="4271771" y="3810000"/>
                  </a:lnTo>
                  <a:lnTo>
                    <a:pt x="4271771" y="3823716"/>
                  </a:lnTo>
                  <a:close/>
                </a:path>
                <a:path w="4805680" h="3823970">
                  <a:moveTo>
                    <a:pt x="4244339" y="3823716"/>
                  </a:moveTo>
                  <a:lnTo>
                    <a:pt x="4230623" y="3823716"/>
                  </a:lnTo>
                  <a:lnTo>
                    <a:pt x="4230623" y="3810000"/>
                  </a:lnTo>
                  <a:lnTo>
                    <a:pt x="4244339" y="3810000"/>
                  </a:lnTo>
                  <a:lnTo>
                    <a:pt x="4244339" y="3823716"/>
                  </a:lnTo>
                  <a:close/>
                </a:path>
                <a:path w="4805680" h="3823970">
                  <a:moveTo>
                    <a:pt x="4216907" y="3823716"/>
                  </a:moveTo>
                  <a:lnTo>
                    <a:pt x="4201668" y="3823716"/>
                  </a:lnTo>
                  <a:lnTo>
                    <a:pt x="4201668" y="3810000"/>
                  </a:lnTo>
                  <a:lnTo>
                    <a:pt x="4216907" y="3810000"/>
                  </a:lnTo>
                  <a:lnTo>
                    <a:pt x="4216907" y="3823716"/>
                  </a:lnTo>
                  <a:close/>
                </a:path>
                <a:path w="4805680" h="3823970">
                  <a:moveTo>
                    <a:pt x="4187952" y="3823716"/>
                  </a:moveTo>
                  <a:lnTo>
                    <a:pt x="4174236" y="3823716"/>
                  </a:lnTo>
                  <a:lnTo>
                    <a:pt x="4174236" y="3810000"/>
                  </a:lnTo>
                  <a:lnTo>
                    <a:pt x="4187952" y="3810000"/>
                  </a:lnTo>
                  <a:lnTo>
                    <a:pt x="4187952" y="3823716"/>
                  </a:lnTo>
                  <a:close/>
                </a:path>
                <a:path w="4805680" h="3823970">
                  <a:moveTo>
                    <a:pt x="4160520" y="3823716"/>
                  </a:moveTo>
                  <a:lnTo>
                    <a:pt x="4146803" y="3823716"/>
                  </a:lnTo>
                  <a:lnTo>
                    <a:pt x="4146803" y="3810000"/>
                  </a:lnTo>
                  <a:lnTo>
                    <a:pt x="4160520" y="3810000"/>
                  </a:lnTo>
                  <a:lnTo>
                    <a:pt x="4160520" y="3823716"/>
                  </a:lnTo>
                  <a:close/>
                </a:path>
                <a:path w="4805680" h="3823970">
                  <a:moveTo>
                    <a:pt x="4131564" y="3823716"/>
                  </a:moveTo>
                  <a:lnTo>
                    <a:pt x="4117848" y="3823716"/>
                  </a:lnTo>
                  <a:lnTo>
                    <a:pt x="4117848" y="3810000"/>
                  </a:lnTo>
                  <a:lnTo>
                    <a:pt x="4131564" y="3810000"/>
                  </a:lnTo>
                  <a:lnTo>
                    <a:pt x="4131564" y="3823716"/>
                  </a:lnTo>
                  <a:close/>
                </a:path>
                <a:path w="4805680" h="3823970">
                  <a:moveTo>
                    <a:pt x="4104132" y="3823716"/>
                  </a:moveTo>
                  <a:lnTo>
                    <a:pt x="4090416" y="3823716"/>
                  </a:lnTo>
                  <a:lnTo>
                    <a:pt x="4090416" y="3810000"/>
                  </a:lnTo>
                  <a:lnTo>
                    <a:pt x="4104132" y="3810000"/>
                  </a:lnTo>
                  <a:lnTo>
                    <a:pt x="4104132" y="3823716"/>
                  </a:lnTo>
                  <a:close/>
                </a:path>
                <a:path w="4805680" h="3823970">
                  <a:moveTo>
                    <a:pt x="4076700" y="3823716"/>
                  </a:moveTo>
                  <a:lnTo>
                    <a:pt x="4061460" y="3823716"/>
                  </a:lnTo>
                  <a:lnTo>
                    <a:pt x="4061460" y="3810000"/>
                  </a:lnTo>
                  <a:lnTo>
                    <a:pt x="4076700" y="3810000"/>
                  </a:lnTo>
                  <a:lnTo>
                    <a:pt x="4076700" y="3823716"/>
                  </a:lnTo>
                  <a:close/>
                </a:path>
                <a:path w="4805680" h="3823970">
                  <a:moveTo>
                    <a:pt x="4047744" y="3823716"/>
                  </a:moveTo>
                  <a:lnTo>
                    <a:pt x="4034028" y="3823716"/>
                  </a:lnTo>
                  <a:lnTo>
                    <a:pt x="4034028" y="3810000"/>
                  </a:lnTo>
                  <a:lnTo>
                    <a:pt x="4047744" y="3810000"/>
                  </a:lnTo>
                  <a:lnTo>
                    <a:pt x="4047744" y="3823716"/>
                  </a:lnTo>
                  <a:close/>
                </a:path>
                <a:path w="4805680" h="3823970">
                  <a:moveTo>
                    <a:pt x="4020312" y="3823716"/>
                  </a:moveTo>
                  <a:lnTo>
                    <a:pt x="4006596" y="3823716"/>
                  </a:lnTo>
                  <a:lnTo>
                    <a:pt x="4006596" y="3810000"/>
                  </a:lnTo>
                  <a:lnTo>
                    <a:pt x="4020312" y="3810000"/>
                  </a:lnTo>
                  <a:lnTo>
                    <a:pt x="4020312" y="3823716"/>
                  </a:lnTo>
                  <a:close/>
                </a:path>
                <a:path w="4805680" h="3823970">
                  <a:moveTo>
                    <a:pt x="3992880" y="3823716"/>
                  </a:moveTo>
                  <a:lnTo>
                    <a:pt x="3977639" y="3823716"/>
                  </a:lnTo>
                  <a:lnTo>
                    <a:pt x="3977639" y="3810000"/>
                  </a:lnTo>
                  <a:lnTo>
                    <a:pt x="3992880" y="3810000"/>
                  </a:lnTo>
                  <a:lnTo>
                    <a:pt x="3992880" y="3823716"/>
                  </a:lnTo>
                  <a:close/>
                </a:path>
                <a:path w="4805680" h="3823970">
                  <a:moveTo>
                    <a:pt x="3963923" y="3823716"/>
                  </a:moveTo>
                  <a:lnTo>
                    <a:pt x="3950207" y="3823716"/>
                  </a:lnTo>
                  <a:lnTo>
                    <a:pt x="3950207" y="3810000"/>
                  </a:lnTo>
                  <a:lnTo>
                    <a:pt x="3963923" y="3810000"/>
                  </a:lnTo>
                  <a:lnTo>
                    <a:pt x="3963923" y="3823716"/>
                  </a:lnTo>
                  <a:close/>
                </a:path>
                <a:path w="4805680" h="3823970">
                  <a:moveTo>
                    <a:pt x="3936491" y="3823716"/>
                  </a:moveTo>
                  <a:lnTo>
                    <a:pt x="3922775" y="3823716"/>
                  </a:lnTo>
                  <a:lnTo>
                    <a:pt x="3922775" y="3810000"/>
                  </a:lnTo>
                  <a:lnTo>
                    <a:pt x="3936491" y="3810000"/>
                  </a:lnTo>
                  <a:lnTo>
                    <a:pt x="3936491" y="3823716"/>
                  </a:lnTo>
                  <a:close/>
                </a:path>
                <a:path w="4805680" h="3823970">
                  <a:moveTo>
                    <a:pt x="3907536" y="3823716"/>
                  </a:moveTo>
                  <a:lnTo>
                    <a:pt x="3893820" y="3823716"/>
                  </a:lnTo>
                  <a:lnTo>
                    <a:pt x="3893820" y="3810000"/>
                  </a:lnTo>
                  <a:lnTo>
                    <a:pt x="3907536" y="3810000"/>
                  </a:lnTo>
                  <a:lnTo>
                    <a:pt x="3907536" y="3823716"/>
                  </a:lnTo>
                  <a:close/>
                </a:path>
                <a:path w="4805680" h="3823970">
                  <a:moveTo>
                    <a:pt x="3880103" y="3823716"/>
                  </a:moveTo>
                  <a:lnTo>
                    <a:pt x="3866387" y="3823716"/>
                  </a:lnTo>
                  <a:lnTo>
                    <a:pt x="3866387" y="3810000"/>
                  </a:lnTo>
                  <a:lnTo>
                    <a:pt x="3880103" y="3810000"/>
                  </a:lnTo>
                  <a:lnTo>
                    <a:pt x="3880103" y="3823716"/>
                  </a:lnTo>
                  <a:close/>
                </a:path>
                <a:path w="4805680" h="3823970">
                  <a:moveTo>
                    <a:pt x="3852671" y="3823716"/>
                  </a:moveTo>
                  <a:lnTo>
                    <a:pt x="3837432" y="3823716"/>
                  </a:lnTo>
                  <a:lnTo>
                    <a:pt x="3837432" y="3810000"/>
                  </a:lnTo>
                  <a:lnTo>
                    <a:pt x="3852671" y="3810000"/>
                  </a:lnTo>
                  <a:lnTo>
                    <a:pt x="3852671" y="3823716"/>
                  </a:lnTo>
                  <a:close/>
                </a:path>
                <a:path w="4805680" h="3823970">
                  <a:moveTo>
                    <a:pt x="3823716" y="3823716"/>
                  </a:moveTo>
                  <a:lnTo>
                    <a:pt x="3810000" y="3823716"/>
                  </a:lnTo>
                  <a:lnTo>
                    <a:pt x="3810000" y="3810000"/>
                  </a:lnTo>
                  <a:lnTo>
                    <a:pt x="3823716" y="3810000"/>
                  </a:lnTo>
                  <a:lnTo>
                    <a:pt x="3823716" y="3823716"/>
                  </a:lnTo>
                  <a:close/>
                </a:path>
                <a:path w="4805680" h="3823970">
                  <a:moveTo>
                    <a:pt x="3796284" y="3823716"/>
                  </a:moveTo>
                  <a:lnTo>
                    <a:pt x="3782568" y="3823716"/>
                  </a:lnTo>
                  <a:lnTo>
                    <a:pt x="3782568" y="3810000"/>
                  </a:lnTo>
                  <a:lnTo>
                    <a:pt x="3796284" y="3810000"/>
                  </a:lnTo>
                  <a:lnTo>
                    <a:pt x="3796284" y="3823716"/>
                  </a:lnTo>
                  <a:close/>
                </a:path>
                <a:path w="4805680" h="3823970">
                  <a:moveTo>
                    <a:pt x="3767328" y="3823716"/>
                  </a:moveTo>
                  <a:lnTo>
                    <a:pt x="3753612" y="3823716"/>
                  </a:lnTo>
                  <a:lnTo>
                    <a:pt x="3753612" y="3810000"/>
                  </a:lnTo>
                  <a:lnTo>
                    <a:pt x="3767328" y="3810000"/>
                  </a:lnTo>
                  <a:lnTo>
                    <a:pt x="3767328" y="3823716"/>
                  </a:lnTo>
                  <a:close/>
                </a:path>
                <a:path w="4805680" h="3823970">
                  <a:moveTo>
                    <a:pt x="3739896" y="3823716"/>
                  </a:moveTo>
                  <a:lnTo>
                    <a:pt x="3726180" y="3823716"/>
                  </a:lnTo>
                  <a:lnTo>
                    <a:pt x="3726180" y="3810000"/>
                  </a:lnTo>
                  <a:lnTo>
                    <a:pt x="3739896" y="3810000"/>
                  </a:lnTo>
                  <a:lnTo>
                    <a:pt x="3739896" y="3823716"/>
                  </a:lnTo>
                  <a:close/>
                </a:path>
                <a:path w="4805680" h="3823970">
                  <a:moveTo>
                    <a:pt x="3712464" y="3823716"/>
                  </a:moveTo>
                  <a:lnTo>
                    <a:pt x="3698748" y="3823716"/>
                  </a:lnTo>
                  <a:lnTo>
                    <a:pt x="3698748" y="3810000"/>
                  </a:lnTo>
                  <a:lnTo>
                    <a:pt x="3712464" y="3810000"/>
                  </a:lnTo>
                  <a:lnTo>
                    <a:pt x="3712464" y="3823716"/>
                  </a:lnTo>
                  <a:close/>
                </a:path>
                <a:path w="4805680" h="3823970">
                  <a:moveTo>
                    <a:pt x="3683507" y="3823716"/>
                  </a:moveTo>
                  <a:lnTo>
                    <a:pt x="3669791" y="3823716"/>
                  </a:lnTo>
                  <a:lnTo>
                    <a:pt x="3669791" y="3810000"/>
                  </a:lnTo>
                  <a:lnTo>
                    <a:pt x="3683507" y="3810000"/>
                  </a:lnTo>
                  <a:lnTo>
                    <a:pt x="3683507" y="3823716"/>
                  </a:lnTo>
                  <a:close/>
                </a:path>
                <a:path w="4805680" h="3823970">
                  <a:moveTo>
                    <a:pt x="3656075" y="3823716"/>
                  </a:moveTo>
                  <a:lnTo>
                    <a:pt x="3642360" y="3823716"/>
                  </a:lnTo>
                  <a:lnTo>
                    <a:pt x="3642360" y="3810000"/>
                  </a:lnTo>
                  <a:lnTo>
                    <a:pt x="3656075" y="3810000"/>
                  </a:lnTo>
                  <a:lnTo>
                    <a:pt x="3656075" y="3823716"/>
                  </a:lnTo>
                  <a:close/>
                </a:path>
                <a:path w="4805680" h="3823970">
                  <a:moveTo>
                    <a:pt x="3628644" y="3823716"/>
                  </a:moveTo>
                  <a:lnTo>
                    <a:pt x="3613403" y="3823716"/>
                  </a:lnTo>
                  <a:lnTo>
                    <a:pt x="3613403" y="3810000"/>
                  </a:lnTo>
                  <a:lnTo>
                    <a:pt x="3628644" y="3810000"/>
                  </a:lnTo>
                  <a:lnTo>
                    <a:pt x="3628644" y="3823716"/>
                  </a:lnTo>
                  <a:close/>
                </a:path>
                <a:path w="4805680" h="3823970">
                  <a:moveTo>
                    <a:pt x="3599687" y="3823716"/>
                  </a:moveTo>
                  <a:lnTo>
                    <a:pt x="3585971" y="3823716"/>
                  </a:lnTo>
                  <a:lnTo>
                    <a:pt x="3585971" y="3810000"/>
                  </a:lnTo>
                  <a:lnTo>
                    <a:pt x="3599687" y="3810000"/>
                  </a:lnTo>
                  <a:lnTo>
                    <a:pt x="3599687" y="3823716"/>
                  </a:lnTo>
                  <a:close/>
                </a:path>
                <a:path w="4805680" h="3823970">
                  <a:moveTo>
                    <a:pt x="3572255" y="3823716"/>
                  </a:moveTo>
                  <a:lnTo>
                    <a:pt x="3558539" y="3823716"/>
                  </a:lnTo>
                  <a:lnTo>
                    <a:pt x="3558539" y="3810000"/>
                  </a:lnTo>
                  <a:lnTo>
                    <a:pt x="3572255" y="3810000"/>
                  </a:lnTo>
                  <a:lnTo>
                    <a:pt x="3572255" y="3823716"/>
                  </a:lnTo>
                  <a:close/>
                </a:path>
                <a:path w="4805680" h="3823970">
                  <a:moveTo>
                    <a:pt x="3543300" y="3823716"/>
                  </a:moveTo>
                  <a:lnTo>
                    <a:pt x="3529584" y="3823716"/>
                  </a:lnTo>
                  <a:lnTo>
                    <a:pt x="3529584" y="3810000"/>
                  </a:lnTo>
                  <a:lnTo>
                    <a:pt x="3543300" y="3810000"/>
                  </a:lnTo>
                  <a:lnTo>
                    <a:pt x="3543300" y="3823716"/>
                  </a:lnTo>
                  <a:close/>
                </a:path>
                <a:path w="4805680" h="3823970">
                  <a:moveTo>
                    <a:pt x="3515868" y="3823716"/>
                  </a:moveTo>
                  <a:lnTo>
                    <a:pt x="3502152" y="3823716"/>
                  </a:lnTo>
                  <a:lnTo>
                    <a:pt x="3502152" y="3810000"/>
                  </a:lnTo>
                  <a:lnTo>
                    <a:pt x="3515868" y="3810000"/>
                  </a:lnTo>
                  <a:lnTo>
                    <a:pt x="3515868" y="3823716"/>
                  </a:lnTo>
                  <a:close/>
                </a:path>
                <a:path w="4805680" h="3823970">
                  <a:moveTo>
                    <a:pt x="3488436" y="3823716"/>
                  </a:moveTo>
                  <a:lnTo>
                    <a:pt x="3474719" y="3823716"/>
                  </a:lnTo>
                  <a:lnTo>
                    <a:pt x="3474719" y="3810000"/>
                  </a:lnTo>
                  <a:lnTo>
                    <a:pt x="3488436" y="3810000"/>
                  </a:lnTo>
                  <a:lnTo>
                    <a:pt x="3488436" y="3823716"/>
                  </a:lnTo>
                  <a:close/>
                </a:path>
                <a:path w="4805680" h="3823970">
                  <a:moveTo>
                    <a:pt x="3459480" y="3823716"/>
                  </a:moveTo>
                  <a:lnTo>
                    <a:pt x="3445764" y="3823716"/>
                  </a:lnTo>
                  <a:lnTo>
                    <a:pt x="3445764" y="3810000"/>
                  </a:lnTo>
                  <a:lnTo>
                    <a:pt x="3459480" y="3810000"/>
                  </a:lnTo>
                  <a:lnTo>
                    <a:pt x="3459480" y="3823716"/>
                  </a:lnTo>
                  <a:close/>
                </a:path>
                <a:path w="4805680" h="3823970">
                  <a:moveTo>
                    <a:pt x="3432048" y="3823716"/>
                  </a:moveTo>
                  <a:lnTo>
                    <a:pt x="3418332" y="3823716"/>
                  </a:lnTo>
                  <a:lnTo>
                    <a:pt x="3418332" y="3810000"/>
                  </a:lnTo>
                  <a:lnTo>
                    <a:pt x="3432048" y="3810000"/>
                  </a:lnTo>
                  <a:lnTo>
                    <a:pt x="3432048" y="3823716"/>
                  </a:lnTo>
                  <a:close/>
                </a:path>
                <a:path w="4805680" h="3823970">
                  <a:moveTo>
                    <a:pt x="3404616" y="3823716"/>
                  </a:moveTo>
                  <a:lnTo>
                    <a:pt x="3389375" y="3823716"/>
                  </a:lnTo>
                  <a:lnTo>
                    <a:pt x="3389375" y="3810000"/>
                  </a:lnTo>
                  <a:lnTo>
                    <a:pt x="3404616" y="3810000"/>
                  </a:lnTo>
                  <a:lnTo>
                    <a:pt x="3404616" y="3823716"/>
                  </a:lnTo>
                  <a:close/>
                </a:path>
                <a:path w="4805680" h="3823970">
                  <a:moveTo>
                    <a:pt x="3375660" y="3823716"/>
                  </a:moveTo>
                  <a:lnTo>
                    <a:pt x="3361944" y="3823716"/>
                  </a:lnTo>
                  <a:lnTo>
                    <a:pt x="3361944" y="3810000"/>
                  </a:lnTo>
                  <a:lnTo>
                    <a:pt x="3375660" y="3810000"/>
                  </a:lnTo>
                  <a:lnTo>
                    <a:pt x="3375660" y="3823716"/>
                  </a:lnTo>
                  <a:close/>
                </a:path>
                <a:path w="4805680" h="3823970">
                  <a:moveTo>
                    <a:pt x="3348228" y="3823716"/>
                  </a:moveTo>
                  <a:lnTo>
                    <a:pt x="3334512" y="3823716"/>
                  </a:lnTo>
                  <a:lnTo>
                    <a:pt x="3334512" y="3810000"/>
                  </a:lnTo>
                  <a:lnTo>
                    <a:pt x="3348228" y="3810000"/>
                  </a:lnTo>
                  <a:lnTo>
                    <a:pt x="3348228" y="3823716"/>
                  </a:lnTo>
                  <a:close/>
                </a:path>
                <a:path w="4805680" h="3823970">
                  <a:moveTo>
                    <a:pt x="3319271" y="3823716"/>
                  </a:moveTo>
                  <a:lnTo>
                    <a:pt x="3305555" y="3823716"/>
                  </a:lnTo>
                  <a:lnTo>
                    <a:pt x="3305555" y="3810000"/>
                  </a:lnTo>
                  <a:lnTo>
                    <a:pt x="3319271" y="3810000"/>
                  </a:lnTo>
                  <a:lnTo>
                    <a:pt x="3319271" y="3823716"/>
                  </a:lnTo>
                  <a:close/>
                </a:path>
                <a:path w="4805680" h="3823970">
                  <a:moveTo>
                    <a:pt x="3291839" y="3823716"/>
                  </a:moveTo>
                  <a:lnTo>
                    <a:pt x="3278123" y="3823716"/>
                  </a:lnTo>
                  <a:lnTo>
                    <a:pt x="3278123" y="3810000"/>
                  </a:lnTo>
                  <a:lnTo>
                    <a:pt x="3291839" y="3810000"/>
                  </a:lnTo>
                  <a:lnTo>
                    <a:pt x="3291839" y="3823716"/>
                  </a:lnTo>
                  <a:close/>
                </a:path>
                <a:path w="4805680" h="3823970">
                  <a:moveTo>
                    <a:pt x="3264407" y="3823716"/>
                  </a:moveTo>
                  <a:lnTo>
                    <a:pt x="3250691" y="3823716"/>
                  </a:lnTo>
                  <a:lnTo>
                    <a:pt x="3250691" y="3810000"/>
                  </a:lnTo>
                  <a:lnTo>
                    <a:pt x="3264407" y="3810000"/>
                  </a:lnTo>
                  <a:lnTo>
                    <a:pt x="3264407" y="3823716"/>
                  </a:lnTo>
                  <a:close/>
                </a:path>
                <a:path w="4805680" h="3823970">
                  <a:moveTo>
                    <a:pt x="3235452" y="3823716"/>
                  </a:moveTo>
                  <a:lnTo>
                    <a:pt x="3221736" y="3823716"/>
                  </a:lnTo>
                  <a:lnTo>
                    <a:pt x="3221736" y="3810000"/>
                  </a:lnTo>
                  <a:lnTo>
                    <a:pt x="3235452" y="3810000"/>
                  </a:lnTo>
                  <a:lnTo>
                    <a:pt x="3235452" y="3823716"/>
                  </a:lnTo>
                  <a:close/>
                </a:path>
                <a:path w="4805680" h="3823970">
                  <a:moveTo>
                    <a:pt x="3208019" y="3823716"/>
                  </a:moveTo>
                  <a:lnTo>
                    <a:pt x="3194303" y="3823716"/>
                  </a:lnTo>
                  <a:lnTo>
                    <a:pt x="3194303" y="3810000"/>
                  </a:lnTo>
                  <a:lnTo>
                    <a:pt x="3208019" y="3810000"/>
                  </a:lnTo>
                  <a:lnTo>
                    <a:pt x="3208019" y="3823716"/>
                  </a:lnTo>
                  <a:close/>
                </a:path>
                <a:path w="4805680" h="3823970">
                  <a:moveTo>
                    <a:pt x="3180587" y="3823716"/>
                  </a:moveTo>
                  <a:lnTo>
                    <a:pt x="3165348" y="3823716"/>
                  </a:lnTo>
                  <a:lnTo>
                    <a:pt x="3165348" y="3810000"/>
                  </a:lnTo>
                  <a:lnTo>
                    <a:pt x="3180587" y="3810000"/>
                  </a:lnTo>
                  <a:lnTo>
                    <a:pt x="3180587" y="3823716"/>
                  </a:lnTo>
                  <a:close/>
                </a:path>
                <a:path w="4805680" h="3823970">
                  <a:moveTo>
                    <a:pt x="3151632" y="3823716"/>
                  </a:moveTo>
                  <a:lnTo>
                    <a:pt x="3137916" y="3823716"/>
                  </a:lnTo>
                  <a:lnTo>
                    <a:pt x="3137916" y="3810000"/>
                  </a:lnTo>
                  <a:lnTo>
                    <a:pt x="3151632" y="3810000"/>
                  </a:lnTo>
                  <a:lnTo>
                    <a:pt x="3151632" y="3823716"/>
                  </a:lnTo>
                  <a:close/>
                </a:path>
                <a:path w="4805680" h="3823970">
                  <a:moveTo>
                    <a:pt x="3124200" y="3823716"/>
                  </a:moveTo>
                  <a:lnTo>
                    <a:pt x="3110484" y="3823716"/>
                  </a:lnTo>
                  <a:lnTo>
                    <a:pt x="3110484" y="3810000"/>
                  </a:lnTo>
                  <a:lnTo>
                    <a:pt x="3124200" y="3810000"/>
                  </a:lnTo>
                  <a:lnTo>
                    <a:pt x="3124200" y="3823716"/>
                  </a:lnTo>
                  <a:close/>
                </a:path>
                <a:path w="4805680" h="3823970">
                  <a:moveTo>
                    <a:pt x="3095244" y="3823716"/>
                  </a:moveTo>
                  <a:lnTo>
                    <a:pt x="3081528" y="3823716"/>
                  </a:lnTo>
                  <a:lnTo>
                    <a:pt x="3081528" y="3810000"/>
                  </a:lnTo>
                  <a:lnTo>
                    <a:pt x="3095244" y="3810000"/>
                  </a:lnTo>
                  <a:lnTo>
                    <a:pt x="3095244" y="3823716"/>
                  </a:lnTo>
                  <a:close/>
                </a:path>
                <a:path w="4805680" h="3823970">
                  <a:moveTo>
                    <a:pt x="3067812" y="3823716"/>
                  </a:moveTo>
                  <a:lnTo>
                    <a:pt x="3054096" y="3823716"/>
                  </a:lnTo>
                  <a:lnTo>
                    <a:pt x="3054096" y="3810000"/>
                  </a:lnTo>
                  <a:lnTo>
                    <a:pt x="3067812" y="3810000"/>
                  </a:lnTo>
                  <a:lnTo>
                    <a:pt x="3067812" y="3823716"/>
                  </a:lnTo>
                  <a:close/>
                </a:path>
                <a:path w="4805680" h="3823970">
                  <a:moveTo>
                    <a:pt x="3040380" y="3823716"/>
                  </a:moveTo>
                  <a:lnTo>
                    <a:pt x="3026664" y="3823716"/>
                  </a:lnTo>
                  <a:lnTo>
                    <a:pt x="3026664" y="3810000"/>
                  </a:lnTo>
                  <a:lnTo>
                    <a:pt x="3040380" y="3810000"/>
                  </a:lnTo>
                  <a:lnTo>
                    <a:pt x="3040380" y="3823716"/>
                  </a:lnTo>
                  <a:close/>
                </a:path>
                <a:path w="4805680" h="3823970">
                  <a:moveTo>
                    <a:pt x="3011423" y="3823716"/>
                  </a:moveTo>
                  <a:lnTo>
                    <a:pt x="2997707" y="3823716"/>
                  </a:lnTo>
                  <a:lnTo>
                    <a:pt x="2997707" y="3810000"/>
                  </a:lnTo>
                  <a:lnTo>
                    <a:pt x="3011423" y="3810000"/>
                  </a:lnTo>
                  <a:lnTo>
                    <a:pt x="3011423" y="3823716"/>
                  </a:lnTo>
                  <a:close/>
                </a:path>
                <a:path w="4805680" h="3823970">
                  <a:moveTo>
                    <a:pt x="2983991" y="3823716"/>
                  </a:moveTo>
                  <a:lnTo>
                    <a:pt x="2970275" y="3823716"/>
                  </a:lnTo>
                  <a:lnTo>
                    <a:pt x="2970275" y="3810000"/>
                  </a:lnTo>
                  <a:lnTo>
                    <a:pt x="2983991" y="3810000"/>
                  </a:lnTo>
                  <a:lnTo>
                    <a:pt x="2983991" y="3823716"/>
                  </a:lnTo>
                  <a:close/>
                </a:path>
                <a:path w="4805680" h="3823970">
                  <a:moveTo>
                    <a:pt x="2956560" y="3823716"/>
                  </a:moveTo>
                  <a:lnTo>
                    <a:pt x="2941319" y="3823716"/>
                  </a:lnTo>
                  <a:lnTo>
                    <a:pt x="2941319" y="3810000"/>
                  </a:lnTo>
                  <a:lnTo>
                    <a:pt x="2956560" y="3810000"/>
                  </a:lnTo>
                  <a:lnTo>
                    <a:pt x="2956560" y="3823716"/>
                  </a:lnTo>
                  <a:close/>
                </a:path>
                <a:path w="4805680" h="3823970">
                  <a:moveTo>
                    <a:pt x="2927603" y="3823716"/>
                  </a:moveTo>
                  <a:lnTo>
                    <a:pt x="2913887" y="3823716"/>
                  </a:lnTo>
                  <a:lnTo>
                    <a:pt x="2913887" y="3810000"/>
                  </a:lnTo>
                  <a:lnTo>
                    <a:pt x="2927603" y="3810000"/>
                  </a:lnTo>
                  <a:lnTo>
                    <a:pt x="2927603" y="3823716"/>
                  </a:lnTo>
                  <a:close/>
                </a:path>
                <a:path w="4805680" h="3823970">
                  <a:moveTo>
                    <a:pt x="2900171" y="3823716"/>
                  </a:moveTo>
                  <a:lnTo>
                    <a:pt x="2886455" y="3823716"/>
                  </a:lnTo>
                  <a:lnTo>
                    <a:pt x="2886455" y="3810000"/>
                  </a:lnTo>
                  <a:lnTo>
                    <a:pt x="2900171" y="3810000"/>
                  </a:lnTo>
                  <a:lnTo>
                    <a:pt x="2900171" y="3823716"/>
                  </a:lnTo>
                  <a:close/>
                </a:path>
                <a:path w="4805680" h="3823970">
                  <a:moveTo>
                    <a:pt x="2871216" y="3823716"/>
                  </a:moveTo>
                  <a:lnTo>
                    <a:pt x="2857500" y="3823716"/>
                  </a:lnTo>
                  <a:lnTo>
                    <a:pt x="2857500" y="3810000"/>
                  </a:lnTo>
                  <a:lnTo>
                    <a:pt x="2871216" y="3810000"/>
                  </a:lnTo>
                  <a:lnTo>
                    <a:pt x="2871216" y="3823716"/>
                  </a:lnTo>
                  <a:close/>
                </a:path>
                <a:path w="4805680" h="3823970">
                  <a:moveTo>
                    <a:pt x="2843784" y="3823716"/>
                  </a:moveTo>
                  <a:lnTo>
                    <a:pt x="2830068" y="3823716"/>
                  </a:lnTo>
                  <a:lnTo>
                    <a:pt x="2830068" y="3810000"/>
                  </a:lnTo>
                  <a:lnTo>
                    <a:pt x="2843784" y="3810000"/>
                  </a:lnTo>
                  <a:lnTo>
                    <a:pt x="2843784" y="3823716"/>
                  </a:lnTo>
                  <a:close/>
                </a:path>
                <a:path w="4805680" h="3823970">
                  <a:moveTo>
                    <a:pt x="2816352" y="3823716"/>
                  </a:moveTo>
                  <a:lnTo>
                    <a:pt x="2802635" y="3823716"/>
                  </a:lnTo>
                  <a:lnTo>
                    <a:pt x="2802635" y="3810000"/>
                  </a:lnTo>
                  <a:lnTo>
                    <a:pt x="2816352" y="3810000"/>
                  </a:lnTo>
                  <a:lnTo>
                    <a:pt x="2816352" y="3823716"/>
                  </a:lnTo>
                  <a:close/>
                </a:path>
                <a:path w="4805680" h="3823970">
                  <a:moveTo>
                    <a:pt x="2787396" y="3823716"/>
                  </a:moveTo>
                  <a:lnTo>
                    <a:pt x="2773680" y="3823716"/>
                  </a:lnTo>
                  <a:lnTo>
                    <a:pt x="2773680" y="3810000"/>
                  </a:lnTo>
                  <a:lnTo>
                    <a:pt x="2787396" y="3810000"/>
                  </a:lnTo>
                  <a:lnTo>
                    <a:pt x="2787396" y="3823716"/>
                  </a:lnTo>
                  <a:close/>
                </a:path>
                <a:path w="4805680" h="3823970">
                  <a:moveTo>
                    <a:pt x="2759964" y="3823716"/>
                  </a:moveTo>
                  <a:lnTo>
                    <a:pt x="2746248" y="3823716"/>
                  </a:lnTo>
                  <a:lnTo>
                    <a:pt x="2746248" y="3810000"/>
                  </a:lnTo>
                  <a:lnTo>
                    <a:pt x="2759964" y="3810000"/>
                  </a:lnTo>
                  <a:lnTo>
                    <a:pt x="2759964" y="3823716"/>
                  </a:lnTo>
                  <a:close/>
                </a:path>
                <a:path w="4805680" h="3823970">
                  <a:moveTo>
                    <a:pt x="2732532" y="3823716"/>
                  </a:moveTo>
                  <a:lnTo>
                    <a:pt x="2717291" y="3823716"/>
                  </a:lnTo>
                  <a:lnTo>
                    <a:pt x="2717291" y="3810000"/>
                  </a:lnTo>
                  <a:lnTo>
                    <a:pt x="2732532" y="3810000"/>
                  </a:lnTo>
                  <a:lnTo>
                    <a:pt x="2732532" y="3823716"/>
                  </a:lnTo>
                  <a:close/>
                </a:path>
                <a:path w="4805680" h="3823970">
                  <a:moveTo>
                    <a:pt x="2703575" y="3823716"/>
                  </a:moveTo>
                  <a:lnTo>
                    <a:pt x="2689860" y="3823716"/>
                  </a:lnTo>
                  <a:lnTo>
                    <a:pt x="2689860" y="3810000"/>
                  </a:lnTo>
                  <a:lnTo>
                    <a:pt x="2703575" y="3810000"/>
                  </a:lnTo>
                  <a:lnTo>
                    <a:pt x="2703575" y="3823716"/>
                  </a:lnTo>
                  <a:close/>
                </a:path>
                <a:path w="4805680" h="3823970">
                  <a:moveTo>
                    <a:pt x="2676144" y="3823716"/>
                  </a:moveTo>
                  <a:lnTo>
                    <a:pt x="2662428" y="3823716"/>
                  </a:lnTo>
                  <a:lnTo>
                    <a:pt x="2662428" y="3810000"/>
                  </a:lnTo>
                  <a:lnTo>
                    <a:pt x="2676144" y="3810000"/>
                  </a:lnTo>
                  <a:lnTo>
                    <a:pt x="2676144" y="3823716"/>
                  </a:lnTo>
                  <a:close/>
                </a:path>
                <a:path w="4805680" h="3823970">
                  <a:moveTo>
                    <a:pt x="2647187" y="3823716"/>
                  </a:moveTo>
                  <a:lnTo>
                    <a:pt x="2633471" y="3823716"/>
                  </a:lnTo>
                  <a:lnTo>
                    <a:pt x="2633471" y="3810000"/>
                  </a:lnTo>
                  <a:lnTo>
                    <a:pt x="2647187" y="3810000"/>
                  </a:lnTo>
                  <a:lnTo>
                    <a:pt x="2647187" y="3823716"/>
                  </a:lnTo>
                  <a:close/>
                </a:path>
                <a:path w="4805680" h="3823970">
                  <a:moveTo>
                    <a:pt x="2619755" y="3823716"/>
                  </a:moveTo>
                  <a:lnTo>
                    <a:pt x="2606039" y="3823716"/>
                  </a:lnTo>
                  <a:lnTo>
                    <a:pt x="2606039" y="3810000"/>
                  </a:lnTo>
                  <a:lnTo>
                    <a:pt x="2619755" y="3810000"/>
                  </a:lnTo>
                  <a:lnTo>
                    <a:pt x="2619755" y="3823716"/>
                  </a:lnTo>
                  <a:close/>
                </a:path>
                <a:path w="4805680" h="3823970">
                  <a:moveTo>
                    <a:pt x="2592323" y="3823716"/>
                  </a:moveTo>
                  <a:lnTo>
                    <a:pt x="2578607" y="3823716"/>
                  </a:lnTo>
                  <a:lnTo>
                    <a:pt x="2578607" y="3810000"/>
                  </a:lnTo>
                  <a:lnTo>
                    <a:pt x="2592323" y="3810000"/>
                  </a:lnTo>
                  <a:lnTo>
                    <a:pt x="2592323" y="3823716"/>
                  </a:lnTo>
                  <a:close/>
                </a:path>
                <a:path w="4805680" h="3823970">
                  <a:moveTo>
                    <a:pt x="2563368" y="3823716"/>
                  </a:moveTo>
                  <a:lnTo>
                    <a:pt x="2549652" y="3823716"/>
                  </a:lnTo>
                  <a:lnTo>
                    <a:pt x="2549652" y="3810000"/>
                  </a:lnTo>
                  <a:lnTo>
                    <a:pt x="2563368" y="3810000"/>
                  </a:lnTo>
                  <a:lnTo>
                    <a:pt x="2563368" y="3823716"/>
                  </a:lnTo>
                  <a:close/>
                </a:path>
                <a:path w="4805680" h="3823970">
                  <a:moveTo>
                    <a:pt x="2535935" y="3823716"/>
                  </a:moveTo>
                  <a:lnTo>
                    <a:pt x="2522219" y="3823716"/>
                  </a:lnTo>
                  <a:lnTo>
                    <a:pt x="2522219" y="3810000"/>
                  </a:lnTo>
                  <a:lnTo>
                    <a:pt x="2535935" y="3810000"/>
                  </a:lnTo>
                  <a:lnTo>
                    <a:pt x="2535935" y="3823716"/>
                  </a:lnTo>
                  <a:close/>
                </a:path>
                <a:path w="4805680" h="3823970">
                  <a:moveTo>
                    <a:pt x="2508503" y="3823716"/>
                  </a:moveTo>
                  <a:lnTo>
                    <a:pt x="2493264" y="3823716"/>
                  </a:lnTo>
                  <a:lnTo>
                    <a:pt x="2493264" y="3810000"/>
                  </a:lnTo>
                  <a:lnTo>
                    <a:pt x="2508503" y="3810000"/>
                  </a:lnTo>
                  <a:lnTo>
                    <a:pt x="2508503" y="3823716"/>
                  </a:lnTo>
                  <a:close/>
                </a:path>
                <a:path w="4805680" h="3823970">
                  <a:moveTo>
                    <a:pt x="2479548" y="3823716"/>
                  </a:moveTo>
                  <a:lnTo>
                    <a:pt x="2465832" y="3823716"/>
                  </a:lnTo>
                  <a:lnTo>
                    <a:pt x="2465832" y="3810000"/>
                  </a:lnTo>
                  <a:lnTo>
                    <a:pt x="2479548" y="3810000"/>
                  </a:lnTo>
                  <a:lnTo>
                    <a:pt x="2479548" y="3823716"/>
                  </a:lnTo>
                  <a:close/>
                </a:path>
                <a:path w="4805680" h="3823970">
                  <a:moveTo>
                    <a:pt x="2452116" y="3823716"/>
                  </a:moveTo>
                  <a:lnTo>
                    <a:pt x="2438400" y="3823716"/>
                  </a:lnTo>
                  <a:lnTo>
                    <a:pt x="2438400" y="3810000"/>
                  </a:lnTo>
                  <a:lnTo>
                    <a:pt x="2452116" y="3810000"/>
                  </a:lnTo>
                  <a:lnTo>
                    <a:pt x="2452116" y="3823716"/>
                  </a:lnTo>
                  <a:close/>
                </a:path>
                <a:path w="4805680" h="3823970">
                  <a:moveTo>
                    <a:pt x="2423160" y="3823716"/>
                  </a:moveTo>
                  <a:lnTo>
                    <a:pt x="2409444" y="3823716"/>
                  </a:lnTo>
                  <a:lnTo>
                    <a:pt x="2409444" y="3810000"/>
                  </a:lnTo>
                  <a:lnTo>
                    <a:pt x="2423160" y="3810000"/>
                  </a:lnTo>
                  <a:lnTo>
                    <a:pt x="2423160" y="3823716"/>
                  </a:lnTo>
                  <a:close/>
                </a:path>
                <a:path w="4805680" h="3823970">
                  <a:moveTo>
                    <a:pt x="2395728" y="3823716"/>
                  </a:moveTo>
                  <a:lnTo>
                    <a:pt x="2382012" y="3823716"/>
                  </a:lnTo>
                  <a:lnTo>
                    <a:pt x="2382012" y="3810000"/>
                  </a:lnTo>
                  <a:lnTo>
                    <a:pt x="2395728" y="3810000"/>
                  </a:lnTo>
                  <a:lnTo>
                    <a:pt x="2395728" y="3823716"/>
                  </a:lnTo>
                  <a:close/>
                </a:path>
                <a:path w="4805680" h="3823970">
                  <a:moveTo>
                    <a:pt x="2368296" y="3823716"/>
                  </a:moveTo>
                  <a:lnTo>
                    <a:pt x="2354580" y="3823716"/>
                  </a:lnTo>
                  <a:lnTo>
                    <a:pt x="2354580" y="3810000"/>
                  </a:lnTo>
                  <a:lnTo>
                    <a:pt x="2368296" y="3810000"/>
                  </a:lnTo>
                  <a:lnTo>
                    <a:pt x="2368296" y="3823716"/>
                  </a:lnTo>
                  <a:close/>
                </a:path>
                <a:path w="4805680" h="3823970">
                  <a:moveTo>
                    <a:pt x="2339339" y="3823716"/>
                  </a:moveTo>
                  <a:lnTo>
                    <a:pt x="2325623" y="3823716"/>
                  </a:lnTo>
                  <a:lnTo>
                    <a:pt x="2325623" y="3810000"/>
                  </a:lnTo>
                  <a:lnTo>
                    <a:pt x="2339339" y="3810000"/>
                  </a:lnTo>
                  <a:lnTo>
                    <a:pt x="2339339" y="3823716"/>
                  </a:lnTo>
                  <a:close/>
                </a:path>
                <a:path w="4805680" h="3823970">
                  <a:moveTo>
                    <a:pt x="2311907" y="3823716"/>
                  </a:moveTo>
                  <a:lnTo>
                    <a:pt x="2298191" y="3823716"/>
                  </a:lnTo>
                  <a:lnTo>
                    <a:pt x="2298191" y="3810000"/>
                  </a:lnTo>
                  <a:lnTo>
                    <a:pt x="2311907" y="3810000"/>
                  </a:lnTo>
                  <a:lnTo>
                    <a:pt x="2311907" y="3823716"/>
                  </a:lnTo>
                  <a:close/>
                </a:path>
                <a:path w="4805680" h="3823970">
                  <a:moveTo>
                    <a:pt x="2284475" y="3823716"/>
                  </a:moveTo>
                  <a:lnTo>
                    <a:pt x="2269235" y="3823716"/>
                  </a:lnTo>
                  <a:lnTo>
                    <a:pt x="2269235" y="3810000"/>
                  </a:lnTo>
                  <a:lnTo>
                    <a:pt x="2284475" y="3810000"/>
                  </a:lnTo>
                  <a:lnTo>
                    <a:pt x="2284475" y="3823716"/>
                  </a:lnTo>
                  <a:close/>
                </a:path>
                <a:path w="4805680" h="3823970">
                  <a:moveTo>
                    <a:pt x="2255519" y="3823716"/>
                  </a:moveTo>
                  <a:lnTo>
                    <a:pt x="2241803" y="3823716"/>
                  </a:lnTo>
                  <a:lnTo>
                    <a:pt x="2241803" y="3810000"/>
                  </a:lnTo>
                  <a:lnTo>
                    <a:pt x="2255519" y="3810000"/>
                  </a:lnTo>
                  <a:lnTo>
                    <a:pt x="2255519" y="3823716"/>
                  </a:lnTo>
                  <a:close/>
                </a:path>
                <a:path w="4805680" h="3823970">
                  <a:moveTo>
                    <a:pt x="2228087" y="3823716"/>
                  </a:moveTo>
                  <a:lnTo>
                    <a:pt x="2214371" y="3823716"/>
                  </a:lnTo>
                  <a:lnTo>
                    <a:pt x="2214371" y="3810000"/>
                  </a:lnTo>
                  <a:lnTo>
                    <a:pt x="2228087" y="3810000"/>
                  </a:lnTo>
                  <a:lnTo>
                    <a:pt x="2228087" y="3823716"/>
                  </a:lnTo>
                  <a:close/>
                </a:path>
                <a:path w="4805680" h="3823970">
                  <a:moveTo>
                    <a:pt x="2199132" y="3823716"/>
                  </a:moveTo>
                  <a:lnTo>
                    <a:pt x="2185416" y="3823716"/>
                  </a:lnTo>
                  <a:lnTo>
                    <a:pt x="2185416" y="3810000"/>
                  </a:lnTo>
                  <a:lnTo>
                    <a:pt x="2199132" y="3810000"/>
                  </a:lnTo>
                  <a:lnTo>
                    <a:pt x="2199132" y="3823716"/>
                  </a:lnTo>
                  <a:close/>
                </a:path>
                <a:path w="4805680" h="3823970">
                  <a:moveTo>
                    <a:pt x="2171700" y="3823716"/>
                  </a:moveTo>
                  <a:lnTo>
                    <a:pt x="2157984" y="3823716"/>
                  </a:lnTo>
                  <a:lnTo>
                    <a:pt x="2157984" y="3810000"/>
                  </a:lnTo>
                  <a:lnTo>
                    <a:pt x="2171700" y="3810000"/>
                  </a:lnTo>
                  <a:lnTo>
                    <a:pt x="2171700" y="3823716"/>
                  </a:lnTo>
                  <a:close/>
                </a:path>
                <a:path w="4805680" h="3823970">
                  <a:moveTo>
                    <a:pt x="2144268" y="3823716"/>
                  </a:moveTo>
                  <a:lnTo>
                    <a:pt x="2130551" y="3823716"/>
                  </a:lnTo>
                  <a:lnTo>
                    <a:pt x="2130551" y="3810000"/>
                  </a:lnTo>
                  <a:lnTo>
                    <a:pt x="2144268" y="3810000"/>
                  </a:lnTo>
                  <a:lnTo>
                    <a:pt x="2144268" y="3823716"/>
                  </a:lnTo>
                  <a:close/>
                </a:path>
                <a:path w="4805680" h="3823970">
                  <a:moveTo>
                    <a:pt x="2115312" y="3823716"/>
                  </a:moveTo>
                  <a:lnTo>
                    <a:pt x="2101596" y="3823716"/>
                  </a:lnTo>
                  <a:lnTo>
                    <a:pt x="2101596" y="3810000"/>
                  </a:lnTo>
                  <a:lnTo>
                    <a:pt x="2115312" y="3810000"/>
                  </a:lnTo>
                  <a:lnTo>
                    <a:pt x="2115312" y="3823716"/>
                  </a:lnTo>
                  <a:close/>
                </a:path>
                <a:path w="4805680" h="3823970">
                  <a:moveTo>
                    <a:pt x="2087880" y="3823716"/>
                  </a:moveTo>
                  <a:lnTo>
                    <a:pt x="2074164" y="3823716"/>
                  </a:lnTo>
                  <a:lnTo>
                    <a:pt x="2074164" y="3810000"/>
                  </a:lnTo>
                  <a:lnTo>
                    <a:pt x="2087880" y="3810000"/>
                  </a:lnTo>
                  <a:lnTo>
                    <a:pt x="2087880" y="3823716"/>
                  </a:lnTo>
                  <a:close/>
                </a:path>
                <a:path w="4805680" h="3823970">
                  <a:moveTo>
                    <a:pt x="2060448" y="3823716"/>
                  </a:moveTo>
                  <a:lnTo>
                    <a:pt x="2045207" y="3823716"/>
                  </a:lnTo>
                  <a:lnTo>
                    <a:pt x="2045207" y="3810000"/>
                  </a:lnTo>
                  <a:lnTo>
                    <a:pt x="2060448" y="3810000"/>
                  </a:lnTo>
                  <a:lnTo>
                    <a:pt x="2060448" y="3823716"/>
                  </a:lnTo>
                  <a:close/>
                </a:path>
                <a:path w="4805680" h="3823970">
                  <a:moveTo>
                    <a:pt x="2031491" y="3823716"/>
                  </a:moveTo>
                  <a:lnTo>
                    <a:pt x="2017775" y="3823716"/>
                  </a:lnTo>
                  <a:lnTo>
                    <a:pt x="2017775" y="3810000"/>
                  </a:lnTo>
                  <a:lnTo>
                    <a:pt x="2031491" y="3810000"/>
                  </a:lnTo>
                  <a:lnTo>
                    <a:pt x="2031491" y="3823716"/>
                  </a:lnTo>
                  <a:close/>
                </a:path>
                <a:path w="4805680" h="3823970">
                  <a:moveTo>
                    <a:pt x="2004060" y="3823716"/>
                  </a:moveTo>
                  <a:lnTo>
                    <a:pt x="1990344" y="3823716"/>
                  </a:lnTo>
                  <a:lnTo>
                    <a:pt x="1990344" y="3810000"/>
                  </a:lnTo>
                  <a:lnTo>
                    <a:pt x="2004060" y="3810000"/>
                  </a:lnTo>
                  <a:lnTo>
                    <a:pt x="2004060" y="3823716"/>
                  </a:lnTo>
                  <a:close/>
                </a:path>
                <a:path w="4805680" h="3823970">
                  <a:moveTo>
                    <a:pt x="1975103" y="3823716"/>
                  </a:moveTo>
                  <a:lnTo>
                    <a:pt x="1961387" y="3823716"/>
                  </a:lnTo>
                  <a:lnTo>
                    <a:pt x="1961387" y="3810000"/>
                  </a:lnTo>
                  <a:lnTo>
                    <a:pt x="1975103" y="3810000"/>
                  </a:lnTo>
                  <a:lnTo>
                    <a:pt x="1975103" y="3823716"/>
                  </a:lnTo>
                  <a:close/>
                </a:path>
                <a:path w="4805680" h="3823970">
                  <a:moveTo>
                    <a:pt x="1947671" y="3823716"/>
                  </a:moveTo>
                  <a:lnTo>
                    <a:pt x="1933955" y="3823716"/>
                  </a:lnTo>
                  <a:lnTo>
                    <a:pt x="1933955" y="3810000"/>
                  </a:lnTo>
                  <a:lnTo>
                    <a:pt x="1947671" y="3810000"/>
                  </a:lnTo>
                  <a:lnTo>
                    <a:pt x="1947671" y="3823716"/>
                  </a:lnTo>
                  <a:close/>
                </a:path>
                <a:path w="4805680" h="3823970">
                  <a:moveTo>
                    <a:pt x="1920239" y="3823716"/>
                  </a:moveTo>
                  <a:lnTo>
                    <a:pt x="1906523" y="3823716"/>
                  </a:lnTo>
                  <a:lnTo>
                    <a:pt x="1906523" y="3810000"/>
                  </a:lnTo>
                  <a:lnTo>
                    <a:pt x="1920239" y="3810000"/>
                  </a:lnTo>
                  <a:lnTo>
                    <a:pt x="1920239" y="3823716"/>
                  </a:lnTo>
                  <a:close/>
                </a:path>
                <a:path w="4805680" h="3823970">
                  <a:moveTo>
                    <a:pt x="1891284" y="3823716"/>
                  </a:moveTo>
                  <a:lnTo>
                    <a:pt x="1877568" y="3823716"/>
                  </a:lnTo>
                  <a:lnTo>
                    <a:pt x="1877568" y="3810000"/>
                  </a:lnTo>
                  <a:lnTo>
                    <a:pt x="1891284" y="3810000"/>
                  </a:lnTo>
                  <a:lnTo>
                    <a:pt x="1891284" y="3823716"/>
                  </a:lnTo>
                  <a:close/>
                </a:path>
                <a:path w="4805680" h="3823970">
                  <a:moveTo>
                    <a:pt x="1863851" y="3823716"/>
                  </a:moveTo>
                  <a:lnTo>
                    <a:pt x="1850135" y="3823716"/>
                  </a:lnTo>
                  <a:lnTo>
                    <a:pt x="1850135" y="3810000"/>
                  </a:lnTo>
                  <a:lnTo>
                    <a:pt x="1863851" y="3810000"/>
                  </a:lnTo>
                  <a:lnTo>
                    <a:pt x="1863851" y="3823716"/>
                  </a:lnTo>
                  <a:close/>
                </a:path>
                <a:path w="4805680" h="3823970">
                  <a:moveTo>
                    <a:pt x="1836419" y="3823716"/>
                  </a:moveTo>
                  <a:lnTo>
                    <a:pt x="1821180" y="3823716"/>
                  </a:lnTo>
                  <a:lnTo>
                    <a:pt x="1821180" y="3810000"/>
                  </a:lnTo>
                  <a:lnTo>
                    <a:pt x="1836419" y="3810000"/>
                  </a:lnTo>
                  <a:lnTo>
                    <a:pt x="1836419" y="3823716"/>
                  </a:lnTo>
                  <a:close/>
                </a:path>
                <a:path w="4805680" h="3823970">
                  <a:moveTo>
                    <a:pt x="1807464" y="3823716"/>
                  </a:moveTo>
                  <a:lnTo>
                    <a:pt x="1793748" y="3823716"/>
                  </a:lnTo>
                  <a:lnTo>
                    <a:pt x="1793748" y="3810000"/>
                  </a:lnTo>
                  <a:lnTo>
                    <a:pt x="1807464" y="3810000"/>
                  </a:lnTo>
                  <a:lnTo>
                    <a:pt x="1807464" y="3823716"/>
                  </a:lnTo>
                  <a:close/>
                </a:path>
                <a:path w="4805680" h="3823970">
                  <a:moveTo>
                    <a:pt x="1780032" y="3823716"/>
                  </a:moveTo>
                  <a:lnTo>
                    <a:pt x="1766316" y="3823716"/>
                  </a:lnTo>
                  <a:lnTo>
                    <a:pt x="1766316" y="3810000"/>
                  </a:lnTo>
                  <a:lnTo>
                    <a:pt x="1780032" y="3810000"/>
                  </a:lnTo>
                  <a:lnTo>
                    <a:pt x="1780032" y="3823716"/>
                  </a:lnTo>
                  <a:close/>
                </a:path>
                <a:path w="4805680" h="3823970">
                  <a:moveTo>
                    <a:pt x="1751075" y="3823716"/>
                  </a:moveTo>
                  <a:lnTo>
                    <a:pt x="1737360" y="3823716"/>
                  </a:lnTo>
                  <a:lnTo>
                    <a:pt x="1737360" y="3810000"/>
                  </a:lnTo>
                  <a:lnTo>
                    <a:pt x="1751075" y="3810000"/>
                  </a:lnTo>
                  <a:lnTo>
                    <a:pt x="1751075" y="3823716"/>
                  </a:lnTo>
                  <a:close/>
                </a:path>
                <a:path w="4805680" h="3823970">
                  <a:moveTo>
                    <a:pt x="1723644" y="3823716"/>
                  </a:moveTo>
                  <a:lnTo>
                    <a:pt x="1709928" y="3823716"/>
                  </a:lnTo>
                  <a:lnTo>
                    <a:pt x="1709928" y="3810000"/>
                  </a:lnTo>
                  <a:lnTo>
                    <a:pt x="1723644" y="3810000"/>
                  </a:lnTo>
                  <a:lnTo>
                    <a:pt x="1723644" y="3823716"/>
                  </a:lnTo>
                  <a:close/>
                </a:path>
                <a:path w="4805680" h="3823970">
                  <a:moveTo>
                    <a:pt x="1696212" y="3823716"/>
                  </a:moveTo>
                  <a:lnTo>
                    <a:pt x="1680971" y="3823716"/>
                  </a:lnTo>
                  <a:lnTo>
                    <a:pt x="1680971" y="3810000"/>
                  </a:lnTo>
                  <a:lnTo>
                    <a:pt x="1696212" y="3810000"/>
                  </a:lnTo>
                  <a:lnTo>
                    <a:pt x="1696212" y="3823716"/>
                  </a:lnTo>
                  <a:close/>
                </a:path>
                <a:path w="4805680" h="3823970">
                  <a:moveTo>
                    <a:pt x="1667255" y="3823716"/>
                  </a:moveTo>
                  <a:lnTo>
                    <a:pt x="1653539" y="3823716"/>
                  </a:lnTo>
                  <a:lnTo>
                    <a:pt x="1653539" y="3810000"/>
                  </a:lnTo>
                  <a:lnTo>
                    <a:pt x="1667255" y="3810000"/>
                  </a:lnTo>
                  <a:lnTo>
                    <a:pt x="1667255" y="3823716"/>
                  </a:lnTo>
                  <a:close/>
                </a:path>
                <a:path w="4805680" h="3823970">
                  <a:moveTo>
                    <a:pt x="1639823" y="3823716"/>
                  </a:moveTo>
                  <a:lnTo>
                    <a:pt x="1626107" y="3823716"/>
                  </a:lnTo>
                  <a:lnTo>
                    <a:pt x="1626107" y="3810000"/>
                  </a:lnTo>
                  <a:lnTo>
                    <a:pt x="1639823" y="3810000"/>
                  </a:lnTo>
                  <a:lnTo>
                    <a:pt x="1639823" y="3823716"/>
                  </a:lnTo>
                  <a:close/>
                </a:path>
                <a:path w="4805680" h="3823970">
                  <a:moveTo>
                    <a:pt x="1612391" y="3823716"/>
                  </a:moveTo>
                  <a:lnTo>
                    <a:pt x="1597151" y="3823716"/>
                  </a:lnTo>
                  <a:lnTo>
                    <a:pt x="1597151" y="3810000"/>
                  </a:lnTo>
                  <a:lnTo>
                    <a:pt x="1612391" y="3810000"/>
                  </a:lnTo>
                  <a:lnTo>
                    <a:pt x="1612391" y="3823716"/>
                  </a:lnTo>
                  <a:close/>
                </a:path>
                <a:path w="4805680" h="3823970">
                  <a:moveTo>
                    <a:pt x="1583435" y="3823716"/>
                  </a:moveTo>
                  <a:lnTo>
                    <a:pt x="1569719" y="3823716"/>
                  </a:lnTo>
                  <a:lnTo>
                    <a:pt x="1569719" y="3810000"/>
                  </a:lnTo>
                  <a:lnTo>
                    <a:pt x="1583435" y="3810000"/>
                  </a:lnTo>
                  <a:lnTo>
                    <a:pt x="1583435" y="3823716"/>
                  </a:lnTo>
                  <a:close/>
                </a:path>
                <a:path w="4805680" h="3823970">
                  <a:moveTo>
                    <a:pt x="1556003" y="3823716"/>
                  </a:moveTo>
                  <a:lnTo>
                    <a:pt x="1542287" y="3823716"/>
                  </a:lnTo>
                  <a:lnTo>
                    <a:pt x="1542287" y="3810000"/>
                  </a:lnTo>
                  <a:lnTo>
                    <a:pt x="1556003" y="3810000"/>
                  </a:lnTo>
                  <a:lnTo>
                    <a:pt x="1556003" y="3823716"/>
                  </a:lnTo>
                  <a:close/>
                </a:path>
                <a:path w="4805680" h="3823970">
                  <a:moveTo>
                    <a:pt x="1527048" y="3823716"/>
                  </a:moveTo>
                  <a:lnTo>
                    <a:pt x="1513332" y="3823716"/>
                  </a:lnTo>
                  <a:lnTo>
                    <a:pt x="1513332" y="3810000"/>
                  </a:lnTo>
                  <a:lnTo>
                    <a:pt x="1527048" y="3810000"/>
                  </a:lnTo>
                  <a:lnTo>
                    <a:pt x="1527048" y="3823716"/>
                  </a:lnTo>
                  <a:close/>
                </a:path>
                <a:path w="4805680" h="3823970">
                  <a:moveTo>
                    <a:pt x="1499616" y="3823716"/>
                  </a:moveTo>
                  <a:lnTo>
                    <a:pt x="1485900" y="3823716"/>
                  </a:lnTo>
                  <a:lnTo>
                    <a:pt x="1485900" y="3810000"/>
                  </a:lnTo>
                  <a:lnTo>
                    <a:pt x="1499616" y="3810000"/>
                  </a:lnTo>
                  <a:lnTo>
                    <a:pt x="1499616" y="3823716"/>
                  </a:lnTo>
                  <a:close/>
                </a:path>
                <a:path w="4805680" h="3823970">
                  <a:moveTo>
                    <a:pt x="1472184" y="3823716"/>
                  </a:moveTo>
                  <a:lnTo>
                    <a:pt x="1456944" y="3823716"/>
                  </a:lnTo>
                  <a:lnTo>
                    <a:pt x="1456944" y="3810000"/>
                  </a:lnTo>
                  <a:lnTo>
                    <a:pt x="1472184" y="3810000"/>
                  </a:lnTo>
                  <a:lnTo>
                    <a:pt x="1472184" y="3823716"/>
                  </a:lnTo>
                  <a:close/>
                </a:path>
                <a:path w="4805680" h="3823970">
                  <a:moveTo>
                    <a:pt x="1443228" y="3823716"/>
                  </a:moveTo>
                  <a:lnTo>
                    <a:pt x="1429512" y="3823716"/>
                  </a:lnTo>
                  <a:lnTo>
                    <a:pt x="1429512" y="3810000"/>
                  </a:lnTo>
                  <a:lnTo>
                    <a:pt x="1443228" y="3810000"/>
                  </a:lnTo>
                  <a:lnTo>
                    <a:pt x="1443228" y="3823716"/>
                  </a:lnTo>
                  <a:close/>
                </a:path>
                <a:path w="4805680" h="3823970">
                  <a:moveTo>
                    <a:pt x="1415796" y="3823716"/>
                  </a:moveTo>
                  <a:lnTo>
                    <a:pt x="1402080" y="3823716"/>
                  </a:lnTo>
                  <a:lnTo>
                    <a:pt x="1402080" y="3810000"/>
                  </a:lnTo>
                  <a:lnTo>
                    <a:pt x="1415796" y="3810000"/>
                  </a:lnTo>
                  <a:lnTo>
                    <a:pt x="1415796" y="3823716"/>
                  </a:lnTo>
                  <a:close/>
                </a:path>
                <a:path w="4805680" h="3823970">
                  <a:moveTo>
                    <a:pt x="1388364" y="3823716"/>
                  </a:moveTo>
                  <a:lnTo>
                    <a:pt x="1373123" y="3823716"/>
                  </a:lnTo>
                  <a:lnTo>
                    <a:pt x="1373123" y="3810000"/>
                  </a:lnTo>
                  <a:lnTo>
                    <a:pt x="1388364" y="3810000"/>
                  </a:lnTo>
                  <a:lnTo>
                    <a:pt x="1388364" y="3823716"/>
                  </a:lnTo>
                  <a:close/>
                </a:path>
                <a:path w="4805680" h="3823970">
                  <a:moveTo>
                    <a:pt x="1359407" y="3823716"/>
                  </a:moveTo>
                  <a:lnTo>
                    <a:pt x="1345691" y="3823716"/>
                  </a:lnTo>
                  <a:lnTo>
                    <a:pt x="1345691" y="3810000"/>
                  </a:lnTo>
                  <a:lnTo>
                    <a:pt x="1359407" y="3810000"/>
                  </a:lnTo>
                  <a:lnTo>
                    <a:pt x="1359407" y="3823716"/>
                  </a:lnTo>
                  <a:close/>
                </a:path>
                <a:path w="4805680" h="3823970">
                  <a:moveTo>
                    <a:pt x="1331975" y="3823716"/>
                  </a:moveTo>
                  <a:lnTo>
                    <a:pt x="1318260" y="3823716"/>
                  </a:lnTo>
                  <a:lnTo>
                    <a:pt x="1318260" y="3810000"/>
                  </a:lnTo>
                  <a:lnTo>
                    <a:pt x="1331975" y="3810000"/>
                  </a:lnTo>
                  <a:lnTo>
                    <a:pt x="1331975" y="3823716"/>
                  </a:lnTo>
                  <a:close/>
                </a:path>
                <a:path w="4805680" h="3823970">
                  <a:moveTo>
                    <a:pt x="1303019" y="3823716"/>
                  </a:moveTo>
                  <a:lnTo>
                    <a:pt x="1289303" y="3823716"/>
                  </a:lnTo>
                  <a:lnTo>
                    <a:pt x="1289303" y="3810000"/>
                  </a:lnTo>
                  <a:lnTo>
                    <a:pt x="1303019" y="3810000"/>
                  </a:lnTo>
                  <a:lnTo>
                    <a:pt x="1303019" y="3823716"/>
                  </a:lnTo>
                  <a:close/>
                </a:path>
                <a:path w="4805680" h="3823970">
                  <a:moveTo>
                    <a:pt x="1275587" y="3823716"/>
                  </a:moveTo>
                  <a:lnTo>
                    <a:pt x="1261871" y="3823716"/>
                  </a:lnTo>
                  <a:lnTo>
                    <a:pt x="1261871" y="3810000"/>
                  </a:lnTo>
                  <a:lnTo>
                    <a:pt x="1275587" y="3810000"/>
                  </a:lnTo>
                  <a:lnTo>
                    <a:pt x="1275587" y="3823716"/>
                  </a:lnTo>
                  <a:close/>
                </a:path>
                <a:path w="4805680" h="3823970">
                  <a:moveTo>
                    <a:pt x="1248155" y="3823716"/>
                  </a:moveTo>
                  <a:lnTo>
                    <a:pt x="1232916" y="3823716"/>
                  </a:lnTo>
                  <a:lnTo>
                    <a:pt x="1232916" y="3810000"/>
                  </a:lnTo>
                  <a:lnTo>
                    <a:pt x="1248155" y="3810000"/>
                  </a:lnTo>
                  <a:lnTo>
                    <a:pt x="1248155" y="3823716"/>
                  </a:lnTo>
                  <a:close/>
                </a:path>
                <a:path w="4805680" h="3823970">
                  <a:moveTo>
                    <a:pt x="1219200" y="3823716"/>
                  </a:moveTo>
                  <a:lnTo>
                    <a:pt x="1205484" y="3823716"/>
                  </a:lnTo>
                  <a:lnTo>
                    <a:pt x="1205484" y="3810000"/>
                  </a:lnTo>
                  <a:lnTo>
                    <a:pt x="1219200" y="3810000"/>
                  </a:lnTo>
                  <a:lnTo>
                    <a:pt x="1219200" y="3823716"/>
                  </a:lnTo>
                  <a:close/>
                </a:path>
                <a:path w="4805680" h="3823970">
                  <a:moveTo>
                    <a:pt x="1191767" y="3823716"/>
                  </a:moveTo>
                  <a:lnTo>
                    <a:pt x="1178051" y="3823716"/>
                  </a:lnTo>
                  <a:lnTo>
                    <a:pt x="1178051" y="3810000"/>
                  </a:lnTo>
                  <a:lnTo>
                    <a:pt x="1191767" y="3810000"/>
                  </a:lnTo>
                  <a:lnTo>
                    <a:pt x="1191767" y="3823716"/>
                  </a:lnTo>
                  <a:close/>
                </a:path>
                <a:path w="4805680" h="3823970">
                  <a:moveTo>
                    <a:pt x="1164335" y="3823716"/>
                  </a:moveTo>
                  <a:lnTo>
                    <a:pt x="1149096" y="3823716"/>
                  </a:lnTo>
                  <a:lnTo>
                    <a:pt x="1149096" y="3810000"/>
                  </a:lnTo>
                  <a:lnTo>
                    <a:pt x="1164335" y="3810000"/>
                  </a:lnTo>
                  <a:lnTo>
                    <a:pt x="1164335" y="3823716"/>
                  </a:lnTo>
                  <a:close/>
                </a:path>
                <a:path w="4805680" h="3823970">
                  <a:moveTo>
                    <a:pt x="1135380" y="3823716"/>
                  </a:moveTo>
                  <a:lnTo>
                    <a:pt x="1121664" y="3823716"/>
                  </a:lnTo>
                  <a:lnTo>
                    <a:pt x="1121664" y="3810000"/>
                  </a:lnTo>
                  <a:lnTo>
                    <a:pt x="1135380" y="3810000"/>
                  </a:lnTo>
                  <a:lnTo>
                    <a:pt x="1135380" y="3823716"/>
                  </a:lnTo>
                  <a:close/>
                </a:path>
                <a:path w="4805680" h="3823970">
                  <a:moveTo>
                    <a:pt x="1107948" y="3823716"/>
                  </a:moveTo>
                  <a:lnTo>
                    <a:pt x="1094232" y="3823716"/>
                  </a:lnTo>
                  <a:lnTo>
                    <a:pt x="1094232" y="3810000"/>
                  </a:lnTo>
                  <a:lnTo>
                    <a:pt x="1107948" y="3810000"/>
                  </a:lnTo>
                  <a:lnTo>
                    <a:pt x="1107948" y="3823716"/>
                  </a:lnTo>
                  <a:close/>
                </a:path>
                <a:path w="4805680" h="3823970">
                  <a:moveTo>
                    <a:pt x="1078991" y="3823716"/>
                  </a:moveTo>
                  <a:lnTo>
                    <a:pt x="1065275" y="3823716"/>
                  </a:lnTo>
                  <a:lnTo>
                    <a:pt x="1065275" y="3810000"/>
                  </a:lnTo>
                  <a:lnTo>
                    <a:pt x="1078991" y="3810000"/>
                  </a:lnTo>
                  <a:lnTo>
                    <a:pt x="1078991" y="3823716"/>
                  </a:lnTo>
                  <a:close/>
                </a:path>
                <a:path w="4805680" h="3823970">
                  <a:moveTo>
                    <a:pt x="1051560" y="3823716"/>
                  </a:moveTo>
                  <a:lnTo>
                    <a:pt x="1037844" y="3823716"/>
                  </a:lnTo>
                  <a:lnTo>
                    <a:pt x="1037844" y="3810000"/>
                  </a:lnTo>
                  <a:lnTo>
                    <a:pt x="1051560" y="3810000"/>
                  </a:lnTo>
                  <a:lnTo>
                    <a:pt x="1051560" y="3823716"/>
                  </a:lnTo>
                  <a:close/>
                </a:path>
                <a:path w="4805680" h="3823970">
                  <a:moveTo>
                    <a:pt x="1024128" y="3823716"/>
                  </a:moveTo>
                  <a:lnTo>
                    <a:pt x="1008887" y="3823716"/>
                  </a:lnTo>
                  <a:lnTo>
                    <a:pt x="1008887" y="3810000"/>
                  </a:lnTo>
                  <a:lnTo>
                    <a:pt x="1024128" y="3810000"/>
                  </a:lnTo>
                  <a:lnTo>
                    <a:pt x="1024128" y="3823716"/>
                  </a:lnTo>
                  <a:close/>
                </a:path>
                <a:path w="4805680" h="3823970">
                  <a:moveTo>
                    <a:pt x="995171" y="3823716"/>
                  </a:moveTo>
                  <a:lnTo>
                    <a:pt x="981455" y="3823716"/>
                  </a:lnTo>
                  <a:lnTo>
                    <a:pt x="981455" y="3810000"/>
                  </a:lnTo>
                  <a:lnTo>
                    <a:pt x="995171" y="3810000"/>
                  </a:lnTo>
                  <a:lnTo>
                    <a:pt x="995171" y="3823716"/>
                  </a:lnTo>
                  <a:close/>
                </a:path>
                <a:path w="4805680" h="3823970">
                  <a:moveTo>
                    <a:pt x="967739" y="3823716"/>
                  </a:moveTo>
                  <a:lnTo>
                    <a:pt x="954023" y="3823716"/>
                  </a:lnTo>
                  <a:lnTo>
                    <a:pt x="954023" y="3810000"/>
                  </a:lnTo>
                  <a:lnTo>
                    <a:pt x="967739" y="3810000"/>
                  </a:lnTo>
                  <a:lnTo>
                    <a:pt x="967739" y="3823716"/>
                  </a:lnTo>
                  <a:close/>
                </a:path>
                <a:path w="4805680" h="3823970">
                  <a:moveTo>
                    <a:pt x="940307" y="3823716"/>
                  </a:moveTo>
                  <a:lnTo>
                    <a:pt x="925067" y="3823716"/>
                  </a:lnTo>
                  <a:lnTo>
                    <a:pt x="925067" y="3810000"/>
                  </a:lnTo>
                  <a:lnTo>
                    <a:pt x="940307" y="3810000"/>
                  </a:lnTo>
                  <a:lnTo>
                    <a:pt x="940307" y="3823716"/>
                  </a:lnTo>
                  <a:close/>
                </a:path>
                <a:path w="4805680" h="3823970">
                  <a:moveTo>
                    <a:pt x="911351" y="3823716"/>
                  </a:moveTo>
                  <a:lnTo>
                    <a:pt x="897635" y="3823716"/>
                  </a:lnTo>
                  <a:lnTo>
                    <a:pt x="897635" y="3810000"/>
                  </a:lnTo>
                  <a:lnTo>
                    <a:pt x="911351" y="3810000"/>
                  </a:lnTo>
                  <a:lnTo>
                    <a:pt x="911351" y="3823716"/>
                  </a:lnTo>
                  <a:close/>
                </a:path>
                <a:path w="4805680" h="3823970">
                  <a:moveTo>
                    <a:pt x="883919" y="3823716"/>
                  </a:moveTo>
                  <a:lnTo>
                    <a:pt x="870203" y="3823716"/>
                  </a:lnTo>
                  <a:lnTo>
                    <a:pt x="870203" y="3810000"/>
                  </a:lnTo>
                  <a:lnTo>
                    <a:pt x="883919" y="3810000"/>
                  </a:lnTo>
                  <a:lnTo>
                    <a:pt x="883919" y="3823716"/>
                  </a:lnTo>
                  <a:close/>
                </a:path>
                <a:path w="4805680" h="3823970">
                  <a:moveTo>
                    <a:pt x="854964" y="3823716"/>
                  </a:moveTo>
                  <a:lnTo>
                    <a:pt x="841248" y="3823716"/>
                  </a:lnTo>
                  <a:lnTo>
                    <a:pt x="841248" y="3810000"/>
                  </a:lnTo>
                  <a:lnTo>
                    <a:pt x="854964" y="3810000"/>
                  </a:lnTo>
                  <a:lnTo>
                    <a:pt x="854964" y="3823716"/>
                  </a:lnTo>
                  <a:close/>
                </a:path>
                <a:path w="4805680" h="3823970">
                  <a:moveTo>
                    <a:pt x="827532" y="3823716"/>
                  </a:moveTo>
                  <a:lnTo>
                    <a:pt x="813816" y="3823716"/>
                  </a:lnTo>
                  <a:lnTo>
                    <a:pt x="813816" y="3810000"/>
                  </a:lnTo>
                  <a:lnTo>
                    <a:pt x="827532" y="3810000"/>
                  </a:lnTo>
                  <a:lnTo>
                    <a:pt x="827532" y="3823716"/>
                  </a:lnTo>
                  <a:close/>
                </a:path>
                <a:path w="4805680" h="3823970">
                  <a:moveTo>
                    <a:pt x="800100" y="3823716"/>
                  </a:moveTo>
                  <a:lnTo>
                    <a:pt x="784860" y="3823716"/>
                  </a:lnTo>
                  <a:lnTo>
                    <a:pt x="784860" y="3810000"/>
                  </a:lnTo>
                  <a:lnTo>
                    <a:pt x="800100" y="3810000"/>
                  </a:lnTo>
                  <a:lnTo>
                    <a:pt x="800100" y="3823716"/>
                  </a:lnTo>
                  <a:close/>
                </a:path>
                <a:path w="4805680" h="3823970">
                  <a:moveTo>
                    <a:pt x="771144" y="3823716"/>
                  </a:moveTo>
                  <a:lnTo>
                    <a:pt x="757428" y="3823716"/>
                  </a:lnTo>
                  <a:lnTo>
                    <a:pt x="757428" y="3810000"/>
                  </a:lnTo>
                  <a:lnTo>
                    <a:pt x="771144" y="3810000"/>
                  </a:lnTo>
                  <a:lnTo>
                    <a:pt x="771144" y="3823716"/>
                  </a:lnTo>
                  <a:close/>
                </a:path>
                <a:path w="4805680" h="3823970">
                  <a:moveTo>
                    <a:pt x="743712" y="3823716"/>
                  </a:moveTo>
                  <a:lnTo>
                    <a:pt x="729996" y="3823716"/>
                  </a:lnTo>
                  <a:lnTo>
                    <a:pt x="729996" y="3810000"/>
                  </a:lnTo>
                  <a:lnTo>
                    <a:pt x="743712" y="3810000"/>
                  </a:lnTo>
                  <a:lnTo>
                    <a:pt x="743712" y="3823716"/>
                  </a:lnTo>
                  <a:close/>
                </a:path>
                <a:path w="4805680" h="3823970">
                  <a:moveTo>
                    <a:pt x="716280" y="3823716"/>
                  </a:moveTo>
                  <a:lnTo>
                    <a:pt x="701039" y="3823716"/>
                  </a:lnTo>
                  <a:lnTo>
                    <a:pt x="701039" y="3810000"/>
                  </a:lnTo>
                  <a:lnTo>
                    <a:pt x="716280" y="3810000"/>
                  </a:lnTo>
                  <a:lnTo>
                    <a:pt x="716280" y="3823716"/>
                  </a:lnTo>
                  <a:close/>
                </a:path>
                <a:path w="4805680" h="3823970">
                  <a:moveTo>
                    <a:pt x="687323" y="3823716"/>
                  </a:moveTo>
                  <a:lnTo>
                    <a:pt x="673607" y="3823716"/>
                  </a:lnTo>
                  <a:lnTo>
                    <a:pt x="673607" y="3810000"/>
                  </a:lnTo>
                  <a:lnTo>
                    <a:pt x="687323" y="3810000"/>
                  </a:lnTo>
                  <a:lnTo>
                    <a:pt x="687323" y="3823716"/>
                  </a:lnTo>
                  <a:close/>
                </a:path>
                <a:path w="4805680" h="3823970">
                  <a:moveTo>
                    <a:pt x="659891" y="3823716"/>
                  </a:moveTo>
                  <a:lnTo>
                    <a:pt x="646175" y="3823716"/>
                  </a:lnTo>
                  <a:lnTo>
                    <a:pt x="646175" y="3810000"/>
                  </a:lnTo>
                  <a:lnTo>
                    <a:pt x="659891" y="3810000"/>
                  </a:lnTo>
                  <a:lnTo>
                    <a:pt x="659891" y="3823716"/>
                  </a:lnTo>
                  <a:close/>
                </a:path>
                <a:path w="4805680" h="3823970">
                  <a:moveTo>
                    <a:pt x="630935" y="3823716"/>
                  </a:moveTo>
                  <a:lnTo>
                    <a:pt x="617219" y="3823716"/>
                  </a:lnTo>
                  <a:lnTo>
                    <a:pt x="617219" y="3810000"/>
                  </a:lnTo>
                  <a:lnTo>
                    <a:pt x="630935" y="3810000"/>
                  </a:lnTo>
                  <a:lnTo>
                    <a:pt x="630935" y="3823716"/>
                  </a:lnTo>
                  <a:close/>
                </a:path>
                <a:path w="4805680" h="3823970">
                  <a:moveTo>
                    <a:pt x="603503" y="3823716"/>
                  </a:moveTo>
                  <a:lnTo>
                    <a:pt x="589787" y="3823716"/>
                  </a:lnTo>
                  <a:lnTo>
                    <a:pt x="589787" y="3810000"/>
                  </a:lnTo>
                  <a:lnTo>
                    <a:pt x="603503" y="3810000"/>
                  </a:lnTo>
                  <a:lnTo>
                    <a:pt x="603503" y="3823716"/>
                  </a:lnTo>
                  <a:close/>
                </a:path>
                <a:path w="4805680" h="3823970">
                  <a:moveTo>
                    <a:pt x="576071" y="3823716"/>
                  </a:moveTo>
                  <a:lnTo>
                    <a:pt x="560832" y="3823716"/>
                  </a:lnTo>
                  <a:lnTo>
                    <a:pt x="560832" y="3810000"/>
                  </a:lnTo>
                  <a:lnTo>
                    <a:pt x="576071" y="3810000"/>
                  </a:lnTo>
                  <a:lnTo>
                    <a:pt x="576071" y="3823716"/>
                  </a:lnTo>
                  <a:close/>
                </a:path>
                <a:path w="4805680" h="3823970">
                  <a:moveTo>
                    <a:pt x="547116" y="3823716"/>
                  </a:moveTo>
                  <a:lnTo>
                    <a:pt x="533400" y="3823716"/>
                  </a:lnTo>
                  <a:lnTo>
                    <a:pt x="533400" y="3810000"/>
                  </a:lnTo>
                  <a:lnTo>
                    <a:pt x="547116" y="3810000"/>
                  </a:lnTo>
                  <a:lnTo>
                    <a:pt x="547116" y="3823716"/>
                  </a:lnTo>
                  <a:close/>
                </a:path>
                <a:path w="4805680" h="3823970">
                  <a:moveTo>
                    <a:pt x="519683" y="3823716"/>
                  </a:moveTo>
                  <a:lnTo>
                    <a:pt x="505967" y="3823716"/>
                  </a:lnTo>
                  <a:lnTo>
                    <a:pt x="505967" y="3810000"/>
                  </a:lnTo>
                  <a:lnTo>
                    <a:pt x="519683" y="3810000"/>
                  </a:lnTo>
                  <a:lnTo>
                    <a:pt x="519683" y="3823716"/>
                  </a:lnTo>
                  <a:close/>
                </a:path>
                <a:path w="4805680" h="3823970">
                  <a:moveTo>
                    <a:pt x="492251" y="3823716"/>
                  </a:moveTo>
                  <a:lnTo>
                    <a:pt x="477012" y="3823716"/>
                  </a:lnTo>
                  <a:lnTo>
                    <a:pt x="477012" y="3810000"/>
                  </a:lnTo>
                  <a:lnTo>
                    <a:pt x="492251" y="3810000"/>
                  </a:lnTo>
                  <a:lnTo>
                    <a:pt x="492251" y="3823716"/>
                  </a:lnTo>
                  <a:close/>
                </a:path>
                <a:path w="4805680" h="3823970">
                  <a:moveTo>
                    <a:pt x="463296" y="3823716"/>
                  </a:moveTo>
                  <a:lnTo>
                    <a:pt x="449580" y="3823716"/>
                  </a:lnTo>
                  <a:lnTo>
                    <a:pt x="449580" y="3810000"/>
                  </a:lnTo>
                  <a:lnTo>
                    <a:pt x="463296" y="3810000"/>
                  </a:lnTo>
                  <a:lnTo>
                    <a:pt x="463296" y="3823716"/>
                  </a:lnTo>
                  <a:close/>
                </a:path>
                <a:path w="4805680" h="3823970">
                  <a:moveTo>
                    <a:pt x="435864" y="3823716"/>
                  </a:moveTo>
                  <a:lnTo>
                    <a:pt x="422148" y="3823716"/>
                  </a:lnTo>
                  <a:lnTo>
                    <a:pt x="422148" y="3810000"/>
                  </a:lnTo>
                  <a:lnTo>
                    <a:pt x="435864" y="3810000"/>
                  </a:lnTo>
                  <a:lnTo>
                    <a:pt x="435864" y="3823716"/>
                  </a:lnTo>
                  <a:close/>
                </a:path>
                <a:path w="4805680" h="3823970">
                  <a:moveTo>
                    <a:pt x="406907" y="3823716"/>
                  </a:moveTo>
                  <a:lnTo>
                    <a:pt x="393191" y="3823716"/>
                  </a:lnTo>
                  <a:lnTo>
                    <a:pt x="393191" y="3810000"/>
                  </a:lnTo>
                  <a:lnTo>
                    <a:pt x="406907" y="3810000"/>
                  </a:lnTo>
                  <a:lnTo>
                    <a:pt x="406907" y="3823716"/>
                  </a:lnTo>
                  <a:close/>
                </a:path>
                <a:path w="4805680" h="3823970">
                  <a:moveTo>
                    <a:pt x="379475" y="3823716"/>
                  </a:moveTo>
                  <a:lnTo>
                    <a:pt x="365760" y="3823716"/>
                  </a:lnTo>
                  <a:lnTo>
                    <a:pt x="365760" y="3810000"/>
                  </a:lnTo>
                  <a:lnTo>
                    <a:pt x="379475" y="3810000"/>
                  </a:lnTo>
                  <a:lnTo>
                    <a:pt x="379475" y="3823716"/>
                  </a:lnTo>
                  <a:close/>
                </a:path>
                <a:path w="4805680" h="3823970">
                  <a:moveTo>
                    <a:pt x="352044" y="3823716"/>
                  </a:moveTo>
                  <a:lnTo>
                    <a:pt x="336803" y="3823716"/>
                  </a:lnTo>
                  <a:lnTo>
                    <a:pt x="336803" y="3810000"/>
                  </a:lnTo>
                  <a:lnTo>
                    <a:pt x="352044" y="3810000"/>
                  </a:lnTo>
                  <a:lnTo>
                    <a:pt x="352044" y="3823716"/>
                  </a:lnTo>
                  <a:close/>
                </a:path>
                <a:path w="4805680" h="3823970">
                  <a:moveTo>
                    <a:pt x="323087" y="3823716"/>
                  </a:moveTo>
                  <a:lnTo>
                    <a:pt x="309371" y="3823716"/>
                  </a:lnTo>
                  <a:lnTo>
                    <a:pt x="309371" y="3810000"/>
                  </a:lnTo>
                  <a:lnTo>
                    <a:pt x="323087" y="3810000"/>
                  </a:lnTo>
                  <a:lnTo>
                    <a:pt x="323087" y="3823716"/>
                  </a:lnTo>
                  <a:close/>
                </a:path>
                <a:path w="4805680" h="3823970">
                  <a:moveTo>
                    <a:pt x="295655" y="3823716"/>
                  </a:moveTo>
                  <a:lnTo>
                    <a:pt x="281939" y="3823716"/>
                  </a:lnTo>
                  <a:lnTo>
                    <a:pt x="281939" y="3810000"/>
                  </a:lnTo>
                  <a:lnTo>
                    <a:pt x="295655" y="3810000"/>
                  </a:lnTo>
                  <a:lnTo>
                    <a:pt x="295655" y="3823716"/>
                  </a:lnTo>
                  <a:close/>
                </a:path>
                <a:path w="4805680" h="3823970">
                  <a:moveTo>
                    <a:pt x="268223" y="3823716"/>
                  </a:moveTo>
                  <a:lnTo>
                    <a:pt x="252983" y="3823716"/>
                  </a:lnTo>
                  <a:lnTo>
                    <a:pt x="252983" y="3810000"/>
                  </a:lnTo>
                  <a:lnTo>
                    <a:pt x="268223" y="3810000"/>
                  </a:lnTo>
                  <a:lnTo>
                    <a:pt x="268223" y="3823716"/>
                  </a:lnTo>
                  <a:close/>
                </a:path>
                <a:path w="4805680" h="3823970">
                  <a:moveTo>
                    <a:pt x="239267" y="3823716"/>
                  </a:moveTo>
                  <a:lnTo>
                    <a:pt x="225551" y="3823716"/>
                  </a:lnTo>
                  <a:lnTo>
                    <a:pt x="225551" y="3810000"/>
                  </a:lnTo>
                  <a:lnTo>
                    <a:pt x="239267" y="3810000"/>
                  </a:lnTo>
                  <a:lnTo>
                    <a:pt x="239267" y="3823716"/>
                  </a:lnTo>
                  <a:close/>
                </a:path>
                <a:path w="4805680" h="3823970">
                  <a:moveTo>
                    <a:pt x="211835" y="3823716"/>
                  </a:moveTo>
                  <a:lnTo>
                    <a:pt x="198119" y="3823716"/>
                  </a:lnTo>
                  <a:lnTo>
                    <a:pt x="198119" y="3810000"/>
                  </a:lnTo>
                  <a:lnTo>
                    <a:pt x="211835" y="3810000"/>
                  </a:lnTo>
                  <a:lnTo>
                    <a:pt x="211835" y="3823716"/>
                  </a:lnTo>
                  <a:close/>
                </a:path>
                <a:path w="4805680" h="3823970">
                  <a:moveTo>
                    <a:pt x="182880" y="3823716"/>
                  </a:moveTo>
                  <a:lnTo>
                    <a:pt x="169164" y="3823716"/>
                  </a:lnTo>
                  <a:lnTo>
                    <a:pt x="169164" y="3810000"/>
                  </a:lnTo>
                  <a:lnTo>
                    <a:pt x="182880" y="3810000"/>
                  </a:lnTo>
                  <a:lnTo>
                    <a:pt x="182880" y="3823716"/>
                  </a:lnTo>
                  <a:close/>
                </a:path>
                <a:path w="4805680" h="3823970">
                  <a:moveTo>
                    <a:pt x="155448" y="3823716"/>
                  </a:moveTo>
                  <a:lnTo>
                    <a:pt x="141732" y="3823716"/>
                  </a:lnTo>
                  <a:lnTo>
                    <a:pt x="141732" y="3810000"/>
                  </a:lnTo>
                  <a:lnTo>
                    <a:pt x="155448" y="3810000"/>
                  </a:lnTo>
                  <a:lnTo>
                    <a:pt x="155448" y="3823716"/>
                  </a:lnTo>
                  <a:close/>
                </a:path>
                <a:path w="4805680" h="3823970">
                  <a:moveTo>
                    <a:pt x="128016" y="3823716"/>
                  </a:moveTo>
                  <a:lnTo>
                    <a:pt x="112775" y="3823716"/>
                  </a:lnTo>
                  <a:lnTo>
                    <a:pt x="112775" y="3810000"/>
                  </a:lnTo>
                  <a:lnTo>
                    <a:pt x="128016" y="3810000"/>
                  </a:lnTo>
                  <a:lnTo>
                    <a:pt x="128016" y="3823716"/>
                  </a:lnTo>
                  <a:close/>
                </a:path>
                <a:path w="4805680" h="3823970">
                  <a:moveTo>
                    <a:pt x="99060" y="3823716"/>
                  </a:moveTo>
                  <a:lnTo>
                    <a:pt x="85344" y="3823716"/>
                  </a:lnTo>
                  <a:lnTo>
                    <a:pt x="85344" y="3810000"/>
                  </a:lnTo>
                  <a:lnTo>
                    <a:pt x="99060" y="3810000"/>
                  </a:lnTo>
                  <a:lnTo>
                    <a:pt x="99060" y="3823716"/>
                  </a:lnTo>
                  <a:close/>
                </a:path>
                <a:path w="4805680" h="3823970">
                  <a:moveTo>
                    <a:pt x="71628" y="3823716"/>
                  </a:moveTo>
                  <a:lnTo>
                    <a:pt x="57912" y="3823716"/>
                  </a:lnTo>
                  <a:lnTo>
                    <a:pt x="57912" y="3810000"/>
                  </a:lnTo>
                  <a:lnTo>
                    <a:pt x="71628" y="3810000"/>
                  </a:lnTo>
                  <a:lnTo>
                    <a:pt x="71628" y="3823716"/>
                  </a:lnTo>
                  <a:close/>
                </a:path>
                <a:path w="4805680" h="3823970">
                  <a:moveTo>
                    <a:pt x="44196" y="3823716"/>
                  </a:moveTo>
                  <a:lnTo>
                    <a:pt x="28955" y="3823716"/>
                  </a:lnTo>
                  <a:lnTo>
                    <a:pt x="28955" y="3810000"/>
                  </a:lnTo>
                  <a:lnTo>
                    <a:pt x="44196" y="3810000"/>
                  </a:lnTo>
                  <a:lnTo>
                    <a:pt x="44196" y="3823716"/>
                  </a:lnTo>
                  <a:close/>
                </a:path>
              </a:pathLst>
            </a:custGeom>
            <a:solidFill>
              <a:srgbClr val="000000"/>
            </a:solidFill>
          </p:spPr>
          <p:txBody>
            <a:bodyPr wrap="square" lIns="0" tIns="0" rIns="0" bIns="0" rtlCol="0"/>
            <a:lstStyle/>
            <a:p>
              <a:endParaRPr sz="1749"/>
            </a:p>
          </p:txBody>
        </p:sp>
      </p:grpSp>
      <p:sp>
        <p:nvSpPr>
          <p:cNvPr id="35" name="object 35"/>
          <p:cNvSpPr/>
          <p:nvPr/>
        </p:nvSpPr>
        <p:spPr>
          <a:xfrm>
            <a:off x="384439" y="2396553"/>
            <a:ext cx="4194077" cy="3269903"/>
          </a:xfrm>
          <a:custGeom>
            <a:avLst/>
            <a:gdLst/>
            <a:ahLst/>
            <a:cxnLst/>
            <a:rect l="l" t="t" r="r" b="b"/>
            <a:pathLst>
              <a:path w="4904740" h="3823970">
                <a:moveTo>
                  <a:pt x="7619" y="3817619"/>
                </a:moveTo>
                <a:lnTo>
                  <a:pt x="0" y="3817619"/>
                </a:lnTo>
                <a:lnTo>
                  <a:pt x="0" y="3802380"/>
                </a:lnTo>
                <a:lnTo>
                  <a:pt x="13715" y="3802380"/>
                </a:lnTo>
                <a:lnTo>
                  <a:pt x="13715" y="3810000"/>
                </a:lnTo>
                <a:lnTo>
                  <a:pt x="7619" y="3810000"/>
                </a:lnTo>
                <a:lnTo>
                  <a:pt x="7619" y="3817619"/>
                </a:lnTo>
                <a:close/>
              </a:path>
              <a:path w="4904740" h="3823970">
                <a:moveTo>
                  <a:pt x="15239" y="3823716"/>
                </a:moveTo>
                <a:lnTo>
                  <a:pt x="7619" y="3823716"/>
                </a:lnTo>
                <a:lnTo>
                  <a:pt x="7619" y="3810000"/>
                </a:lnTo>
                <a:lnTo>
                  <a:pt x="13715" y="3810000"/>
                </a:lnTo>
                <a:lnTo>
                  <a:pt x="13715" y="3817619"/>
                </a:lnTo>
                <a:lnTo>
                  <a:pt x="15239" y="3817619"/>
                </a:lnTo>
                <a:lnTo>
                  <a:pt x="15239" y="3823716"/>
                </a:lnTo>
                <a:close/>
              </a:path>
              <a:path w="4904740" h="3823970">
                <a:moveTo>
                  <a:pt x="15239" y="3817619"/>
                </a:moveTo>
                <a:lnTo>
                  <a:pt x="13715" y="3817619"/>
                </a:lnTo>
                <a:lnTo>
                  <a:pt x="13715" y="3810000"/>
                </a:lnTo>
                <a:lnTo>
                  <a:pt x="15239" y="3810000"/>
                </a:lnTo>
                <a:lnTo>
                  <a:pt x="15239" y="3817619"/>
                </a:lnTo>
                <a:close/>
              </a:path>
              <a:path w="4904740" h="3823970">
                <a:moveTo>
                  <a:pt x="13715" y="3788664"/>
                </a:moveTo>
                <a:lnTo>
                  <a:pt x="0" y="3788664"/>
                </a:lnTo>
                <a:lnTo>
                  <a:pt x="0" y="3774948"/>
                </a:lnTo>
                <a:lnTo>
                  <a:pt x="13715" y="3774948"/>
                </a:lnTo>
                <a:lnTo>
                  <a:pt x="13715" y="3788664"/>
                </a:lnTo>
                <a:close/>
              </a:path>
              <a:path w="4904740" h="3823970">
                <a:moveTo>
                  <a:pt x="13715" y="3761232"/>
                </a:moveTo>
                <a:lnTo>
                  <a:pt x="0" y="3761232"/>
                </a:lnTo>
                <a:lnTo>
                  <a:pt x="0" y="3747516"/>
                </a:lnTo>
                <a:lnTo>
                  <a:pt x="13715" y="3747516"/>
                </a:lnTo>
                <a:lnTo>
                  <a:pt x="13715" y="3761232"/>
                </a:lnTo>
                <a:close/>
              </a:path>
              <a:path w="4904740" h="3823970">
                <a:moveTo>
                  <a:pt x="13715" y="3732276"/>
                </a:moveTo>
                <a:lnTo>
                  <a:pt x="0" y="3732276"/>
                </a:lnTo>
                <a:lnTo>
                  <a:pt x="0" y="3718560"/>
                </a:lnTo>
                <a:lnTo>
                  <a:pt x="13715" y="3718560"/>
                </a:lnTo>
                <a:lnTo>
                  <a:pt x="13715" y="3732276"/>
                </a:lnTo>
                <a:close/>
              </a:path>
              <a:path w="4904740" h="3823970">
                <a:moveTo>
                  <a:pt x="13715" y="3704844"/>
                </a:moveTo>
                <a:lnTo>
                  <a:pt x="0" y="3704844"/>
                </a:lnTo>
                <a:lnTo>
                  <a:pt x="0" y="3691128"/>
                </a:lnTo>
                <a:lnTo>
                  <a:pt x="13715" y="3691128"/>
                </a:lnTo>
                <a:lnTo>
                  <a:pt x="13715" y="3704844"/>
                </a:lnTo>
                <a:close/>
              </a:path>
              <a:path w="4904740" h="3823970">
                <a:moveTo>
                  <a:pt x="13715" y="3677412"/>
                </a:moveTo>
                <a:lnTo>
                  <a:pt x="0" y="3677412"/>
                </a:lnTo>
                <a:lnTo>
                  <a:pt x="0" y="3662171"/>
                </a:lnTo>
                <a:lnTo>
                  <a:pt x="13715" y="3662171"/>
                </a:lnTo>
                <a:lnTo>
                  <a:pt x="13715" y="3677412"/>
                </a:lnTo>
                <a:close/>
              </a:path>
              <a:path w="4904740" h="3823970">
                <a:moveTo>
                  <a:pt x="13715" y="3648456"/>
                </a:moveTo>
                <a:lnTo>
                  <a:pt x="0" y="3648456"/>
                </a:lnTo>
                <a:lnTo>
                  <a:pt x="0" y="3634740"/>
                </a:lnTo>
                <a:lnTo>
                  <a:pt x="13715" y="3634740"/>
                </a:lnTo>
                <a:lnTo>
                  <a:pt x="13715" y="3648456"/>
                </a:lnTo>
                <a:close/>
              </a:path>
              <a:path w="4904740" h="3823970">
                <a:moveTo>
                  <a:pt x="13715" y="3621024"/>
                </a:moveTo>
                <a:lnTo>
                  <a:pt x="0" y="3621024"/>
                </a:lnTo>
                <a:lnTo>
                  <a:pt x="0" y="3607308"/>
                </a:lnTo>
                <a:lnTo>
                  <a:pt x="13715" y="3607308"/>
                </a:lnTo>
                <a:lnTo>
                  <a:pt x="13715" y="3621024"/>
                </a:lnTo>
                <a:close/>
              </a:path>
              <a:path w="4904740" h="3823970">
                <a:moveTo>
                  <a:pt x="13715" y="3593592"/>
                </a:moveTo>
                <a:lnTo>
                  <a:pt x="0" y="3593592"/>
                </a:lnTo>
                <a:lnTo>
                  <a:pt x="0" y="3578352"/>
                </a:lnTo>
                <a:lnTo>
                  <a:pt x="13715" y="3578352"/>
                </a:lnTo>
                <a:lnTo>
                  <a:pt x="13715" y="3593592"/>
                </a:lnTo>
                <a:close/>
              </a:path>
              <a:path w="4904740" h="3823970">
                <a:moveTo>
                  <a:pt x="13715" y="3564636"/>
                </a:moveTo>
                <a:lnTo>
                  <a:pt x="0" y="3564636"/>
                </a:lnTo>
                <a:lnTo>
                  <a:pt x="0" y="3550919"/>
                </a:lnTo>
                <a:lnTo>
                  <a:pt x="13715" y="3550919"/>
                </a:lnTo>
                <a:lnTo>
                  <a:pt x="13715" y="3564636"/>
                </a:lnTo>
                <a:close/>
              </a:path>
              <a:path w="4904740" h="3823970">
                <a:moveTo>
                  <a:pt x="13715" y="3537203"/>
                </a:moveTo>
                <a:lnTo>
                  <a:pt x="0" y="3537203"/>
                </a:lnTo>
                <a:lnTo>
                  <a:pt x="0" y="3523487"/>
                </a:lnTo>
                <a:lnTo>
                  <a:pt x="13715" y="3523487"/>
                </a:lnTo>
                <a:lnTo>
                  <a:pt x="13715" y="3537203"/>
                </a:lnTo>
                <a:close/>
              </a:path>
              <a:path w="4904740" h="3823970">
                <a:moveTo>
                  <a:pt x="13715" y="3508248"/>
                </a:moveTo>
                <a:lnTo>
                  <a:pt x="0" y="3508248"/>
                </a:lnTo>
                <a:lnTo>
                  <a:pt x="0" y="3494532"/>
                </a:lnTo>
                <a:lnTo>
                  <a:pt x="13715" y="3494532"/>
                </a:lnTo>
                <a:lnTo>
                  <a:pt x="13715" y="3508248"/>
                </a:lnTo>
                <a:close/>
              </a:path>
              <a:path w="4904740" h="3823970">
                <a:moveTo>
                  <a:pt x="13715" y="3480816"/>
                </a:moveTo>
                <a:lnTo>
                  <a:pt x="0" y="3480816"/>
                </a:lnTo>
                <a:lnTo>
                  <a:pt x="0" y="3467100"/>
                </a:lnTo>
                <a:lnTo>
                  <a:pt x="13715" y="3467100"/>
                </a:lnTo>
                <a:lnTo>
                  <a:pt x="13715" y="3480816"/>
                </a:lnTo>
                <a:close/>
              </a:path>
              <a:path w="4904740" h="3823970">
                <a:moveTo>
                  <a:pt x="13715" y="3453384"/>
                </a:moveTo>
                <a:lnTo>
                  <a:pt x="0" y="3453384"/>
                </a:lnTo>
                <a:lnTo>
                  <a:pt x="0" y="3438144"/>
                </a:lnTo>
                <a:lnTo>
                  <a:pt x="13715" y="3438144"/>
                </a:lnTo>
                <a:lnTo>
                  <a:pt x="13715" y="3453384"/>
                </a:lnTo>
                <a:close/>
              </a:path>
              <a:path w="4904740" h="3823970">
                <a:moveTo>
                  <a:pt x="13715" y="3424428"/>
                </a:moveTo>
                <a:lnTo>
                  <a:pt x="0" y="3424428"/>
                </a:lnTo>
                <a:lnTo>
                  <a:pt x="0" y="3410712"/>
                </a:lnTo>
                <a:lnTo>
                  <a:pt x="13715" y="3410712"/>
                </a:lnTo>
                <a:lnTo>
                  <a:pt x="13715" y="3424428"/>
                </a:lnTo>
                <a:close/>
              </a:path>
              <a:path w="4904740" h="3823970">
                <a:moveTo>
                  <a:pt x="13715" y="3396996"/>
                </a:moveTo>
                <a:lnTo>
                  <a:pt x="0" y="3396996"/>
                </a:lnTo>
                <a:lnTo>
                  <a:pt x="0" y="3383280"/>
                </a:lnTo>
                <a:lnTo>
                  <a:pt x="13715" y="3383280"/>
                </a:lnTo>
                <a:lnTo>
                  <a:pt x="13715" y="3396996"/>
                </a:lnTo>
                <a:close/>
              </a:path>
              <a:path w="4904740" h="3823970">
                <a:moveTo>
                  <a:pt x="13715" y="3369564"/>
                </a:moveTo>
                <a:lnTo>
                  <a:pt x="0" y="3369564"/>
                </a:lnTo>
                <a:lnTo>
                  <a:pt x="0" y="3354324"/>
                </a:lnTo>
                <a:lnTo>
                  <a:pt x="13715" y="3354324"/>
                </a:lnTo>
                <a:lnTo>
                  <a:pt x="13715" y="3369564"/>
                </a:lnTo>
                <a:close/>
              </a:path>
              <a:path w="4904740" h="3823970">
                <a:moveTo>
                  <a:pt x="13715" y="3340608"/>
                </a:moveTo>
                <a:lnTo>
                  <a:pt x="0" y="3340608"/>
                </a:lnTo>
                <a:lnTo>
                  <a:pt x="0" y="3326892"/>
                </a:lnTo>
                <a:lnTo>
                  <a:pt x="13715" y="3326892"/>
                </a:lnTo>
                <a:lnTo>
                  <a:pt x="13715" y="3340608"/>
                </a:lnTo>
                <a:close/>
              </a:path>
              <a:path w="4904740" h="3823970">
                <a:moveTo>
                  <a:pt x="13715" y="3313176"/>
                </a:moveTo>
                <a:lnTo>
                  <a:pt x="0" y="3313176"/>
                </a:lnTo>
                <a:lnTo>
                  <a:pt x="0" y="3299460"/>
                </a:lnTo>
                <a:lnTo>
                  <a:pt x="13715" y="3299460"/>
                </a:lnTo>
                <a:lnTo>
                  <a:pt x="13715" y="3313176"/>
                </a:lnTo>
                <a:close/>
              </a:path>
              <a:path w="4904740" h="3823970">
                <a:moveTo>
                  <a:pt x="13715" y="3284219"/>
                </a:moveTo>
                <a:lnTo>
                  <a:pt x="0" y="3284219"/>
                </a:lnTo>
                <a:lnTo>
                  <a:pt x="0" y="3270503"/>
                </a:lnTo>
                <a:lnTo>
                  <a:pt x="13715" y="3270503"/>
                </a:lnTo>
                <a:lnTo>
                  <a:pt x="13715" y="3284219"/>
                </a:lnTo>
                <a:close/>
              </a:path>
              <a:path w="4904740" h="3823970">
                <a:moveTo>
                  <a:pt x="13715" y="3256787"/>
                </a:moveTo>
                <a:lnTo>
                  <a:pt x="0" y="3256787"/>
                </a:lnTo>
                <a:lnTo>
                  <a:pt x="0" y="3243071"/>
                </a:lnTo>
                <a:lnTo>
                  <a:pt x="13715" y="3243071"/>
                </a:lnTo>
                <a:lnTo>
                  <a:pt x="13715" y="3256787"/>
                </a:lnTo>
                <a:close/>
              </a:path>
              <a:path w="4904740" h="3823970">
                <a:moveTo>
                  <a:pt x="13715" y="3229356"/>
                </a:moveTo>
                <a:lnTo>
                  <a:pt x="0" y="3229356"/>
                </a:lnTo>
                <a:lnTo>
                  <a:pt x="0" y="3214116"/>
                </a:lnTo>
                <a:lnTo>
                  <a:pt x="13715" y="3214116"/>
                </a:lnTo>
                <a:lnTo>
                  <a:pt x="13715" y="3229356"/>
                </a:lnTo>
                <a:close/>
              </a:path>
              <a:path w="4904740" h="3823970">
                <a:moveTo>
                  <a:pt x="13715" y="3200400"/>
                </a:moveTo>
                <a:lnTo>
                  <a:pt x="0" y="3200400"/>
                </a:lnTo>
                <a:lnTo>
                  <a:pt x="0" y="3186684"/>
                </a:lnTo>
                <a:lnTo>
                  <a:pt x="13715" y="3186684"/>
                </a:lnTo>
                <a:lnTo>
                  <a:pt x="13715" y="3200400"/>
                </a:lnTo>
                <a:close/>
              </a:path>
              <a:path w="4904740" h="3823970">
                <a:moveTo>
                  <a:pt x="13715" y="3172968"/>
                </a:moveTo>
                <a:lnTo>
                  <a:pt x="0" y="3172968"/>
                </a:lnTo>
                <a:lnTo>
                  <a:pt x="0" y="3159252"/>
                </a:lnTo>
                <a:lnTo>
                  <a:pt x="13715" y="3159252"/>
                </a:lnTo>
                <a:lnTo>
                  <a:pt x="13715" y="3172968"/>
                </a:lnTo>
                <a:close/>
              </a:path>
              <a:path w="4904740" h="3823970">
                <a:moveTo>
                  <a:pt x="13715" y="3145535"/>
                </a:moveTo>
                <a:lnTo>
                  <a:pt x="0" y="3145535"/>
                </a:lnTo>
                <a:lnTo>
                  <a:pt x="0" y="3130296"/>
                </a:lnTo>
                <a:lnTo>
                  <a:pt x="13715" y="3130296"/>
                </a:lnTo>
                <a:lnTo>
                  <a:pt x="13715" y="3145535"/>
                </a:lnTo>
                <a:close/>
              </a:path>
              <a:path w="4904740" h="3823970">
                <a:moveTo>
                  <a:pt x="13715" y="3116580"/>
                </a:moveTo>
                <a:lnTo>
                  <a:pt x="0" y="3116580"/>
                </a:lnTo>
                <a:lnTo>
                  <a:pt x="0" y="3102864"/>
                </a:lnTo>
                <a:lnTo>
                  <a:pt x="13715" y="3102864"/>
                </a:lnTo>
                <a:lnTo>
                  <a:pt x="13715" y="3116580"/>
                </a:lnTo>
                <a:close/>
              </a:path>
              <a:path w="4904740" h="3823970">
                <a:moveTo>
                  <a:pt x="13715" y="3089148"/>
                </a:moveTo>
                <a:lnTo>
                  <a:pt x="0" y="3089148"/>
                </a:lnTo>
                <a:lnTo>
                  <a:pt x="0" y="3075432"/>
                </a:lnTo>
                <a:lnTo>
                  <a:pt x="13715" y="3075432"/>
                </a:lnTo>
                <a:lnTo>
                  <a:pt x="13715" y="3089148"/>
                </a:lnTo>
                <a:close/>
              </a:path>
              <a:path w="4904740" h="3823970">
                <a:moveTo>
                  <a:pt x="13715" y="3060192"/>
                </a:moveTo>
                <a:lnTo>
                  <a:pt x="0" y="3060192"/>
                </a:lnTo>
                <a:lnTo>
                  <a:pt x="0" y="3046476"/>
                </a:lnTo>
                <a:lnTo>
                  <a:pt x="13715" y="3046476"/>
                </a:lnTo>
                <a:lnTo>
                  <a:pt x="13715" y="3060192"/>
                </a:lnTo>
                <a:close/>
              </a:path>
              <a:path w="4904740" h="3823970">
                <a:moveTo>
                  <a:pt x="13715" y="3032760"/>
                </a:moveTo>
                <a:lnTo>
                  <a:pt x="0" y="3032760"/>
                </a:lnTo>
                <a:lnTo>
                  <a:pt x="0" y="3019044"/>
                </a:lnTo>
                <a:lnTo>
                  <a:pt x="13715" y="3019044"/>
                </a:lnTo>
                <a:lnTo>
                  <a:pt x="13715" y="3032760"/>
                </a:lnTo>
                <a:close/>
              </a:path>
              <a:path w="4904740" h="3823970">
                <a:moveTo>
                  <a:pt x="13715" y="3005328"/>
                </a:moveTo>
                <a:lnTo>
                  <a:pt x="0" y="3005328"/>
                </a:lnTo>
                <a:lnTo>
                  <a:pt x="0" y="2990087"/>
                </a:lnTo>
                <a:lnTo>
                  <a:pt x="13715" y="2990087"/>
                </a:lnTo>
                <a:lnTo>
                  <a:pt x="13715" y="3005328"/>
                </a:lnTo>
                <a:close/>
              </a:path>
              <a:path w="4904740" h="3823970">
                <a:moveTo>
                  <a:pt x="13715" y="2976371"/>
                </a:moveTo>
                <a:lnTo>
                  <a:pt x="0" y="2976371"/>
                </a:lnTo>
                <a:lnTo>
                  <a:pt x="0" y="2962656"/>
                </a:lnTo>
                <a:lnTo>
                  <a:pt x="13715" y="2962656"/>
                </a:lnTo>
                <a:lnTo>
                  <a:pt x="13715" y="2976371"/>
                </a:lnTo>
                <a:close/>
              </a:path>
              <a:path w="4904740" h="3823970">
                <a:moveTo>
                  <a:pt x="13715" y="2948940"/>
                </a:moveTo>
                <a:lnTo>
                  <a:pt x="0" y="2948940"/>
                </a:lnTo>
                <a:lnTo>
                  <a:pt x="0" y="2935224"/>
                </a:lnTo>
                <a:lnTo>
                  <a:pt x="13715" y="2935224"/>
                </a:lnTo>
                <a:lnTo>
                  <a:pt x="13715" y="2948940"/>
                </a:lnTo>
                <a:close/>
              </a:path>
              <a:path w="4904740" h="3823970">
                <a:moveTo>
                  <a:pt x="13715" y="2921508"/>
                </a:moveTo>
                <a:lnTo>
                  <a:pt x="0" y="2921508"/>
                </a:lnTo>
                <a:lnTo>
                  <a:pt x="0" y="2906268"/>
                </a:lnTo>
                <a:lnTo>
                  <a:pt x="13715" y="2906268"/>
                </a:lnTo>
                <a:lnTo>
                  <a:pt x="13715" y="2921508"/>
                </a:lnTo>
                <a:close/>
              </a:path>
              <a:path w="4904740" h="3823970">
                <a:moveTo>
                  <a:pt x="13715" y="2892552"/>
                </a:moveTo>
                <a:lnTo>
                  <a:pt x="0" y="2892552"/>
                </a:lnTo>
                <a:lnTo>
                  <a:pt x="0" y="2878835"/>
                </a:lnTo>
                <a:lnTo>
                  <a:pt x="13715" y="2878835"/>
                </a:lnTo>
                <a:lnTo>
                  <a:pt x="13715" y="2892552"/>
                </a:lnTo>
                <a:close/>
              </a:path>
              <a:path w="4904740" h="3823970">
                <a:moveTo>
                  <a:pt x="13715" y="2865119"/>
                </a:moveTo>
                <a:lnTo>
                  <a:pt x="0" y="2865119"/>
                </a:lnTo>
                <a:lnTo>
                  <a:pt x="0" y="2851403"/>
                </a:lnTo>
                <a:lnTo>
                  <a:pt x="13715" y="2851403"/>
                </a:lnTo>
                <a:lnTo>
                  <a:pt x="13715" y="2865119"/>
                </a:lnTo>
                <a:close/>
              </a:path>
              <a:path w="4904740" h="3823970">
                <a:moveTo>
                  <a:pt x="13715" y="2836164"/>
                </a:moveTo>
                <a:lnTo>
                  <a:pt x="0" y="2836164"/>
                </a:lnTo>
                <a:lnTo>
                  <a:pt x="0" y="2822448"/>
                </a:lnTo>
                <a:lnTo>
                  <a:pt x="13715" y="2822448"/>
                </a:lnTo>
                <a:lnTo>
                  <a:pt x="13715" y="2836164"/>
                </a:lnTo>
                <a:close/>
              </a:path>
              <a:path w="4904740" h="3823970">
                <a:moveTo>
                  <a:pt x="13715" y="2808732"/>
                </a:moveTo>
                <a:lnTo>
                  <a:pt x="0" y="2808732"/>
                </a:lnTo>
                <a:lnTo>
                  <a:pt x="0" y="2795016"/>
                </a:lnTo>
                <a:lnTo>
                  <a:pt x="13715" y="2795016"/>
                </a:lnTo>
                <a:lnTo>
                  <a:pt x="13715" y="2808732"/>
                </a:lnTo>
                <a:close/>
              </a:path>
              <a:path w="4904740" h="3823970">
                <a:moveTo>
                  <a:pt x="13715" y="2781300"/>
                </a:moveTo>
                <a:lnTo>
                  <a:pt x="0" y="2781300"/>
                </a:lnTo>
                <a:lnTo>
                  <a:pt x="0" y="2766060"/>
                </a:lnTo>
                <a:lnTo>
                  <a:pt x="13715" y="2766060"/>
                </a:lnTo>
                <a:lnTo>
                  <a:pt x="13715" y="2781300"/>
                </a:lnTo>
                <a:close/>
              </a:path>
              <a:path w="4904740" h="3823970">
                <a:moveTo>
                  <a:pt x="13715" y="2752344"/>
                </a:moveTo>
                <a:lnTo>
                  <a:pt x="0" y="2752344"/>
                </a:lnTo>
                <a:lnTo>
                  <a:pt x="0" y="2738628"/>
                </a:lnTo>
                <a:lnTo>
                  <a:pt x="13715" y="2738628"/>
                </a:lnTo>
                <a:lnTo>
                  <a:pt x="13715" y="2752344"/>
                </a:lnTo>
                <a:close/>
              </a:path>
              <a:path w="4904740" h="3823970">
                <a:moveTo>
                  <a:pt x="13715" y="2724912"/>
                </a:moveTo>
                <a:lnTo>
                  <a:pt x="0" y="2724912"/>
                </a:lnTo>
                <a:lnTo>
                  <a:pt x="0" y="2711196"/>
                </a:lnTo>
                <a:lnTo>
                  <a:pt x="13715" y="2711196"/>
                </a:lnTo>
                <a:lnTo>
                  <a:pt x="13715" y="2724912"/>
                </a:lnTo>
                <a:close/>
              </a:path>
              <a:path w="4904740" h="3823970">
                <a:moveTo>
                  <a:pt x="13715" y="2695956"/>
                </a:moveTo>
                <a:lnTo>
                  <a:pt x="0" y="2695956"/>
                </a:lnTo>
                <a:lnTo>
                  <a:pt x="0" y="2682240"/>
                </a:lnTo>
                <a:lnTo>
                  <a:pt x="13715" y="2682240"/>
                </a:lnTo>
                <a:lnTo>
                  <a:pt x="13715" y="2695956"/>
                </a:lnTo>
                <a:close/>
              </a:path>
              <a:path w="4904740" h="3823970">
                <a:moveTo>
                  <a:pt x="13715" y="2668524"/>
                </a:moveTo>
                <a:lnTo>
                  <a:pt x="0" y="2668524"/>
                </a:lnTo>
                <a:lnTo>
                  <a:pt x="0" y="2654808"/>
                </a:lnTo>
                <a:lnTo>
                  <a:pt x="13715" y="2654808"/>
                </a:lnTo>
                <a:lnTo>
                  <a:pt x="13715" y="2668524"/>
                </a:lnTo>
                <a:close/>
              </a:path>
              <a:path w="4904740" h="3823970">
                <a:moveTo>
                  <a:pt x="13715" y="2641092"/>
                </a:moveTo>
                <a:lnTo>
                  <a:pt x="0" y="2641092"/>
                </a:lnTo>
                <a:lnTo>
                  <a:pt x="0" y="2627376"/>
                </a:lnTo>
                <a:lnTo>
                  <a:pt x="13715" y="2627376"/>
                </a:lnTo>
                <a:lnTo>
                  <a:pt x="13715" y="2641092"/>
                </a:lnTo>
                <a:close/>
              </a:path>
              <a:path w="4904740" h="3823970">
                <a:moveTo>
                  <a:pt x="13715" y="2612135"/>
                </a:moveTo>
                <a:lnTo>
                  <a:pt x="0" y="2612135"/>
                </a:lnTo>
                <a:lnTo>
                  <a:pt x="0" y="2598419"/>
                </a:lnTo>
                <a:lnTo>
                  <a:pt x="13715" y="2598419"/>
                </a:lnTo>
                <a:lnTo>
                  <a:pt x="13715" y="2612135"/>
                </a:lnTo>
                <a:close/>
              </a:path>
              <a:path w="4904740" h="3823970">
                <a:moveTo>
                  <a:pt x="13715" y="2584703"/>
                </a:moveTo>
                <a:lnTo>
                  <a:pt x="0" y="2584703"/>
                </a:lnTo>
                <a:lnTo>
                  <a:pt x="0" y="2570987"/>
                </a:lnTo>
                <a:lnTo>
                  <a:pt x="13715" y="2570987"/>
                </a:lnTo>
                <a:lnTo>
                  <a:pt x="13715" y="2584703"/>
                </a:lnTo>
                <a:close/>
              </a:path>
              <a:path w="4904740" h="3823970">
                <a:moveTo>
                  <a:pt x="13715" y="2557271"/>
                </a:moveTo>
                <a:lnTo>
                  <a:pt x="0" y="2557271"/>
                </a:lnTo>
                <a:lnTo>
                  <a:pt x="0" y="2542032"/>
                </a:lnTo>
                <a:lnTo>
                  <a:pt x="13715" y="2542032"/>
                </a:lnTo>
                <a:lnTo>
                  <a:pt x="13715" y="2557271"/>
                </a:lnTo>
                <a:close/>
              </a:path>
              <a:path w="4904740" h="3823970">
                <a:moveTo>
                  <a:pt x="13715" y="2528316"/>
                </a:moveTo>
                <a:lnTo>
                  <a:pt x="0" y="2528316"/>
                </a:lnTo>
                <a:lnTo>
                  <a:pt x="0" y="2514600"/>
                </a:lnTo>
                <a:lnTo>
                  <a:pt x="13715" y="2514600"/>
                </a:lnTo>
                <a:lnTo>
                  <a:pt x="13715" y="2528316"/>
                </a:lnTo>
                <a:close/>
              </a:path>
              <a:path w="4904740" h="3823970">
                <a:moveTo>
                  <a:pt x="13715" y="2500884"/>
                </a:moveTo>
                <a:lnTo>
                  <a:pt x="0" y="2500884"/>
                </a:lnTo>
                <a:lnTo>
                  <a:pt x="0" y="2487168"/>
                </a:lnTo>
                <a:lnTo>
                  <a:pt x="13715" y="2487168"/>
                </a:lnTo>
                <a:lnTo>
                  <a:pt x="13715" y="2500884"/>
                </a:lnTo>
                <a:close/>
              </a:path>
              <a:path w="4904740" h="3823970">
                <a:moveTo>
                  <a:pt x="13715" y="2471928"/>
                </a:moveTo>
                <a:lnTo>
                  <a:pt x="0" y="2471928"/>
                </a:lnTo>
                <a:lnTo>
                  <a:pt x="0" y="2458212"/>
                </a:lnTo>
                <a:lnTo>
                  <a:pt x="13715" y="2458212"/>
                </a:lnTo>
                <a:lnTo>
                  <a:pt x="13715" y="2471928"/>
                </a:lnTo>
                <a:close/>
              </a:path>
              <a:path w="4904740" h="3823970">
                <a:moveTo>
                  <a:pt x="13715" y="2444496"/>
                </a:moveTo>
                <a:lnTo>
                  <a:pt x="0" y="2444496"/>
                </a:lnTo>
                <a:lnTo>
                  <a:pt x="0" y="2430780"/>
                </a:lnTo>
                <a:lnTo>
                  <a:pt x="13715" y="2430780"/>
                </a:lnTo>
                <a:lnTo>
                  <a:pt x="13715" y="2444496"/>
                </a:lnTo>
                <a:close/>
              </a:path>
              <a:path w="4904740" h="3823970">
                <a:moveTo>
                  <a:pt x="13715" y="2417064"/>
                </a:moveTo>
                <a:lnTo>
                  <a:pt x="0" y="2417064"/>
                </a:lnTo>
                <a:lnTo>
                  <a:pt x="0" y="2403348"/>
                </a:lnTo>
                <a:lnTo>
                  <a:pt x="13715" y="2403348"/>
                </a:lnTo>
                <a:lnTo>
                  <a:pt x="13715" y="2417064"/>
                </a:lnTo>
                <a:close/>
              </a:path>
              <a:path w="4904740" h="3823970">
                <a:moveTo>
                  <a:pt x="13715" y="2388108"/>
                </a:moveTo>
                <a:lnTo>
                  <a:pt x="0" y="2388108"/>
                </a:lnTo>
                <a:lnTo>
                  <a:pt x="0" y="2374392"/>
                </a:lnTo>
                <a:lnTo>
                  <a:pt x="13715" y="2374392"/>
                </a:lnTo>
                <a:lnTo>
                  <a:pt x="13715" y="2388108"/>
                </a:lnTo>
                <a:close/>
              </a:path>
              <a:path w="4904740" h="3823970">
                <a:moveTo>
                  <a:pt x="13715" y="2360676"/>
                </a:moveTo>
                <a:lnTo>
                  <a:pt x="0" y="2360676"/>
                </a:lnTo>
                <a:lnTo>
                  <a:pt x="0" y="2346960"/>
                </a:lnTo>
                <a:lnTo>
                  <a:pt x="13715" y="2346960"/>
                </a:lnTo>
                <a:lnTo>
                  <a:pt x="13715" y="2360676"/>
                </a:lnTo>
                <a:close/>
              </a:path>
              <a:path w="4904740" h="3823970">
                <a:moveTo>
                  <a:pt x="13715" y="2333244"/>
                </a:moveTo>
                <a:lnTo>
                  <a:pt x="0" y="2333244"/>
                </a:lnTo>
                <a:lnTo>
                  <a:pt x="0" y="2318003"/>
                </a:lnTo>
                <a:lnTo>
                  <a:pt x="13715" y="2318003"/>
                </a:lnTo>
                <a:lnTo>
                  <a:pt x="13715" y="2333244"/>
                </a:lnTo>
                <a:close/>
              </a:path>
              <a:path w="4904740" h="3823970">
                <a:moveTo>
                  <a:pt x="13715" y="2304287"/>
                </a:moveTo>
                <a:lnTo>
                  <a:pt x="0" y="2304287"/>
                </a:lnTo>
                <a:lnTo>
                  <a:pt x="0" y="2290572"/>
                </a:lnTo>
                <a:lnTo>
                  <a:pt x="13715" y="2290572"/>
                </a:lnTo>
                <a:lnTo>
                  <a:pt x="13715" y="2304287"/>
                </a:lnTo>
                <a:close/>
              </a:path>
              <a:path w="4904740" h="3823970">
                <a:moveTo>
                  <a:pt x="13715" y="2276856"/>
                </a:moveTo>
                <a:lnTo>
                  <a:pt x="0" y="2276856"/>
                </a:lnTo>
                <a:lnTo>
                  <a:pt x="0" y="2263140"/>
                </a:lnTo>
                <a:lnTo>
                  <a:pt x="13715" y="2263140"/>
                </a:lnTo>
                <a:lnTo>
                  <a:pt x="13715" y="2276856"/>
                </a:lnTo>
                <a:close/>
              </a:path>
              <a:path w="4904740" h="3823970">
                <a:moveTo>
                  <a:pt x="13715" y="2247900"/>
                </a:moveTo>
                <a:lnTo>
                  <a:pt x="0" y="2247900"/>
                </a:lnTo>
                <a:lnTo>
                  <a:pt x="0" y="2234184"/>
                </a:lnTo>
                <a:lnTo>
                  <a:pt x="13715" y="2234184"/>
                </a:lnTo>
                <a:lnTo>
                  <a:pt x="13715" y="2247900"/>
                </a:lnTo>
                <a:close/>
              </a:path>
              <a:path w="4904740" h="3823970">
                <a:moveTo>
                  <a:pt x="13715" y="2220468"/>
                </a:moveTo>
                <a:lnTo>
                  <a:pt x="0" y="2220468"/>
                </a:lnTo>
                <a:lnTo>
                  <a:pt x="0" y="2206752"/>
                </a:lnTo>
                <a:lnTo>
                  <a:pt x="13715" y="2206752"/>
                </a:lnTo>
                <a:lnTo>
                  <a:pt x="13715" y="2220468"/>
                </a:lnTo>
                <a:close/>
              </a:path>
              <a:path w="4904740" h="3823970">
                <a:moveTo>
                  <a:pt x="13715" y="2193036"/>
                </a:moveTo>
                <a:lnTo>
                  <a:pt x="0" y="2193036"/>
                </a:lnTo>
                <a:lnTo>
                  <a:pt x="0" y="2179320"/>
                </a:lnTo>
                <a:lnTo>
                  <a:pt x="13715" y="2179320"/>
                </a:lnTo>
                <a:lnTo>
                  <a:pt x="13715" y="2193036"/>
                </a:lnTo>
                <a:close/>
              </a:path>
              <a:path w="4904740" h="3823970">
                <a:moveTo>
                  <a:pt x="13715" y="2164080"/>
                </a:moveTo>
                <a:lnTo>
                  <a:pt x="0" y="2164080"/>
                </a:lnTo>
                <a:lnTo>
                  <a:pt x="0" y="2150364"/>
                </a:lnTo>
                <a:lnTo>
                  <a:pt x="13715" y="2150364"/>
                </a:lnTo>
                <a:lnTo>
                  <a:pt x="13715" y="2164080"/>
                </a:lnTo>
                <a:close/>
              </a:path>
              <a:path w="4904740" h="3823970">
                <a:moveTo>
                  <a:pt x="13715" y="2136648"/>
                </a:moveTo>
                <a:lnTo>
                  <a:pt x="0" y="2136648"/>
                </a:lnTo>
                <a:lnTo>
                  <a:pt x="0" y="2122932"/>
                </a:lnTo>
                <a:lnTo>
                  <a:pt x="13715" y="2122932"/>
                </a:lnTo>
                <a:lnTo>
                  <a:pt x="13715" y="2136648"/>
                </a:lnTo>
                <a:close/>
              </a:path>
              <a:path w="4904740" h="3823970">
                <a:moveTo>
                  <a:pt x="13715" y="2109216"/>
                </a:moveTo>
                <a:lnTo>
                  <a:pt x="0" y="2109216"/>
                </a:lnTo>
                <a:lnTo>
                  <a:pt x="0" y="2093976"/>
                </a:lnTo>
                <a:lnTo>
                  <a:pt x="13715" y="2093976"/>
                </a:lnTo>
                <a:lnTo>
                  <a:pt x="13715" y="2109216"/>
                </a:lnTo>
                <a:close/>
              </a:path>
              <a:path w="4904740" h="3823970">
                <a:moveTo>
                  <a:pt x="13715" y="2080260"/>
                </a:moveTo>
                <a:lnTo>
                  <a:pt x="0" y="2080260"/>
                </a:lnTo>
                <a:lnTo>
                  <a:pt x="0" y="2066544"/>
                </a:lnTo>
                <a:lnTo>
                  <a:pt x="13715" y="2066544"/>
                </a:lnTo>
                <a:lnTo>
                  <a:pt x="13715" y="2080260"/>
                </a:lnTo>
                <a:close/>
              </a:path>
              <a:path w="4904740" h="3823970">
                <a:moveTo>
                  <a:pt x="13715" y="2052828"/>
                </a:moveTo>
                <a:lnTo>
                  <a:pt x="0" y="2052828"/>
                </a:lnTo>
                <a:lnTo>
                  <a:pt x="0" y="2039112"/>
                </a:lnTo>
                <a:lnTo>
                  <a:pt x="13715" y="2039112"/>
                </a:lnTo>
                <a:lnTo>
                  <a:pt x="13715" y="2052828"/>
                </a:lnTo>
                <a:close/>
              </a:path>
              <a:path w="4904740" h="3823970">
                <a:moveTo>
                  <a:pt x="13715" y="2023872"/>
                </a:moveTo>
                <a:lnTo>
                  <a:pt x="0" y="2023872"/>
                </a:lnTo>
                <a:lnTo>
                  <a:pt x="0" y="2010156"/>
                </a:lnTo>
                <a:lnTo>
                  <a:pt x="13715" y="2010156"/>
                </a:lnTo>
                <a:lnTo>
                  <a:pt x="13715" y="2023872"/>
                </a:lnTo>
                <a:close/>
              </a:path>
              <a:path w="4904740" h="3823970">
                <a:moveTo>
                  <a:pt x="13715" y="1996440"/>
                </a:moveTo>
                <a:lnTo>
                  <a:pt x="0" y="1996440"/>
                </a:lnTo>
                <a:lnTo>
                  <a:pt x="0" y="1982724"/>
                </a:lnTo>
                <a:lnTo>
                  <a:pt x="13715" y="1982724"/>
                </a:lnTo>
                <a:lnTo>
                  <a:pt x="13715" y="1996440"/>
                </a:lnTo>
                <a:close/>
              </a:path>
              <a:path w="4904740" h="3823970">
                <a:moveTo>
                  <a:pt x="13715" y="1969008"/>
                </a:moveTo>
                <a:lnTo>
                  <a:pt x="0" y="1969008"/>
                </a:lnTo>
                <a:lnTo>
                  <a:pt x="0" y="1955292"/>
                </a:lnTo>
                <a:lnTo>
                  <a:pt x="13715" y="1955292"/>
                </a:lnTo>
                <a:lnTo>
                  <a:pt x="13715" y="1969008"/>
                </a:lnTo>
                <a:close/>
              </a:path>
              <a:path w="4904740" h="3823970">
                <a:moveTo>
                  <a:pt x="13715" y="1940052"/>
                </a:moveTo>
                <a:lnTo>
                  <a:pt x="0" y="1940052"/>
                </a:lnTo>
                <a:lnTo>
                  <a:pt x="0" y="1926336"/>
                </a:lnTo>
                <a:lnTo>
                  <a:pt x="13715" y="1926336"/>
                </a:lnTo>
                <a:lnTo>
                  <a:pt x="13715" y="1940052"/>
                </a:lnTo>
                <a:close/>
              </a:path>
              <a:path w="4904740" h="3823970">
                <a:moveTo>
                  <a:pt x="13715" y="1912620"/>
                </a:moveTo>
                <a:lnTo>
                  <a:pt x="0" y="1912620"/>
                </a:lnTo>
                <a:lnTo>
                  <a:pt x="0" y="1898904"/>
                </a:lnTo>
                <a:lnTo>
                  <a:pt x="13715" y="1898904"/>
                </a:lnTo>
                <a:lnTo>
                  <a:pt x="13715" y="1912620"/>
                </a:lnTo>
                <a:close/>
              </a:path>
              <a:path w="4904740" h="3823970">
                <a:moveTo>
                  <a:pt x="13715" y="1885188"/>
                </a:moveTo>
                <a:lnTo>
                  <a:pt x="0" y="1885188"/>
                </a:lnTo>
                <a:lnTo>
                  <a:pt x="0" y="1869948"/>
                </a:lnTo>
                <a:lnTo>
                  <a:pt x="13715" y="1869948"/>
                </a:lnTo>
                <a:lnTo>
                  <a:pt x="13715" y="1885188"/>
                </a:lnTo>
                <a:close/>
              </a:path>
              <a:path w="4904740" h="3823970">
                <a:moveTo>
                  <a:pt x="13715" y="1856232"/>
                </a:moveTo>
                <a:lnTo>
                  <a:pt x="0" y="1856232"/>
                </a:lnTo>
                <a:lnTo>
                  <a:pt x="0" y="1842516"/>
                </a:lnTo>
                <a:lnTo>
                  <a:pt x="13715" y="1842516"/>
                </a:lnTo>
                <a:lnTo>
                  <a:pt x="13715" y="1856232"/>
                </a:lnTo>
                <a:close/>
              </a:path>
              <a:path w="4904740" h="3823970">
                <a:moveTo>
                  <a:pt x="13715" y="1828800"/>
                </a:moveTo>
                <a:lnTo>
                  <a:pt x="0" y="1828800"/>
                </a:lnTo>
                <a:lnTo>
                  <a:pt x="0" y="1815084"/>
                </a:lnTo>
                <a:lnTo>
                  <a:pt x="13715" y="1815084"/>
                </a:lnTo>
                <a:lnTo>
                  <a:pt x="13715" y="1828800"/>
                </a:lnTo>
                <a:close/>
              </a:path>
              <a:path w="4904740" h="3823970">
                <a:moveTo>
                  <a:pt x="13715" y="1799844"/>
                </a:moveTo>
                <a:lnTo>
                  <a:pt x="0" y="1799844"/>
                </a:lnTo>
                <a:lnTo>
                  <a:pt x="0" y="1786128"/>
                </a:lnTo>
                <a:lnTo>
                  <a:pt x="13715" y="1786128"/>
                </a:lnTo>
                <a:lnTo>
                  <a:pt x="13715" y="1799844"/>
                </a:lnTo>
                <a:close/>
              </a:path>
              <a:path w="4904740" h="3823970">
                <a:moveTo>
                  <a:pt x="13715" y="1772412"/>
                </a:moveTo>
                <a:lnTo>
                  <a:pt x="0" y="1772412"/>
                </a:lnTo>
                <a:lnTo>
                  <a:pt x="0" y="1758696"/>
                </a:lnTo>
                <a:lnTo>
                  <a:pt x="13715" y="1758696"/>
                </a:lnTo>
                <a:lnTo>
                  <a:pt x="13715" y="1772412"/>
                </a:lnTo>
                <a:close/>
              </a:path>
              <a:path w="4904740" h="3823970">
                <a:moveTo>
                  <a:pt x="13715" y="1744980"/>
                </a:moveTo>
                <a:lnTo>
                  <a:pt x="0" y="1744980"/>
                </a:lnTo>
                <a:lnTo>
                  <a:pt x="0" y="1731264"/>
                </a:lnTo>
                <a:lnTo>
                  <a:pt x="13715" y="1731264"/>
                </a:lnTo>
                <a:lnTo>
                  <a:pt x="13715" y="1744980"/>
                </a:lnTo>
                <a:close/>
              </a:path>
              <a:path w="4904740" h="3823970">
                <a:moveTo>
                  <a:pt x="13715" y="1716024"/>
                </a:moveTo>
                <a:lnTo>
                  <a:pt x="0" y="1716024"/>
                </a:lnTo>
                <a:lnTo>
                  <a:pt x="0" y="1702308"/>
                </a:lnTo>
                <a:lnTo>
                  <a:pt x="13715" y="1702308"/>
                </a:lnTo>
                <a:lnTo>
                  <a:pt x="13715" y="1716024"/>
                </a:lnTo>
                <a:close/>
              </a:path>
              <a:path w="4904740" h="3823970">
                <a:moveTo>
                  <a:pt x="13715" y="1688592"/>
                </a:moveTo>
                <a:lnTo>
                  <a:pt x="0" y="1688592"/>
                </a:lnTo>
                <a:lnTo>
                  <a:pt x="0" y="1674876"/>
                </a:lnTo>
                <a:lnTo>
                  <a:pt x="13715" y="1674876"/>
                </a:lnTo>
                <a:lnTo>
                  <a:pt x="13715" y="1688592"/>
                </a:lnTo>
                <a:close/>
              </a:path>
              <a:path w="4904740" h="3823970">
                <a:moveTo>
                  <a:pt x="13715" y="1661160"/>
                </a:moveTo>
                <a:lnTo>
                  <a:pt x="0" y="1661160"/>
                </a:lnTo>
                <a:lnTo>
                  <a:pt x="0" y="1645920"/>
                </a:lnTo>
                <a:lnTo>
                  <a:pt x="13715" y="1645920"/>
                </a:lnTo>
                <a:lnTo>
                  <a:pt x="13715" y="1661160"/>
                </a:lnTo>
                <a:close/>
              </a:path>
              <a:path w="4904740" h="3823970">
                <a:moveTo>
                  <a:pt x="13715" y="1632204"/>
                </a:moveTo>
                <a:lnTo>
                  <a:pt x="0" y="1632204"/>
                </a:lnTo>
                <a:lnTo>
                  <a:pt x="0" y="1618488"/>
                </a:lnTo>
                <a:lnTo>
                  <a:pt x="13715" y="1618488"/>
                </a:lnTo>
                <a:lnTo>
                  <a:pt x="13715" y="1632204"/>
                </a:lnTo>
                <a:close/>
              </a:path>
              <a:path w="4904740" h="3823970">
                <a:moveTo>
                  <a:pt x="13715" y="1604772"/>
                </a:moveTo>
                <a:lnTo>
                  <a:pt x="0" y="1604772"/>
                </a:lnTo>
                <a:lnTo>
                  <a:pt x="0" y="1591056"/>
                </a:lnTo>
                <a:lnTo>
                  <a:pt x="13715" y="1591056"/>
                </a:lnTo>
                <a:lnTo>
                  <a:pt x="13715" y="1604772"/>
                </a:lnTo>
                <a:close/>
              </a:path>
              <a:path w="4904740" h="3823970">
                <a:moveTo>
                  <a:pt x="13715" y="1575816"/>
                </a:moveTo>
                <a:lnTo>
                  <a:pt x="0" y="1575816"/>
                </a:lnTo>
                <a:lnTo>
                  <a:pt x="0" y="1562100"/>
                </a:lnTo>
                <a:lnTo>
                  <a:pt x="13715" y="1562100"/>
                </a:lnTo>
                <a:lnTo>
                  <a:pt x="13715" y="1575816"/>
                </a:lnTo>
                <a:close/>
              </a:path>
              <a:path w="4904740" h="3823970">
                <a:moveTo>
                  <a:pt x="13715" y="1548384"/>
                </a:moveTo>
                <a:lnTo>
                  <a:pt x="0" y="1548384"/>
                </a:lnTo>
                <a:lnTo>
                  <a:pt x="0" y="1534667"/>
                </a:lnTo>
                <a:lnTo>
                  <a:pt x="13715" y="1534667"/>
                </a:lnTo>
                <a:lnTo>
                  <a:pt x="13715" y="1548384"/>
                </a:lnTo>
                <a:close/>
              </a:path>
              <a:path w="4904740" h="3823970">
                <a:moveTo>
                  <a:pt x="13715" y="1520952"/>
                </a:moveTo>
                <a:lnTo>
                  <a:pt x="0" y="1520952"/>
                </a:lnTo>
                <a:lnTo>
                  <a:pt x="0" y="1507236"/>
                </a:lnTo>
                <a:lnTo>
                  <a:pt x="13715" y="1507236"/>
                </a:lnTo>
                <a:lnTo>
                  <a:pt x="13715" y="1520952"/>
                </a:lnTo>
                <a:close/>
              </a:path>
              <a:path w="4904740" h="3823970">
                <a:moveTo>
                  <a:pt x="13715" y="1491996"/>
                </a:moveTo>
                <a:lnTo>
                  <a:pt x="0" y="1491996"/>
                </a:lnTo>
                <a:lnTo>
                  <a:pt x="0" y="1478280"/>
                </a:lnTo>
                <a:lnTo>
                  <a:pt x="13715" y="1478280"/>
                </a:lnTo>
                <a:lnTo>
                  <a:pt x="13715" y="1491996"/>
                </a:lnTo>
                <a:close/>
              </a:path>
              <a:path w="4904740" h="3823970">
                <a:moveTo>
                  <a:pt x="13715" y="1464564"/>
                </a:moveTo>
                <a:lnTo>
                  <a:pt x="0" y="1464564"/>
                </a:lnTo>
                <a:lnTo>
                  <a:pt x="0" y="1450848"/>
                </a:lnTo>
                <a:lnTo>
                  <a:pt x="13715" y="1450848"/>
                </a:lnTo>
                <a:lnTo>
                  <a:pt x="13715" y="1464564"/>
                </a:lnTo>
                <a:close/>
              </a:path>
              <a:path w="4904740" h="3823970">
                <a:moveTo>
                  <a:pt x="13715" y="1437132"/>
                </a:moveTo>
                <a:lnTo>
                  <a:pt x="0" y="1437132"/>
                </a:lnTo>
                <a:lnTo>
                  <a:pt x="0" y="1421892"/>
                </a:lnTo>
                <a:lnTo>
                  <a:pt x="13715" y="1421892"/>
                </a:lnTo>
                <a:lnTo>
                  <a:pt x="13715" y="1437132"/>
                </a:lnTo>
                <a:close/>
              </a:path>
              <a:path w="4904740" h="3823970">
                <a:moveTo>
                  <a:pt x="13715" y="1408176"/>
                </a:moveTo>
                <a:lnTo>
                  <a:pt x="0" y="1408176"/>
                </a:lnTo>
                <a:lnTo>
                  <a:pt x="0" y="1394460"/>
                </a:lnTo>
                <a:lnTo>
                  <a:pt x="13715" y="1394460"/>
                </a:lnTo>
                <a:lnTo>
                  <a:pt x="13715" y="1408176"/>
                </a:lnTo>
                <a:close/>
              </a:path>
              <a:path w="4904740" h="3823970">
                <a:moveTo>
                  <a:pt x="13715" y="1380744"/>
                </a:moveTo>
                <a:lnTo>
                  <a:pt x="0" y="1380744"/>
                </a:lnTo>
                <a:lnTo>
                  <a:pt x="0" y="1367028"/>
                </a:lnTo>
                <a:lnTo>
                  <a:pt x="13715" y="1367028"/>
                </a:lnTo>
                <a:lnTo>
                  <a:pt x="13715" y="1380744"/>
                </a:lnTo>
                <a:close/>
              </a:path>
              <a:path w="4904740" h="3823970">
                <a:moveTo>
                  <a:pt x="13715" y="1351788"/>
                </a:moveTo>
                <a:lnTo>
                  <a:pt x="0" y="1351788"/>
                </a:lnTo>
                <a:lnTo>
                  <a:pt x="0" y="1338072"/>
                </a:lnTo>
                <a:lnTo>
                  <a:pt x="13715" y="1338072"/>
                </a:lnTo>
                <a:lnTo>
                  <a:pt x="13715" y="1351788"/>
                </a:lnTo>
                <a:close/>
              </a:path>
              <a:path w="4904740" h="3823970">
                <a:moveTo>
                  <a:pt x="13715" y="1324356"/>
                </a:moveTo>
                <a:lnTo>
                  <a:pt x="0" y="1324356"/>
                </a:lnTo>
                <a:lnTo>
                  <a:pt x="0" y="1310640"/>
                </a:lnTo>
                <a:lnTo>
                  <a:pt x="13715" y="1310640"/>
                </a:lnTo>
                <a:lnTo>
                  <a:pt x="13715" y="1324356"/>
                </a:lnTo>
                <a:close/>
              </a:path>
              <a:path w="4904740" h="3823970">
                <a:moveTo>
                  <a:pt x="13715" y="1296924"/>
                </a:moveTo>
                <a:lnTo>
                  <a:pt x="0" y="1296924"/>
                </a:lnTo>
                <a:lnTo>
                  <a:pt x="0" y="1283208"/>
                </a:lnTo>
                <a:lnTo>
                  <a:pt x="13715" y="1283208"/>
                </a:lnTo>
                <a:lnTo>
                  <a:pt x="13715" y="1296924"/>
                </a:lnTo>
                <a:close/>
              </a:path>
              <a:path w="4904740" h="3823970">
                <a:moveTo>
                  <a:pt x="13715" y="1267967"/>
                </a:moveTo>
                <a:lnTo>
                  <a:pt x="0" y="1267967"/>
                </a:lnTo>
                <a:lnTo>
                  <a:pt x="0" y="1254252"/>
                </a:lnTo>
                <a:lnTo>
                  <a:pt x="13715" y="1254252"/>
                </a:lnTo>
                <a:lnTo>
                  <a:pt x="13715" y="1267967"/>
                </a:lnTo>
                <a:close/>
              </a:path>
              <a:path w="4904740" h="3823970">
                <a:moveTo>
                  <a:pt x="13715" y="1240536"/>
                </a:moveTo>
                <a:lnTo>
                  <a:pt x="0" y="1240536"/>
                </a:lnTo>
                <a:lnTo>
                  <a:pt x="0" y="1226820"/>
                </a:lnTo>
                <a:lnTo>
                  <a:pt x="13715" y="1226820"/>
                </a:lnTo>
                <a:lnTo>
                  <a:pt x="13715" y="1240536"/>
                </a:lnTo>
                <a:close/>
              </a:path>
              <a:path w="4904740" h="3823970">
                <a:moveTo>
                  <a:pt x="13715" y="1213104"/>
                </a:moveTo>
                <a:lnTo>
                  <a:pt x="0" y="1213104"/>
                </a:lnTo>
                <a:lnTo>
                  <a:pt x="0" y="1197864"/>
                </a:lnTo>
                <a:lnTo>
                  <a:pt x="13715" y="1197864"/>
                </a:lnTo>
                <a:lnTo>
                  <a:pt x="13715" y="1213104"/>
                </a:lnTo>
                <a:close/>
              </a:path>
              <a:path w="4904740" h="3823970">
                <a:moveTo>
                  <a:pt x="13715" y="1184148"/>
                </a:moveTo>
                <a:lnTo>
                  <a:pt x="0" y="1184148"/>
                </a:lnTo>
                <a:lnTo>
                  <a:pt x="0" y="1170432"/>
                </a:lnTo>
                <a:lnTo>
                  <a:pt x="13715" y="1170432"/>
                </a:lnTo>
                <a:lnTo>
                  <a:pt x="13715" y="1184148"/>
                </a:lnTo>
                <a:close/>
              </a:path>
              <a:path w="4904740" h="3823970">
                <a:moveTo>
                  <a:pt x="13715" y="1156716"/>
                </a:moveTo>
                <a:lnTo>
                  <a:pt x="0" y="1156716"/>
                </a:lnTo>
                <a:lnTo>
                  <a:pt x="0" y="1143000"/>
                </a:lnTo>
                <a:lnTo>
                  <a:pt x="13715" y="1143000"/>
                </a:lnTo>
                <a:lnTo>
                  <a:pt x="13715" y="1156716"/>
                </a:lnTo>
                <a:close/>
              </a:path>
              <a:path w="4904740" h="3823970">
                <a:moveTo>
                  <a:pt x="13715" y="1127760"/>
                </a:moveTo>
                <a:lnTo>
                  <a:pt x="0" y="1127760"/>
                </a:lnTo>
                <a:lnTo>
                  <a:pt x="0" y="1114044"/>
                </a:lnTo>
                <a:lnTo>
                  <a:pt x="13715" y="1114044"/>
                </a:lnTo>
                <a:lnTo>
                  <a:pt x="13715" y="1127760"/>
                </a:lnTo>
                <a:close/>
              </a:path>
              <a:path w="4904740" h="3823970">
                <a:moveTo>
                  <a:pt x="13715" y="1100328"/>
                </a:moveTo>
                <a:lnTo>
                  <a:pt x="0" y="1100328"/>
                </a:lnTo>
                <a:lnTo>
                  <a:pt x="0" y="1086612"/>
                </a:lnTo>
                <a:lnTo>
                  <a:pt x="13715" y="1086612"/>
                </a:lnTo>
                <a:lnTo>
                  <a:pt x="13715" y="1100328"/>
                </a:lnTo>
                <a:close/>
              </a:path>
              <a:path w="4904740" h="3823970">
                <a:moveTo>
                  <a:pt x="13715" y="1072896"/>
                </a:moveTo>
                <a:lnTo>
                  <a:pt x="0" y="1072896"/>
                </a:lnTo>
                <a:lnTo>
                  <a:pt x="0" y="1059180"/>
                </a:lnTo>
                <a:lnTo>
                  <a:pt x="13715" y="1059180"/>
                </a:lnTo>
                <a:lnTo>
                  <a:pt x="13715" y="1072896"/>
                </a:lnTo>
                <a:close/>
              </a:path>
              <a:path w="4904740" h="3823970">
                <a:moveTo>
                  <a:pt x="13715" y="1043940"/>
                </a:moveTo>
                <a:lnTo>
                  <a:pt x="0" y="1043940"/>
                </a:lnTo>
                <a:lnTo>
                  <a:pt x="0" y="1030224"/>
                </a:lnTo>
                <a:lnTo>
                  <a:pt x="13715" y="1030224"/>
                </a:lnTo>
                <a:lnTo>
                  <a:pt x="13715" y="1043940"/>
                </a:lnTo>
                <a:close/>
              </a:path>
              <a:path w="4904740" h="3823970">
                <a:moveTo>
                  <a:pt x="13715" y="1016508"/>
                </a:moveTo>
                <a:lnTo>
                  <a:pt x="0" y="1016508"/>
                </a:lnTo>
                <a:lnTo>
                  <a:pt x="0" y="1002792"/>
                </a:lnTo>
                <a:lnTo>
                  <a:pt x="13715" y="1002792"/>
                </a:lnTo>
                <a:lnTo>
                  <a:pt x="13715" y="1016508"/>
                </a:lnTo>
                <a:close/>
              </a:path>
              <a:path w="4904740" h="3823970">
                <a:moveTo>
                  <a:pt x="13715" y="989076"/>
                </a:moveTo>
                <a:lnTo>
                  <a:pt x="0" y="989076"/>
                </a:lnTo>
                <a:lnTo>
                  <a:pt x="0" y="973836"/>
                </a:lnTo>
                <a:lnTo>
                  <a:pt x="13715" y="973836"/>
                </a:lnTo>
                <a:lnTo>
                  <a:pt x="13715" y="989076"/>
                </a:lnTo>
                <a:close/>
              </a:path>
              <a:path w="4904740" h="3823970">
                <a:moveTo>
                  <a:pt x="13715" y="960120"/>
                </a:moveTo>
                <a:lnTo>
                  <a:pt x="0" y="960120"/>
                </a:lnTo>
                <a:lnTo>
                  <a:pt x="0" y="946404"/>
                </a:lnTo>
                <a:lnTo>
                  <a:pt x="13715" y="946404"/>
                </a:lnTo>
                <a:lnTo>
                  <a:pt x="13715" y="960120"/>
                </a:lnTo>
                <a:close/>
              </a:path>
              <a:path w="4904740" h="3823970">
                <a:moveTo>
                  <a:pt x="13715" y="932688"/>
                </a:moveTo>
                <a:lnTo>
                  <a:pt x="0" y="932688"/>
                </a:lnTo>
                <a:lnTo>
                  <a:pt x="0" y="918972"/>
                </a:lnTo>
                <a:lnTo>
                  <a:pt x="13715" y="918972"/>
                </a:lnTo>
                <a:lnTo>
                  <a:pt x="13715" y="932688"/>
                </a:lnTo>
                <a:close/>
              </a:path>
              <a:path w="4904740" h="3823970">
                <a:moveTo>
                  <a:pt x="13715" y="903732"/>
                </a:moveTo>
                <a:lnTo>
                  <a:pt x="0" y="903732"/>
                </a:lnTo>
                <a:lnTo>
                  <a:pt x="0" y="890016"/>
                </a:lnTo>
                <a:lnTo>
                  <a:pt x="13715" y="890016"/>
                </a:lnTo>
                <a:lnTo>
                  <a:pt x="13715" y="903732"/>
                </a:lnTo>
                <a:close/>
              </a:path>
              <a:path w="4904740" h="3823970">
                <a:moveTo>
                  <a:pt x="13715" y="876300"/>
                </a:moveTo>
                <a:lnTo>
                  <a:pt x="0" y="876300"/>
                </a:lnTo>
                <a:lnTo>
                  <a:pt x="0" y="862584"/>
                </a:lnTo>
                <a:lnTo>
                  <a:pt x="13715" y="862584"/>
                </a:lnTo>
                <a:lnTo>
                  <a:pt x="13715" y="876300"/>
                </a:lnTo>
                <a:close/>
              </a:path>
              <a:path w="4904740" h="3823970">
                <a:moveTo>
                  <a:pt x="13715" y="848867"/>
                </a:moveTo>
                <a:lnTo>
                  <a:pt x="0" y="848867"/>
                </a:lnTo>
                <a:lnTo>
                  <a:pt x="0" y="835152"/>
                </a:lnTo>
                <a:lnTo>
                  <a:pt x="13715" y="835152"/>
                </a:lnTo>
                <a:lnTo>
                  <a:pt x="13715" y="848867"/>
                </a:lnTo>
                <a:close/>
              </a:path>
              <a:path w="4904740" h="3823970">
                <a:moveTo>
                  <a:pt x="13715" y="819912"/>
                </a:moveTo>
                <a:lnTo>
                  <a:pt x="0" y="819912"/>
                </a:lnTo>
                <a:lnTo>
                  <a:pt x="0" y="806196"/>
                </a:lnTo>
                <a:lnTo>
                  <a:pt x="13715" y="806196"/>
                </a:lnTo>
                <a:lnTo>
                  <a:pt x="13715" y="819912"/>
                </a:lnTo>
                <a:close/>
              </a:path>
              <a:path w="4904740" h="3823970">
                <a:moveTo>
                  <a:pt x="13715" y="792480"/>
                </a:moveTo>
                <a:lnTo>
                  <a:pt x="0" y="792480"/>
                </a:lnTo>
                <a:lnTo>
                  <a:pt x="0" y="778764"/>
                </a:lnTo>
                <a:lnTo>
                  <a:pt x="13715" y="778764"/>
                </a:lnTo>
                <a:lnTo>
                  <a:pt x="13715" y="792480"/>
                </a:lnTo>
                <a:close/>
              </a:path>
              <a:path w="4904740" h="3823970">
                <a:moveTo>
                  <a:pt x="13715" y="765048"/>
                </a:moveTo>
                <a:lnTo>
                  <a:pt x="0" y="765048"/>
                </a:lnTo>
                <a:lnTo>
                  <a:pt x="0" y="749808"/>
                </a:lnTo>
                <a:lnTo>
                  <a:pt x="13715" y="749808"/>
                </a:lnTo>
                <a:lnTo>
                  <a:pt x="13715" y="765048"/>
                </a:lnTo>
                <a:close/>
              </a:path>
              <a:path w="4904740" h="3823970">
                <a:moveTo>
                  <a:pt x="13715" y="736092"/>
                </a:moveTo>
                <a:lnTo>
                  <a:pt x="0" y="736092"/>
                </a:lnTo>
                <a:lnTo>
                  <a:pt x="0" y="722375"/>
                </a:lnTo>
                <a:lnTo>
                  <a:pt x="13715" y="722375"/>
                </a:lnTo>
                <a:lnTo>
                  <a:pt x="13715" y="736092"/>
                </a:lnTo>
                <a:close/>
              </a:path>
              <a:path w="4904740" h="3823970">
                <a:moveTo>
                  <a:pt x="13715" y="708660"/>
                </a:moveTo>
                <a:lnTo>
                  <a:pt x="0" y="708660"/>
                </a:lnTo>
                <a:lnTo>
                  <a:pt x="0" y="694944"/>
                </a:lnTo>
                <a:lnTo>
                  <a:pt x="13715" y="694944"/>
                </a:lnTo>
                <a:lnTo>
                  <a:pt x="13715" y="708660"/>
                </a:lnTo>
                <a:close/>
              </a:path>
              <a:path w="4904740" h="3823970">
                <a:moveTo>
                  <a:pt x="13715" y="679704"/>
                </a:moveTo>
                <a:lnTo>
                  <a:pt x="0" y="679704"/>
                </a:lnTo>
                <a:lnTo>
                  <a:pt x="0" y="665988"/>
                </a:lnTo>
                <a:lnTo>
                  <a:pt x="13715" y="665988"/>
                </a:lnTo>
                <a:lnTo>
                  <a:pt x="13715" y="679704"/>
                </a:lnTo>
                <a:close/>
              </a:path>
              <a:path w="4904740" h="3823970">
                <a:moveTo>
                  <a:pt x="13715" y="652272"/>
                </a:moveTo>
                <a:lnTo>
                  <a:pt x="0" y="652272"/>
                </a:lnTo>
                <a:lnTo>
                  <a:pt x="0" y="638556"/>
                </a:lnTo>
                <a:lnTo>
                  <a:pt x="13715" y="638556"/>
                </a:lnTo>
                <a:lnTo>
                  <a:pt x="13715" y="652272"/>
                </a:lnTo>
                <a:close/>
              </a:path>
              <a:path w="4904740" h="3823970">
                <a:moveTo>
                  <a:pt x="13715" y="624840"/>
                </a:moveTo>
                <a:lnTo>
                  <a:pt x="0" y="624840"/>
                </a:lnTo>
                <a:lnTo>
                  <a:pt x="0" y="611124"/>
                </a:lnTo>
                <a:lnTo>
                  <a:pt x="13715" y="611124"/>
                </a:lnTo>
                <a:lnTo>
                  <a:pt x="13715" y="624840"/>
                </a:lnTo>
                <a:close/>
              </a:path>
              <a:path w="4904740" h="3823970">
                <a:moveTo>
                  <a:pt x="13715" y="595883"/>
                </a:moveTo>
                <a:lnTo>
                  <a:pt x="0" y="595883"/>
                </a:lnTo>
                <a:lnTo>
                  <a:pt x="0" y="582167"/>
                </a:lnTo>
                <a:lnTo>
                  <a:pt x="13715" y="582167"/>
                </a:lnTo>
                <a:lnTo>
                  <a:pt x="13715" y="595883"/>
                </a:lnTo>
                <a:close/>
              </a:path>
              <a:path w="4904740" h="3823970">
                <a:moveTo>
                  <a:pt x="13715" y="568452"/>
                </a:moveTo>
                <a:lnTo>
                  <a:pt x="0" y="568452"/>
                </a:lnTo>
                <a:lnTo>
                  <a:pt x="0" y="554736"/>
                </a:lnTo>
                <a:lnTo>
                  <a:pt x="13715" y="554736"/>
                </a:lnTo>
                <a:lnTo>
                  <a:pt x="13715" y="568452"/>
                </a:lnTo>
                <a:close/>
              </a:path>
              <a:path w="4904740" h="3823970">
                <a:moveTo>
                  <a:pt x="13715" y="541020"/>
                </a:moveTo>
                <a:lnTo>
                  <a:pt x="0" y="541020"/>
                </a:lnTo>
                <a:lnTo>
                  <a:pt x="0" y="525780"/>
                </a:lnTo>
                <a:lnTo>
                  <a:pt x="13715" y="525780"/>
                </a:lnTo>
                <a:lnTo>
                  <a:pt x="13715" y="541020"/>
                </a:lnTo>
                <a:close/>
              </a:path>
              <a:path w="4904740" h="3823970">
                <a:moveTo>
                  <a:pt x="13715" y="512064"/>
                </a:moveTo>
                <a:lnTo>
                  <a:pt x="0" y="512064"/>
                </a:lnTo>
                <a:lnTo>
                  <a:pt x="0" y="498348"/>
                </a:lnTo>
                <a:lnTo>
                  <a:pt x="13715" y="498348"/>
                </a:lnTo>
                <a:lnTo>
                  <a:pt x="13715" y="512064"/>
                </a:lnTo>
                <a:close/>
              </a:path>
              <a:path w="4904740" h="3823970">
                <a:moveTo>
                  <a:pt x="13715" y="484632"/>
                </a:moveTo>
                <a:lnTo>
                  <a:pt x="0" y="484632"/>
                </a:lnTo>
                <a:lnTo>
                  <a:pt x="0" y="470916"/>
                </a:lnTo>
                <a:lnTo>
                  <a:pt x="13715" y="470916"/>
                </a:lnTo>
                <a:lnTo>
                  <a:pt x="13715" y="484632"/>
                </a:lnTo>
                <a:close/>
              </a:path>
              <a:path w="4904740" h="3823970">
                <a:moveTo>
                  <a:pt x="13715" y="455675"/>
                </a:moveTo>
                <a:lnTo>
                  <a:pt x="0" y="455675"/>
                </a:lnTo>
                <a:lnTo>
                  <a:pt x="0" y="441960"/>
                </a:lnTo>
                <a:lnTo>
                  <a:pt x="13715" y="441960"/>
                </a:lnTo>
                <a:lnTo>
                  <a:pt x="13715" y="455675"/>
                </a:lnTo>
                <a:close/>
              </a:path>
              <a:path w="4904740" h="3823970">
                <a:moveTo>
                  <a:pt x="13715" y="428244"/>
                </a:moveTo>
                <a:lnTo>
                  <a:pt x="0" y="428244"/>
                </a:lnTo>
                <a:lnTo>
                  <a:pt x="0" y="414528"/>
                </a:lnTo>
                <a:lnTo>
                  <a:pt x="13715" y="414528"/>
                </a:lnTo>
                <a:lnTo>
                  <a:pt x="13715" y="428244"/>
                </a:lnTo>
                <a:close/>
              </a:path>
              <a:path w="4904740" h="3823970">
                <a:moveTo>
                  <a:pt x="13715" y="400812"/>
                </a:moveTo>
                <a:lnTo>
                  <a:pt x="0" y="400812"/>
                </a:lnTo>
                <a:lnTo>
                  <a:pt x="0" y="385572"/>
                </a:lnTo>
                <a:lnTo>
                  <a:pt x="13715" y="385572"/>
                </a:lnTo>
                <a:lnTo>
                  <a:pt x="13715" y="400812"/>
                </a:lnTo>
                <a:close/>
              </a:path>
              <a:path w="4904740" h="3823970">
                <a:moveTo>
                  <a:pt x="13715" y="371856"/>
                </a:moveTo>
                <a:lnTo>
                  <a:pt x="0" y="371856"/>
                </a:lnTo>
                <a:lnTo>
                  <a:pt x="0" y="358140"/>
                </a:lnTo>
                <a:lnTo>
                  <a:pt x="13715" y="358140"/>
                </a:lnTo>
                <a:lnTo>
                  <a:pt x="13715" y="371856"/>
                </a:lnTo>
                <a:close/>
              </a:path>
              <a:path w="4904740" h="3823970">
                <a:moveTo>
                  <a:pt x="13715" y="344424"/>
                </a:moveTo>
                <a:lnTo>
                  <a:pt x="0" y="344424"/>
                </a:lnTo>
                <a:lnTo>
                  <a:pt x="0" y="330708"/>
                </a:lnTo>
                <a:lnTo>
                  <a:pt x="13715" y="330708"/>
                </a:lnTo>
                <a:lnTo>
                  <a:pt x="13715" y="344424"/>
                </a:lnTo>
                <a:close/>
              </a:path>
              <a:path w="4904740" h="3823970">
                <a:moveTo>
                  <a:pt x="13715" y="316991"/>
                </a:moveTo>
                <a:lnTo>
                  <a:pt x="0" y="316991"/>
                </a:lnTo>
                <a:lnTo>
                  <a:pt x="0" y="301752"/>
                </a:lnTo>
                <a:lnTo>
                  <a:pt x="13715" y="301752"/>
                </a:lnTo>
                <a:lnTo>
                  <a:pt x="13715" y="316991"/>
                </a:lnTo>
                <a:close/>
              </a:path>
              <a:path w="4904740" h="3823970">
                <a:moveTo>
                  <a:pt x="13715" y="288036"/>
                </a:moveTo>
                <a:lnTo>
                  <a:pt x="0" y="288036"/>
                </a:lnTo>
                <a:lnTo>
                  <a:pt x="0" y="274320"/>
                </a:lnTo>
                <a:lnTo>
                  <a:pt x="13715" y="274320"/>
                </a:lnTo>
                <a:lnTo>
                  <a:pt x="13715" y="288036"/>
                </a:lnTo>
                <a:close/>
              </a:path>
              <a:path w="4904740" h="3823970">
                <a:moveTo>
                  <a:pt x="13715" y="260604"/>
                </a:moveTo>
                <a:lnTo>
                  <a:pt x="0" y="260604"/>
                </a:lnTo>
                <a:lnTo>
                  <a:pt x="0" y="246888"/>
                </a:lnTo>
                <a:lnTo>
                  <a:pt x="13715" y="246888"/>
                </a:lnTo>
                <a:lnTo>
                  <a:pt x="13715" y="260604"/>
                </a:lnTo>
                <a:close/>
              </a:path>
              <a:path w="4904740" h="3823970">
                <a:moveTo>
                  <a:pt x="13715" y="231648"/>
                </a:moveTo>
                <a:lnTo>
                  <a:pt x="0" y="231648"/>
                </a:lnTo>
                <a:lnTo>
                  <a:pt x="0" y="217932"/>
                </a:lnTo>
                <a:lnTo>
                  <a:pt x="13715" y="217932"/>
                </a:lnTo>
                <a:lnTo>
                  <a:pt x="13715" y="231648"/>
                </a:lnTo>
                <a:close/>
              </a:path>
              <a:path w="4904740" h="3823970">
                <a:moveTo>
                  <a:pt x="13715" y="204216"/>
                </a:moveTo>
                <a:lnTo>
                  <a:pt x="0" y="204216"/>
                </a:lnTo>
                <a:lnTo>
                  <a:pt x="0" y="190500"/>
                </a:lnTo>
                <a:lnTo>
                  <a:pt x="13715" y="190500"/>
                </a:lnTo>
                <a:lnTo>
                  <a:pt x="13715" y="204216"/>
                </a:lnTo>
                <a:close/>
              </a:path>
              <a:path w="4904740" h="3823970">
                <a:moveTo>
                  <a:pt x="13715" y="176783"/>
                </a:moveTo>
                <a:lnTo>
                  <a:pt x="0" y="176783"/>
                </a:lnTo>
                <a:lnTo>
                  <a:pt x="0" y="161544"/>
                </a:lnTo>
                <a:lnTo>
                  <a:pt x="13715" y="161544"/>
                </a:lnTo>
                <a:lnTo>
                  <a:pt x="13715" y="176783"/>
                </a:lnTo>
                <a:close/>
              </a:path>
              <a:path w="4904740" h="3823970">
                <a:moveTo>
                  <a:pt x="13715" y="147828"/>
                </a:moveTo>
                <a:lnTo>
                  <a:pt x="0" y="147828"/>
                </a:lnTo>
                <a:lnTo>
                  <a:pt x="0" y="134112"/>
                </a:lnTo>
                <a:lnTo>
                  <a:pt x="13715" y="134112"/>
                </a:lnTo>
                <a:lnTo>
                  <a:pt x="13715" y="147828"/>
                </a:lnTo>
                <a:close/>
              </a:path>
              <a:path w="4904740" h="3823970">
                <a:moveTo>
                  <a:pt x="13715" y="120396"/>
                </a:moveTo>
                <a:lnTo>
                  <a:pt x="0" y="120396"/>
                </a:lnTo>
                <a:lnTo>
                  <a:pt x="0" y="106680"/>
                </a:lnTo>
                <a:lnTo>
                  <a:pt x="13715" y="106680"/>
                </a:lnTo>
                <a:lnTo>
                  <a:pt x="13715" y="120396"/>
                </a:lnTo>
                <a:close/>
              </a:path>
              <a:path w="4904740" h="3823970">
                <a:moveTo>
                  <a:pt x="13715" y="92964"/>
                </a:moveTo>
                <a:lnTo>
                  <a:pt x="0" y="92964"/>
                </a:lnTo>
                <a:lnTo>
                  <a:pt x="0" y="77724"/>
                </a:lnTo>
                <a:lnTo>
                  <a:pt x="13715" y="77724"/>
                </a:lnTo>
                <a:lnTo>
                  <a:pt x="13715" y="92964"/>
                </a:lnTo>
                <a:close/>
              </a:path>
              <a:path w="4904740" h="3823970">
                <a:moveTo>
                  <a:pt x="13715" y="64008"/>
                </a:moveTo>
                <a:lnTo>
                  <a:pt x="0" y="64008"/>
                </a:lnTo>
                <a:lnTo>
                  <a:pt x="0" y="50291"/>
                </a:lnTo>
                <a:lnTo>
                  <a:pt x="13715" y="50291"/>
                </a:lnTo>
                <a:lnTo>
                  <a:pt x="13715" y="64008"/>
                </a:lnTo>
                <a:close/>
              </a:path>
              <a:path w="4904740" h="3823970">
                <a:moveTo>
                  <a:pt x="13715" y="36575"/>
                </a:moveTo>
                <a:lnTo>
                  <a:pt x="0" y="36575"/>
                </a:lnTo>
                <a:lnTo>
                  <a:pt x="0" y="22860"/>
                </a:lnTo>
                <a:lnTo>
                  <a:pt x="13715" y="22860"/>
                </a:lnTo>
                <a:lnTo>
                  <a:pt x="13715" y="36575"/>
                </a:lnTo>
                <a:close/>
              </a:path>
              <a:path w="4904740" h="3823970">
                <a:moveTo>
                  <a:pt x="12496" y="7620"/>
                </a:moveTo>
                <a:lnTo>
                  <a:pt x="0" y="7620"/>
                </a:lnTo>
                <a:lnTo>
                  <a:pt x="0" y="0"/>
                </a:lnTo>
                <a:lnTo>
                  <a:pt x="19811" y="0"/>
                </a:lnTo>
                <a:lnTo>
                  <a:pt x="19811" y="6096"/>
                </a:lnTo>
                <a:lnTo>
                  <a:pt x="13715" y="6096"/>
                </a:lnTo>
                <a:lnTo>
                  <a:pt x="12496" y="7620"/>
                </a:lnTo>
                <a:close/>
              </a:path>
              <a:path w="4904740" h="3823970">
                <a:moveTo>
                  <a:pt x="19811" y="13716"/>
                </a:moveTo>
                <a:lnTo>
                  <a:pt x="7619" y="13716"/>
                </a:lnTo>
                <a:lnTo>
                  <a:pt x="13715" y="6096"/>
                </a:lnTo>
                <a:lnTo>
                  <a:pt x="13715" y="7620"/>
                </a:lnTo>
                <a:lnTo>
                  <a:pt x="19811" y="7620"/>
                </a:lnTo>
                <a:lnTo>
                  <a:pt x="19811" y="13716"/>
                </a:lnTo>
                <a:close/>
              </a:path>
              <a:path w="4904740" h="3823970">
                <a:moveTo>
                  <a:pt x="19811" y="7620"/>
                </a:moveTo>
                <a:lnTo>
                  <a:pt x="13715" y="7620"/>
                </a:lnTo>
                <a:lnTo>
                  <a:pt x="13715" y="6096"/>
                </a:lnTo>
                <a:lnTo>
                  <a:pt x="19811" y="6096"/>
                </a:lnTo>
                <a:lnTo>
                  <a:pt x="19811" y="7620"/>
                </a:lnTo>
                <a:close/>
              </a:path>
              <a:path w="4904740" h="3823970">
                <a:moveTo>
                  <a:pt x="47243" y="13716"/>
                </a:moveTo>
                <a:lnTo>
                  <a:pt x="33528" y="13716"/>
                </a:lnTo>
                <a:lnTo>
                  <a:pt x="33528" y="0"/>
                </a:lnTo>
                <a:lnTo>
                  <a:pt x="47243" y="0"/>
                </a:lnTo>
                <a:lnTo>
                  <a:pt x="47243" y="13716"/>
                </a:lnTo>
                <a:close/>
              </a:path>
              <a:path w="4904740" h="3823970">
                <a:moveTo>
                  <a:pt x="76200" y="13716"/>
                </a:moveTo>
                <a:lnTo>
                  <a:pt x="60959" y="13716"/>
                </a:lnTo>
                <a:lnTo>
                  <a:pt x="60959" y="0"/>
                </a:lnTo>
                <a:lnTo>
                  <a:pt x="76200" y="0"/>
                </a:lnTo>
                <a:lnTo>
                  <a:pt x="76200" y="13716"/>
                </a:lnTo>
                <a:close/>
              </a:path>
              <a:path w="4904740" h="3823970">
                <a:moveTo>
                  <a:pt x="103632" y="13716"/>
                </a:moveTo>
                <a:lnTo>
                  <a:pt x="89915" y="13716"/>
                </a:lnTo>
                <a:lnTo>
                  <a:pt x="89915" y="0"/>
                </a:lnTo>
                <a:lnTo>
                  <a:pt x="103632" y="0"/>
                </a:lnTo>
                <a:lnTo>
                  <a:pt x="103632" y="13716"/>
                </a:lnTo>
                <a:close/>
              </a:path>
              <a:path w="4904740" h="3823970">
                <a:moveTo>
                  <a:pt x="131063" y="13716"/>
                </a:moveTo>
                <a:lnTo>
                  <a:pt x="117347" y="13716"/>
                </a:lnTo>
                <a:lnTo>
                  <a:pt x="117347" y="0"/>
                </a:lnTo>
                <a:lnTo>
                  <a:pt x="131063" y="0"/>
                </a:lnTo>
                <a:lnTo>
                  <a:pt x="131063" y="13716"/>
                </a:lnTo>
                <a:close/>
              </a:path>
              <a:path w="4904740" h="3823970">
                <a:moveTo>
                  <a:pt x="160019" y="13716"/>
                </a:moveTo>
                <a:lnTo>
                  <a:pt x="146304" y="13716"/>
                </a:lnTo>
                <a:lnTo>
                  <a:pt x="146304" y="0"/>
                </a:lnTo>
                <a:lnTo>
                  <a:pt x="160019" y="0"/>
                </a:lnTo>
                <a:lnTo>
                  <a:pt x="160019" y="13716"/>
                </a:lnTo>
                <a:close/>
              </a:path>
              <a:path w="4904740" h="3823970">
                <a:moveTo>
                  <a:pt x="187451" y="13716"/>
                </a:moveTo>
                <a:lnTo>
                  <a:pt x="173736" y="13716"/>
                </a:lnTo>
                <a:lnTo>
                  <a:pt x="173736" y="0"/>
                </a:lnTo>
                <a:lnTo>
                  <a:pt x="187451" y="0"/>
                </a:lnTo>
                <a:lnTo>
                  <a:pt x="187451" y="13716"/>
                </a:lnTo>
                <a:close/>
              </a:path>
              <a:path w="4904740" h="3823970">
                <a:moveTo>
                  <a:pt x="216407" y="13716"/>
                </a:moveTo>
                <a:lnTo>
                  <a:pt x="201167" y="13716"/>
                </a:lnTo>
                <a:lnTo>
                  <a:pt x="201167" y="0"/>
                </a:lnTo>
                <a:lnTo>
                  <a:pt x="216407" y="0"/>
                </a:lnTo>
                <a:lnTo>
                  <a:pt x="216407" y="13716"/>
                </a:lnTo>
                <a:close/>
              </a:path>
              <a:path w="4904740" h="3823970">
                <a:moveTo>
                  <a:pt x="243840" y="13716"/>
                </a:moveTo>
                <a:lnTo>
                  <a:pt x="230124" y="13716"/>
                </a:lnTo>
                <a:lnTo>
                  <a:pt x="230124" y="0"/>
                </a:lnTo>
                <a:lnTo>
                  <a:pt x="243840" y="0"/>
                </a:lnTo>
                <a:lnTo>
                  <a:pt x="243840" y="13716"/>
                </a:lnTo>
                <a:close/>
              </a:path>
              <a:path w="4904740" h="3823970">
                <a:moveTo>
                  <a:pt x="271271" y="13716"/>
                </a:moveTo>
                <a:lnTo>
                  <a:pt x="257555" y="13716"/>
                </a:lnTo>
                <a:lnTo>
                  <a:pt x="257555" y="0"/>
                </a:lnTo>
                <a:lnTo>
                  <a:pt x="271271" y="0"/>
                </a:lnTo>
                <a:lnTo>
                  <a:pt x="271271" y="13716"/>
                </a:lnTo>
                <a:close/>
              </a:path>
              <a:path w="4904740" h="3823970">
                <a:moveTo>
                  <a:pt x="300228" y="13716"/>
                </a:moveTo>
                <a:lnTo>
                  <a:pt x="284988" y="13716"/>
                </a:lnTo>
                <a:lnTo>
                  <a:pt x="284988" y="0"/>
                </a:lnTo>
                <a:lnTo>
                  <a:pt x="300228" y="0"/>
                </a:lnTo>
                <a:lnTo>
                  <a:pt x="300228" y="13716"/>
                </a:lnTo>
                <a:close/>
              </a:path>
              <a:path w="4904740" h="3823970">
                <a:moveTo>
                  <a:pt x="327659" y="13716"/>
                </a:moveTo>
                <a:lnTo>
                  <a:pt x="313944" y="13716"/>
                </a:lnTo>
                <a:lnTo>
                  <a:pt x="313944" y="0"/>
                </a:lnTo>
                <a:lnTo>
                  <a:pt x="327659" y="0"/>
                </a:lnTo>
                <a:lnTo>
                  <a:pt x="327659" y="13716"/>
                </a:lnTo>
                <a:close/>
              </a:path>
              <a:path w="4904740" h="3823970">
                <a:moveTo>
                  <a:pt x="355092" y="13716"/>
                </a:moveTo>
                <a:lnTo>
                  <a:pt x="341376" y="13716"/>
                </a:lnTo>
                <a:lnTo>
                  <a:pt x="341376" y="0"/>
                </a:lnTo>
                <a:lnTo>
                  <a:pt x="355092" y="0"/>
                </a:lnTo>
                <a:lnTo>
                  <a:pt x="355092" y="13716"/>
                </a:lnTo>
                <a:close/>
              </a:path>
              <a:path w="4904740" h="3823970">
                <a:moveTo>
                  <a:pt x="384047" y="13716"/>
                </a:moveTo>
                <a:lnTo>
                  <a:pt x="370332" y="13716"/>
                </a:lnTo>
                <a:lnTo>
                  <a:pt x="370332" y="0"/>
                </a:lnTo>
                <a:lnTo>
                  <a:pt x="384047" y="0"/>
                </a:lnTo>
                <a:lnTo>
                  <a:pt x="384047" y="13716"/>
                </a:lnTo>
                <a:close/>
              </a:path>
              <a:path w="4904740" h="3823970">
                <a:moveTo>
                  <a:pt x="411480" y="13716"/>
                </a:moveTo>
                <a:lnTo>
                  <a:pt x="397763" y="13716"/>
                </a:lnTo>
                <a:lnTo>
                  <a:pt x="397763" y="0"/>
                </a:lnTo>
                <a:lnTo>
                  <a:pt x="411480" y="0"/>
                </a:lnTo>
                <a:lnTo>
                  <a:pt x="411480" y="13716"/>
                </a:lnTo>
                <a:close/>
              </a:path>
              <a:path w="4904740" h="3823970">
                <a:moveTo>
                  <a:pt x="440436" y="13716"/>
                </a:moveTo>
                <a:lnTo>
                  <a:pt x="425195" y="13716"/>
                </a:lnTo>
                <a:lnTo>
                  <a:pt x="425195" y="0"/>
                </a:lnTo>
                <a:lnTo>
                  <a:pt x="440436" y="0"/>
                </a:lnTo>
                <a:lnTo>
                  <a:pt x="440436" y="13716"/>
                </a:lnTo>
                <a:close/>
              </a:path>
              <a:path w="4904740" h="3823970">
                <a:moveTo>
                  <a:pt x="467868" y="13716"/>
                </a:moveTo>
                <a:lnTo>
                  <a:pt x="454151" y="13716"/>
                </a:lnTo>
                <a:lnTo>
                  <a:pt x="454151" y="0"/>
                </a:lnTo>
                <a:lnTo>
                  <a:pt x="467868" y="0"/>
                </a:lnTo>
                <a:lnTo>
                  <a:pt x="467868" y="13716"/>
                </a:lnTo>
                <a:close/>
              </a:path>
              <a:path w="4904740" h="3823970">
                <a:moveTo>
                  <a:pt x="495299" y="13716"/>
                </a:moveTo>
                <a:lnTo>
                  <a:pt x="481584" y="13716"/>
                </a:lnTo>
                <a:lnTo>
                  <a:pt x="481584" y="0"/>
                </a:lnTo>
                <a:lnTo>
                  <a:pt x="495299" y="0"/>
                </a:lnTo>
                <a:lnTo>
                  <a:pt x="495299" y="13716"/>
                </a:lnTo>
                <a:close/>
              </a:path>
              <a:path w="4904740" h="3823970">
                <a:moveTo>
                  <a:pt x="524255" y="13716"/>
                </a:moveTo>
                <a:lnTo>
                  <a:pt x="509015" y="13716"/>
                </a:lnTo>
                <a:lnTo>
                  <a:pt x="509015" y="0"/>
                </a:lnTo>
                <a:lnTo>
                  <a:pt x="524255" y="0"/>
                </a:lnTo>
                <a:lnTo>
                  <a:pt x="524255" y="13716"/>
                </a:lnTo>
                <a:close/>
              </a:path>
              <a:path w="4904740" h="3823970">
                <a:moveTo>
                  <a:pt x="551688" y="13716"/>
                </a:moveTo>
                <a:lnTo>
                  <a:pt x="537972" y="13716"/>
                </a:lnTo>
                <a:lnTo>
                  <a:pt x="537972" y="0"/>
                </a:lnTo>
                <a:lnTo>
                  <a:pt x="551688" y="0"/>
                </a:lnTo>
                <a:lnTo>
                  <a:pt x="551688" y="13716"/>
                </a:lnTo>
                <a:close/>
              </a:path>
              <a:path w="4904740" h="3823970">
                <a:moveTo>
                  <a:pt x="579120" y="13716"/>
                </a:moveTo>
                <a:lnTo>
                  <a:pt x="565403" y="13716"/>
                </a:lnTo>
                <a:lnTo>
                  <a:pt x="565403" y="0"/>
                </a:lnTo>
                <a:lnTo>
                  <a:pt x="579120" y="0"/>
                </a:lnTo>
                <a:lnTo>
                  <a:pt x="579120" y="13716"/>
                </a:lnTo>
                <a:close/>
              </a:path>
              <a:path w="4904740" h="3823970">
                <a:moveTo>
                  <a:pt x="608076" y="13716"/>
                </a:moveTo>
                <a:lnTo>
                  <a:pt x="594359" y="13716"/>
                </a:lnTo>
                <a:lnTo>
                  <a:pt x="594359" y="0"/>
                </a:lnTo>
                <a:lnTo>
                  <a:pt x="608076" y="0"/>
                </a:lnTo>
                <a:lnTo>
                  <a:pt x="608076" y="13716"/>
                </a:lnTo>
                <a:close/>
              </a:path>
              <a:path w="4904740" h="3823970">
                <a:moveTo>
                  <a:pt x="635507" y="13716"/>
                </a:moveTo>
                <a:lnTo>
                  <a:pt x="621792" y="13716"/>
                </a:lnTo>
                <a:lnTo>
                  <a:pt x="621792" y="0"/>
                </a:lnTo>
                <a:lnTo>
                  <a:pt x="635507" y="0"/>
                </a:lnTo>
                <a:lnTo>
                  <a:pt x="635507" y="13716"/>
                </a:lnTo>
                <a:close/>
              </a:path>
              <a:path w="4904740" h="3823970">
                <a:moveTo>
                  <a:pt x="664464" y="13716"/>
                </a:moveTo>
                <a:lnTo>
                  <a:pt x="649224" y="13716"/>
                </a:lnTo>
                <a:lnTo>
                  <a:pt x="649224" y="0"/>
                </a:lnTo>
                <a:lnTo>
                  <a:pt x="664464" y="0"/>
                </a:lnTo>
                <a:lnTo>
                  <a:pt x="664464" y="13716"/>
                </a:lnTo>
                <a:close/>
              </a:path>
              <a:path w="4904740" h="3823970">
                <a:moveTo>
                  <a:pt x="691895" y="13716"/>
                </a:moveTo>
                <a:lnTo>
                  <a:pt x="678180" y="13716"/>
                </a:lnTo>
                <a:lnTo>
                  <a:pt x="678180" y="0"/>
                </a:lnTo>
                <a:lnTo>
                  <a:pt x="691895" y="0"/>
                </a:lnTo>
                <a:lnTo>
                  <a:pt x="691895" y="13716"/>
                </a:lnTo>
                <a:close/>
              </a:path>
              <a:path w="4904740" h="3823970">
                <a:moveTo>
                  <a:pt x="719328" y="13716"/>
                </a:moveTo>
                <a:lnTo>
                  <a:pt x="705612" y="13716"/>
                </a:lnTo>
                <a:lnTo>
                  <a:pt x="705612" y="0"/>
                </a:lnTo>
                <a:lnTo>
                  <a:pt x="719328" y="0"/>
                </a:lnTo>
                <a:lnTo>
                  <a:pt x="719328" y="13716"/>
                </a:lnTo>
                <a:close/>
              </a:path>
              <a:path w="4904740" h="3823970">
                <a:moveTo>
                  <a:pt x="748284" y="13716"/>
                </a:moveTo>
                <a:lnTo>
                  <a:pt x="733044" y="13716"/>
                </a:lnTo>
                <a:lnTo>
                  <a:pt x="733044" y="0"/>
                </a:lnTo>
                <a:lnTo>
                  <a:pt x="748284" y="0"/>
                </a:lnTo>
                <a:lnTo>
                  <a:pt x="748284" y="13716"/>
                </a:lnTo>
                <a:close/>
              </a:path>
              <a:path w="4904740" h="3823970">
                <a:moveTo>
                  <a:pt x="775716" y="13716"/>
                </a:moveTo>
                <a:lnTo>
                  <a:pt x="761999" y="13716"/>
                </a:lnTo>
                <a:lnTo>
                  <a:pt x="761999" y="0"/>
                </a:lnTo>
                <a:lnTo>
                  <a:pt x="775716" y="0"/>
                </a:lnTo>
                <a:lnTo>
                  <a:pt x="775716" y="13716"/>
                </a:lnTo>
                <a:close/>
              </a:path>
              <a:path w="4904740" h="3823970">
                <a:moveTo>
                  <a:pt x="803148" y="13716"/>
                </a:moveTo>
                <a:lnTo>
                  <a:pt x="789432" y="13716"/>
                </a:lnTo>
                <a:lnTo>
                  <a:pt x="789432" y="0"/>
                </a:lnTo>
                <a:lnTo>
                  <a:pt x="803148" y="0"/>
                </a:lnTo>
                <a:lnTo>
                  <a:pt x="803148" y="13716"/>
                </a:lnTo>
                <a:close/>
              </a:path>
              <a:path w="4904740" h="3823970">
                <a:moveTo>
                  <a:pt x="832103" y="13716"/>
                </a:moveTo>
                <a:lnTo>
                  <a:pt x="818387" y="13716"/>
                </a:lnTo>
                <a:lnTo>
                  <a:pt x="818387" y="0"/>
                </a:lnTo>
                <a:lnTo>
                  <a:pt x="832103" y="0"/>
                </a:lnTo>
                <a:lnTo>
                  <a:pt x="832103" y="13716"/>
                </a:lnTo>
                <a:close/>
              </a:path>
              <a:path w="4904740" h="3823970">
                <a:moveTo>
                  <a:pt x="859536" y="13716"/>
                </a:moveTo>
                <a:lnTo>
                  <a:pt x="845820" y="13716"/>
                </a:lnTo>
                <a:lnTo>
                  <a:pt x="845820" y="0"/>
                </a:lnTo>
                <a:lnTo>
                  <a:pt x="859536" y="0"/>
                </a:lnTo>
                <a:lnTo>
                  <a:pt x="859536" y="13716"/>
                </a:lnTo>
                <a:close/>
              </a:path>
              <a:path w="4904740" h="3823970">
                <a:moveTo>
                  <a:pt x="888491" y="13716"/>
                </a:moveTo>
                <a:lnTo>
                  <a:pt x="873252" y="13716"/>
                </a:lnTo>
                <a:lnTo>
                  <a:pt x="873252" y="0"/>
                </a:lnTo>
                <a:lnTo>
                  <a:pt x="888491" y="0"/>
                </a:lnTo>
                <a:lnTo>
                  <a:pt x="888491" y="13716"/>
                </a:lnTo>
                <a:close/>
              </a:path>
              <a:path w="4904740" h="3823970">
                <a:moveTo>
                  <a:pt x="915924" y="13716"/>
                </a:moveTo>
                <a:lnTo>
                  <a:pt x="902207" y="13716"/>
                </a:lnTo>
                <a:lnTo>
                  <a:pt x="902207" y="0"/>
                </a:lnTo>
                <a:lnTo>
                  <a:pt x="915924" y="0"/>
                </a:lnTo>
                <a:lnTo>
                  <a:pt x="915924" y="13716"/>
                </a:lnTo>
                <a:close/>
              </a:path>
              <a:path w="4904740" h="3823970">
                <a:moveTo>
                  <a:pt x="943356" y="13716"/>
                </a:moveTo>
                <a:lnTo>
                  <a:pt x="929640" y="13716"/>
                </a:lnTo>
                <a:lnTo>
                  <a:pt x="929640" y="0"/>
                </a:lnTo>
                <a:lnTo>
                  <a:pt x="943356" y="0"/>
                </a:lnTo>
                <a:lnTo>
                  <a:pt x="943356" y="13716"/>
                </a:lnTo>
                <a:close/>
              </a:path>
              <a:path w="4904740" h="3823970">
                <a:moveTo>
                  <a:pt x="972312" y="13716"/>
                </a:moveTo>
                <a:lnTo>
                  <a:pt x="957071" y="13716"/>
                </a:lnTo>
                <a:lnTo>
                  <a:pt x="957071" y="0"/>
                </a:lnTo>
                <a:lnTo>
                  <a:pt x="972312" y="0"/>
                </a:lnTo>
                <a:lnTo>
                  <a:pt x="972312" y="13716"/>
                </a:lnTo>
                <a:close/>
              </a:path>
              <a:path w="4904740" h="3823970">
                <a:moveTo>
                  <a:pt x="999744" y="13716"/>
                </a:moveTo>
                <a:lnTo>
                  <a:pt x="986028" y="13716"/>
                </a:lnTo>
                <a:lnTo>
                  <a:pt x="986028" y="0"/>
                </a:lnTo>
                <a:lnTo>
                  <a:pt x="999744" y="0"/>
                </a:lnTo>
                <a:lnTo>
                  <a:pt x="999744" y="13716"/>
                </a:lnTo>
                <a:close/>
              </a:path>
              <a:path w="4904740" h="3823970">
                <a:moveTo>
                  <a:pt x="1027175" y="13716"/>
                </a:moveTo>
                <a:lnTo>
                  <a:pt x="1013460" y="13716"/>
                </a:lnTo>
                <a:lnTo>
                  <a:pt x="1013460" y="0"/>
                </a:lnTo>
                <a:lnTo>
                  <a:pt x="1027175" y="0"/>
                </a:lnTo>
                <a:lnTo>
                  <a:pt x="1027175" y="13716"/>
                </a:lnTo>
                <a:close/>
              </a:path>
              <a:path w="4904740" h="3823970">
                <a:moveTo>
                  <a:pt x="1056132" y="13716"/>
                </a:moveTo>
                <a:lnTo>
                  <a:pt x="1042416" y="13716"/>
                </a:lnTo>
                <a:lnTo>
                  <a:pt x="1042416" y="0"/>
                </a:lnTo>
                <a:lnTo>
                  <a:pt x="1056132" y="0"/>
                </a:lnTo>
                <a:lnTo>
                  <a:pt x="1056132" y="13716"/>
                </a:lnTo>
                <a:close/>
              </a:path>
              <a:path w="4904740" h="3823970">
                <a:moveTo>
                  <a:pt x="1083564" y="13716"/>
                </a:moveTo>
                <a:lnTo>
                  <a:pt x="1069848" y="13716"/>
                </a:lnTo>
                <a:lnTo>
                  <a:pt x="1069848" y="0"/>
                </a:lnTo>
                <a:lnTo>
                  <a:pt x="1083564" y="0"/>
                </a:lnTo>
                <a:lnTo>
                  <a:pt x="1083564" y="13716"/>
                </a:lnTo>
                <a:close/>
              </a:path>
              <a:path w="4904740" h="3823970">
                <a:moveTo>
                  <a:pt x="1112520" y="13716"/>
                </a:moveTo>
                <a:lnTo>
                  <a:pt x="1097279" y="13716"/>
                </a:lnTo>
                <a:lnTo>
                  <a:pt x="1097279" y="0"/>
                </a:lnTo>
                <a:lnTo>
                  <a:pt x="1112520" y="0"/>
                </a:lnTo>
                <a:lnTo>
                  <a:pt x="1112520" y="13716"/>
                </a:lnTo>
                <a:close/>
              </a:path>
              <a:path w="4904740" h="3823970">
                <a:moveTo>
                  <a:pt x="1139952" y="13716"/>
                </a:moveTo>
                <a:lnTo>
                  <a:pt x="1126236" y="13716"/>
                </a:lnTo>
                <a:lnTo>
                  <a:pt x="1126236" y="0"/>
                </a:lnTo>
                <a:lnTo>
                  <a:pt x="1139952" y="0"/>
                </a:lnTo>
                <a:lnTo>
                  <a:pt x="1139952" y="13716"/>
                </a:lnTo>
                <a:close/>
              </a:path>
              <a:path w="4904740" h="3823970">
                <a:moveTo>
                  <a:pt x="1167383" y="13716"/>
                </a:moveTo>
                <a:lnTo>
                  <a:pt x="1153668" y="13716"/>
                </a:lnTo>
                <a:lnTo>
                  <a:pt x="1153668" y="0"/>
                </a:lnTo>
                <a:lnTo>
                  <a:pt x="1167383" y="0"/>
                </a:lnTo>
                <a:lnTo>
                  <a:pt x="1167383" y="13716"/>
                </a:lnTo>
                <a:close/>
              </a:path>
              <a:path w="4904740" h="3823970">
                <a:moveTo>
                  <a:pt x="1196340" y="13716"/>
                </a:moveTo>
                <a:lnTo>
                  <a:pt x="1182624" y="13716"/>
                </a:lnTo>
                <a:lnTo>
                  <a:pt x="1182624" y="0"/>
                </a:lnTo>
                <a:lnTo>
                  <a:pt x="1196340" y="0"/>
                </a:lnTo>
                <a:lnTo>
                  <a:pt x="1196340" y="13716"/>
                </a:lnTo>
                <a:close/>
              </a:path>
              <a:path w="4904740" h="3823970">
                <a:moveTo>
                  <a:pt x="1223771" y="13716"/>
                </a:moveTo>
                <a:lnTo>
                  <a:pt x="1210056" y="13716"/>
                </a:lnTo>
                <a:lnTo>
                  <a:pt x="1210056" y="0"/>
                </a:lnTo>
                <a:lnTo>
                  <a:pt x="1223771" y="0"/>
                </a:lnTo>
                <a:lnTo>
                  <a:pt x="1223771" y="13716"/>
                </a:lnTo>
                <a:close/>
              </a:path>
              <a:path w="4904740" h="3823970">
                <a:moveTo>
                  <a:pt x="1251204" y="13716"/>
                </a:moveTo>
                <a:lnTo>
                  <a:pt x="1237487" y="13716"/>
                </a:lnTo>
                <a:lnTo>
                  <a:pt x="1237487" y="0"/>
                </a:lnTo>
                <a:lnTo>
                  <a:pt x="1251204" y="0"/>
                </a:lnTo>
                <a:lnTo>
                  <a:pt x="1251204" y="13716"/>
                </a:lnTo>
                <a:close/>
              </a:path>
              <a:path w="4904740" h="3823970">
                <a:moveTo>
                  <a:pt x="1280160" y="13716"/>
                </a:moveTo>
                <a:lnTo>
                  <a:pt x="1266444" y="13716"/>
                </a:lnTo>
                <a:lnTo>
                  <a:pt x="1266444" y="0"/>
                </a:lnTo>
                <a:lnTo>
                  <a:pt x="1280160" y="0"/>
                </a:lnTo>
                <a:lnTo>
                  <a:pt x="1280160" y="13716"/>
                </a:lnTo>
                <a:close/>
              </a:path>
              <a:path w="4904740" h="3823970">
                <a:moveTo>
                  <a:pt x="1307591" y="13716"/>
                </a:moveTo>
                <a:lnTo>
                  <a:pt x="1293875" y="13716"/>
                </a:lnTo>
                <a:lnTo>
                  <a:pt x="1293875" y="0"/>
                </a:lnTo>
                <a:lnTo>
                  <a:pt x="1307591" y="0"/>
                </a:lnTo>
                <a:lnTo>
                  <a:pt x="1307591" y="13716"/>
                </a:lnTo>
                <a:close/>
              </a:path>
              <a:path w="4904740" h="3823970">
                <a:moveTo>
                  <a:pt x="1336548" y="13716"/>
                </a:moveTo>
                <a:lnTo>
                  <a:pt x="1321308" y="13716"/>
                </a:lnTo>
                <a:lnTo>
                  <a:pt x="1321308" y="0"/>
                </a:lnTo>
                <a:lnTo>
                  <a:pt x="1336548" y="0"/>
                </a:lnTo>
                <a:lnTo>
                  <a:pt x="1336548" y="13716"/>
                </a:lnTo>
                <a:close/>
              </a:path>
              <a:path w="4904740" h="3823970">
                <a:moveTo>
                  <a:pt x="1363979" y="13716"/>
                </a:moveTo>
                <a:lnTo>
                  <a:pt x="1350264" y="13716"/>
                </a:lnTo>
                <a:lnTo>
                  <a:pt x="1350264" y="0"/>
                </a:lnTo>
                <a:lnTo>
                  <a:pt x="1363979" y="0"/>
                </a:lnTo>
                <a:lnTo>
                  <a:pt x="1363979" y="13716"/>
                </a:lnTo>
                <a:close/>
              </a:path>
              <a:path w="4904740" h="3823970">
                <a:moveTo>
                  <a:pt x="1391412" y="13716"/>
                </a:moveTo>
                <a:lnTo>
                  <a:pt x="1377695" y="13716"/>
                </a:lnTo>
                <a:lnTo>
                  <a:pt x="1377695" y="0"/>
                </a:lnTo>
                <a:lnTo>
                  <a:pt x="1391412" y="0"/>
                </a:lnTo>
                <a:lnTo>
                  <a:pt x="1391412" y="13716"/>
                </a:lnTo>
                <a:close/>
              </a:path>
              <a:path w="4904740" h="3823970">
                <a:moveTo>
                  <a:pt x="1420368" y="13716"/>
                </a:moveTo>
                <a:lnTo>
                  <a:pt x="1406652" y="13716"/>
                </a:lnTo>
                <a:lnTo>
                  <a:pt x="1406652" y="0"/>
                </a:lnTo>
                <a:lnTo>
                  <a:pt x="1420368" y="0"/>
                </a:lnTo>
                <a:lnTo>
                  <a:pt x="1420368" y="13716"/>
                </a:lnTo>
                <a:close/>
              </a:path>
              <a:path w="4904740" h="3823970">
                <a:moveTo>
                  <a:pt x="1447800" y="13716"/>
                </a:moveTo>
                <a:lnTo>
                  <a:pt x="1434083" y="13716"/>
                </a:lnTo>
                <a:lnTo>
                  <a:pt x="1434083" y="0"/>
                </a:lnTo>
                <a:lnTo>
                  <a:pt x="1447800" y="0"/>
                </a:lnTo>
                <a:lnTo>
                  <a:pt x="1447800" y="13716"/>
                </a:lnTo>
                <a:close/>
              </a:path>
              <a:path w="4904740" h="3823970">
                <a:moveTo>
                  <a:pt x="1475232" y="13716"/>
                </a:moveTo>
                <a:lnTo>
                  <a:pt x="1461516" y="13716"/>
                </a:lnTo>
                <a:lnTo>
                  <a:pt x="1461516" y="0"/>
                </a:lnTo>
                <a:lnTo>
                  <a:pt x="1475232" y="0"/>
                </a:lnTo>
                <a:lnTo>
                  <a:pt x="1475232" y="13716"/>
                </a:lnTo>
                <a:close/>
              </a:path>
              <a:path w="4904740" h="3823970">
                <a:moveTo>
                  <a:pt x="1504187" y="13716"/>
                </a:moveTo>
                <a:lnTo>
                  <a:pt x="1490471" y="13716"/>
                </a:lnTo>
                <a:lnTo>
                  <a:pt x="1490471" y="0"/>
                </a:lnTo>
                <a:lnTo>
                  <a:pt x="1504187" y="0"/>
                </a:lnTo>
                <a:lnTo>
                  <a:pt x="1504187" y="13716"/>
                </a:lnTo>
                <a:close/>
              </a:path>
              <a:path w="4904740" h="3823970">
                <a:moveTo>
                  <a:pt x="1531620" y="13716"/>
                </a:moveTo>
                <a:lnTo>
                  <a:pt x="1517904" y="13716"/>
                </a:lnTo>
                <a:lnTo>
                  <a:pt x="1517904" y="0"/>
                </a:lnTo>
                <a:lnTo>
                  <a:pt x="1531620" y="0"/>
                </a:lnTo>
                <a:lnTo>
                  <a:pt x="1531620" y="13716"/>
                </a:lnTo>
                <a:close/>
              </a:path>
              <a:path w="4904740" h="3823970">
                <a:moveTo>
                  <a:pt x="1560575" y="13716"/>
                </a:moveTo>
                <a:lnTo>
                  <a:pt x="1545336" y="13716"/>
                </a:lnTo>
                <a:lnTo>
                  <a:pt x="1545336" y="0"/>
                </a:lnTo>
                <a:lnTo>
                  <a:pt x="1560575" y="0"/>
                </a:lnTo>
                <a:lnTo>
                  <a:pt x="1560575" y="13716"/>
                </a:lnTo>
                <a:close/>
              </a:path>
              <a:path w="4904740" h="3823970">
                <a:moveTo>
                  <a:pt x="1588008" y="13716"/>
                </a:moveTo>
                <a:lnTo>
                  <a:pt x="1574291" y="13716"/>
                </a:lnTo>
                <a:lnTo>
                  <a:pt x="1574291" y="0"/>
                </a:lnTo>
                <a:lnTo>
                  <a:pt x="1588008" y="0"/>
                </a:lnTo>
                <a:lnTo>
                  <a:pt x="1588008" y="13716"/>
                </a:lnTo>
                <a:close/>
              </a:path>
              <a:path w="4904740" h="3823970">
                <a:moveTo>
                  <a:pt x="1615440" y="13716"/>
                </a:moveTo>
                <a:lnTo>
                  <a:pt x="1601724" y="13716"/>
                </a:lnTo>
                <a:lnTo>
                  <a:pt x="1601724" y="0"/>
                </a:lnTo>
                <a:lnTo>
                  <a:pt x="1615440" y="0"/>
                </a:lnTo>
                <a:lnTo>
                  <a:pt x="1615440" y="13716"/>
                </a:lnTo>
                <a:close/>
              </a:path>
              <a:path w="4904740" h="3823970">
                <a:moveTo>
                  <a:pt x="1644396" y="13716"/>
                </a:moveTo>
                <a:lnTo>
                  <a:pt x="1630679" y="13716"/>
                </a:lnTo>
                <a:lnTo>
                  <a:pt x="1630679" y="0"/>
                </a:lnTo>
                <a:lnTo>
                  <a:pt x="1644396" y="0"/>
                </a:lnTo>
                <a:lnTo>
                  <a:pt x="1644396" y="13716"/>
                </a:lnTo>
                <a:close/>
              </a:path>
              <a:path w="4904740" h="3823970">
                <a:moveTo>
                  <a:pt x="1671828" y="13716"/>
                </a:moveTo>
                <a:lnTo>
                  <a:pt x="1658112" y="13716"/>
                </a:lnTo>
                <a:lnTo>
                  <a:pt x="1658112" y="0"/>
                </a:lnTo>
                <a:lnTo>
                  <a:pt x="1671828" y="0"/>
                </a:lnTo>
                <a:lnTo>
                  <a:pt x="1671828" y="13716"/>
                </a:lnTo>
                <a:close/>
              </a:path>
              <a:path w="4904740" h="3823970">
                <a:moveTo>
                  <a:pt x="1699260" y="13716"/>
                </a:moveTo>
                <a:lnTo>
                  <a:pt x="1685544" y="13716"/>
                </a:lnTo>
                <a:lnTo>
                  <a:pt x="1685544" y="0"/>
                </a:lnTo>
                <a:lnTo>
                  <a:pt x="1699260" y="0"/>
                </a:lnTo>
                <a:lnTo>
                  <a:pt x="1699260" y="13716"/>
                </a:lnTo>
                <a:close/>
              </a:path>
              <a:path w="4904740" h="3823970">
                <a:moveTo>
                  <a:pt x="1728216" y="13716"/>
                </a:moveTo>
                <a:lnTo>
                  <a:pt x="1714500" y="13716"/>
                </a:lnTo>
                <a:lnTo>
                  <a:pt x="1714500" y="0"/>
                </a:lnTo>
                <a:lnTo>
                  <a:pt x="1728216" y="0"/>
                </a:lnTo>
                <a:lnTo>
                  <a:pt x="1728216" y="13716"/>
                </a:lnTo>
                <a:close/>
              </a:path>
              <a:path w="4904740" h="3823970">
                <a:moveTo>
                  <a:pt x="1755648" y="13716"/>
                </a:moveTo>
                <a:lnTo>
                  <a:pt x="1741932" y="13716"/>
                </a:lnTo>
                <a:lnTo>
                  <a:pt x="1741932" y="0"/>
                </a:lnTo>
                <a:lnTo>
                  <a:pt x="1755648" y="0"/>
                </a:lnTo>
                <a:lnTo>
                  <a:pt x="1755648" y="13716"/>
                </a:lnTo>
                <a:close/>
              </a:path>
              <a:path w="4904740" h="3823970">
                <a:moveTo>
                  <a:pt x="1784604" y="13716"/>
                </a:moveTo>
                <a:lnTo>
                  <a:pt x="1769364" y="13716"/>
                </a:lnTo>
                <a:lnTo>
                  <a:pt x="1769364" y="0"/>
                </a:lnTo>
                <a:lnTo>
                  <a:pt x="1784604" y="0"/>
                </a:lnTo>
                <a:lnTo>
                  <a:pt x="1784604" y="13716"/>
                </a:lnTo>
                <a:close/>
              </a:path>
              <a:path w="4904740" h="3823970">
                <a:moveTo>
                  <a:pt x="1812036" y="13716"/>
                </a:moveTo>
                <a:lnTo>
                  <a:pt x="1798320" y="13716"/>
                </a:lnTo>
                <a:lnTo>
                  <a:pt x="1798320" y="0"/>
                </a:lnTo>
                <a:lnTo>
                  <a:pt x="1812036" y="0"/>
                </a:lnTo>
                <a:lnTo>
                  <a:pt x="1812036" y="13716"/>
                </a:lnTo>
                <a:close/>
              </a:path>
              <a:path w="4904740" h="3823970">
                <a:moveTo>
                  <a:pt x="1839468" y="13716"/>
                </a:moveTo>
                <a:lnTo>
                  <a:pt x="1825752" y="13716"/>
                </a:lnTo>
                <a:lnTo>
                  <a:pt x="1825752" y="0"/>
                </a:lnTo>
                <a:lnTo>
                  <a:pt x="1839468" y="0"/>
                </a:lnTo>
                <a:lnTo>
                  <a:pt x="1839468" y="13716"/>
                </a:lnTo>
                <a:close/>
              </a:path>
              <a:path w="4904740" h="3823970">
                <a:moveTo>
                  <a:pt x="1868424" y="13716"/>
                </a:moveTo>
                <a:lnTo>
                  <a:pt x="1854708" y="13716"/>
                </a:lnTo>
                <a:lnTo>
                  <a:pt x="1854708" y="0"/>
                </a:lnTo>
                <a:lnTo>
                  <a:pt x="1868424" y="0"/>
                </a:lnTo>
                <a:lnTo>
                  <a:pt x="1868424" y="13716"/>
                </a:lnTo>
                <a:close/>
              </a:path>
              <a:path w="4904740" h="3823970">
                <a:moveTo>
                  <a:pt x="1895856" y="13716"/>
                </a:moveTo>
                <a:lnTo>
                  <a:pt x="1882140" y="13716"/>
                </a:lnTo>
                <a:lnTo>
                  <a:pt x="1882140" y="0"/>
                </a:lnTo>
                <a:lnTo>
                  <a:pt x="1895856" y="0"/>
                </a:lnTo>
                <a:lnTo>
                  <a:pt x="1895856" y="13716"/>
                </a:lnTo>
                <a:close/>
              </a:path>
              <a:path w="4904740" h="3823970">
                <a:moveTo>
                  <a:pt x="1923288" y="13716"/>
                </a:moveTo>
                <a:lnTo>
                  <a:pt x="1909571" y="13716"/>
                </a:lnTo>
                <a:lnTo>
                  <a:pt x="1909571" y="0"/>
                </a:lnTo>
                <a:lnTo>
                  <a:pt x="1923288" y="0"/>
                </a:lnTo>
                <a:lnTo>
                  <a:pt x="1923288" y="13716"/>
                </a:lnTo>
                <a:close/>
              </a:path>
              <a:path w="4904740" h="3823970">
                <a:moveTo>
                  <a:pt x="1952244" y="13716"/>
                </a:moveTo>
                <a:lnTo>
                  <a:pt x="1938528" y="13716"/>
                </a:lnTo>
                <a:lnTo>
                  <a:pt x="1938528" y="0"/>
                </a:lnTo>
                <a:lnTo>
                  <a:pt x="1952244" y="0"/>
                </a:lnTo>
                <a:lnTo>
                  <a:pt x="1952244" y="13716"/>
                </a:lnTo>
                <a:close/>
              </a:path>
              <a:path w="4904740" h="3823970">
                <a:moveTo>
                  <a:pt x="1979675" y="13716"/>
                </a:moveTo>
                <a:lnTo>
                  <a:pt x="1965960" y="13716"/>
                </a:lnTo>
                <a:lnTo>
                  <a:pt x="1965960" y="0"/>
                </a:lnTo>
                <a:lnTo>
                  <a:pt x="1979675" y="0"/>
                </a:lnTo>
                <a:lnTo>
                  <a:pt x="1979675" y="13716"/>
                </a:lnTo>
                <a:close/>
              </a:path>
              <a:path w="4904740" h="3823970">
                <a:moveTo>
                  <a:pt x="2008631" y="13716"/>
                </a:moveTo>
                <a:lnTo>
                  <a:pt x="1993392" y="13716"/>
                </a:lnTo>
                <a:lnTo>
                  <a:pt x="1993392" y="0"/>
                </a:lnTo>
                <a:lnTo>
                  <a:pt x="2008631" y="0"/>
                </a:lnTo>
                <a:lnTo>
                  <a:pt x="2008631" y="13716"/>
                </a:lnTo>
                <a:close/>
              </a:path>
              <a:path w="4904740" h="3823970">
                <a:moveTo>
                  <a:pt x="2036063" y="13716"/>
                </a:moveTo>
                <a:lnTo>
                  <a:pt x="2022347" y="13716"/>
                </a:lnTo>
                <a:lnTo>
                  <a:pt x="2022347" y="0"/>
                </a:lnTo>
                <a:lnTo>
                  <a:pt x="2036063" y="0"/>
                </a:lnTo>
                <a:lnTo>
                  <a:pt x="2036063" y="13716"/>
                </a:lnTo>
                <a:close/>
              </a:path>
              <a:path w="4904740" h="3823970">
                <a:moveTo>
                  <a:pt x="2063496" y="13716"/>
                </a:moveTo>
                <a:lnTo>
                  <a:pt x="2049779" y="13716"/>
                </a:lnTo>
                <a:lnTo>
                  <a:pt x="2049779" y="0"/>
                </a:lnTo>
                <a:lnTo>
                  <a:pt x="2063496" y="0"/>
                </a:lnTo>
                <a:lnTo>
                  <a:pt x="2063496" y="13716"/>
                </a:lnTo>
                <a:close/>
              </a:path>
              <a:path w="4904740" h="3823970">
                <a:moveTo>
                  <a:pt x="2092452" y="13716"/>
                </a:moveTo>
                <a:lnTo>
                  <a:pt x="2078736" y="13716"/>
                </a:lnTo>
                <a:lnTo>
                  <a:pt x="2078736" y="0"/>
                </a:lnTo>
                <a:lnTo>
                  <a:pt x="2092452" y="0"/>
                </a:lnTo>
                <a:lnTo>
                  <a:pt x="2092452" y="13716"/>
                </a:lnTo>
                <a:close/>
              </a:path>
              <a:path w="4904740" h="3823970">
                <a:moveTo>
                  <a:pt x="2119884" y="13716"/>
                </a:moveTo>
                <a:lnTo>
                  <a:pt x="2106168" y="13716"/>
                </a:lnTo>
                <a:lnTo>
                  <a:pt x="2106168" y="0"/>
                </a:lnTo>
                <a:lnTo>
                  <a:pt x="2119884" y="0"/>
                </a:lnTo>
                <a:lnTo>
                  <a:pt x="2119884" y="13716"/>
                </a:lnTo>
                <a:close/>
              </a:path>
              <a:path w="4904740" h="3823970">
                <a:moveTo>
                  <a:pt x="2147316" y="13716"/>
                </a:moveTo>
                <a:lnTo>
                  <a:pt x="2133600" y="13716"/>
                </a:lnTo>
                <a:lnTo>
                  <a:pt x="2133600" y="0"/>
                </a:lnTo>
                <a:lnTo>
                  <a:pt x="2147316" y="0"/>
                </a:lnTo>
                <a:lnTo>
                  <a:pt x="2147316" y="13716"/>
                </a:lnTo>
                <a:close/>
              </a:path>
              <a:path w="4904740" h="3823970">
                <a:moveTo>
                  <a:pt x="2176271" y="13716"/>
                </a:moveTo>
                <a:lnTo>
                  <a:pt x="2162555" y="13716"/>
                </a:lnTo>
                <a:lnTo>
                  <a:pt x="2162555" y="0"/>
                </a:lnTo>
                <a:lnTo>
                  <a:pt x="2176271" y="0"/>
                </a:lnTo>
                <a:lnTo>
                  <a:pt x="2176271" y="13716"/>
                </a:lnTo>
                <a:close/>
              </a:path>
              <a:path w="4904740" h="3823970">
                <a:moveTo>
                  <a:pt x="2203704" y="13716"/>
                </a:moveTo>
                <a:lnTo>
                  <a:pt x="2189988" y="13716"/>
                </a:lnTo>
                <a:lnTo>
                  <a:pt x="2189988" y="0"/>
                </a:lnTo>
                <a:lnTo>
                  <a:pt x="2203704" y="0"/>
                </a:lnTo>
                <a:lnTo>
                  <a:pt x="2203704" y="13716"/>
                </a:lnTo>
                <a:close/>
              </a:path>
              <a:path w="4904740" h="3823970">
                <a:moveTo>
                  <a:pt x="2232660" y="13716"/>
                </a:moveTo>
                <a:lnTo>
                  <a:pt x="2217420" y="13716"/>
                </a:lnTo>
                <a:lnTo>
                  <a:pt x="2217420" y="0"/>
                </a:lnTo>
                <a:lnTo>
                  <a:pt x="2232660" y="0"/>
                </a:lnTo>
                <a:lnTo>
                  <a:pt x="2232660" y="13716"/>
                </a:lnTo>
                <a:close/>
              </a:path>
              <a:path w="4904740" h="3823970">
                <a:moveTo>
                  <a:pt x="2260092" y="13716"/>
                </a:moveTo>
                <a:lnTo>
                  <a:pt x="2246376" y="13716"/>
                </a:lnTo>
                <a:lnTo>
                  <a:pt x="2246376" y="0"/>
                </a:lnTo>
                <a:lnTo>
                  <a:pt x="2260092" y="0"/>
                </a:lnTo>
                <a:lnTo>
                  <a:pt x="2260092" y="13716"/>
                </a:lnTo>
                <a:close/>
              </a:path>
              <a:path w="4904740" h="3823970">
                <a:moveTo>
                  <a:pt x="2287523" y="13716"/>
                </a:moveTo>
                <a:lnTo>
                  <a:pt x="2273808" y="13716"/>
                </a:lnTo>
                <a:lnTo>
                  <a:pt x="2273808" y="0"/>
                </a:lnTo>
                <a:lnTo>
                  <a:pt x="2287523" y="0"/>
                </a:lnTo>
                <a:lnTo>
                  <a:pt x="2287523" y="13716"/>
                </a:lnTo>
                <a:close/>
              </a:path>
              <a:path w="4904740" h="3823970">
                <a:moveTo>
                  <a:pt x="2316480" y="13716"/>
                </a:moveTo>
                <a:lnTo>
                  <a:pt x="2302763" y="13716"/>
                </a:lnTo>
                <a:lnTo>
                  <a:pt x="2302763" y="0"/>
                </a:lnTo>
                <a:lnTo>
                  <a:pt x="2316480" y="0"/>
                </a:lnTo>
                <a:lnTo>
                  <a:pt x="2316480" y="13716"/>
                </a:lnTo>
                <a:close/>
              </a:path>
              <a:path w="4904740" h="3823970">
                <a:moveTo>
                  <a:pt x="2343912" y="13716"/>
                </a:moveTo>
                <a:lnTo>
                  <a:pt x="2330196" y="13716"/>
                </a:lnTo>
                <a:lnTo>
                  <a:pt x="2330196" y="0"/>
                </a:lnTo>
                <a:lnTo>
                  <a:pt x="2343912" y="0"/>
                </a:lnTo>
                <a:lnTo>
                  <a:pt x="2343912" y="13716"/>
                </a:lnTo>
                <a:close/>
              </a:path>
              <a:path w="4904740" h="3823970">
                <a:moveTo>
                  <a:pt x="2371344" y="13716"/>
                </a:moveTo>
                <a:lnTo>
                  <a:pt x="2357628" y="13716"/>
                </a:lnTo>
                <a:lnTo>
                  <a:pt x="2357628" y="0"/>
                </a:lnTo>
                <a:lnTo>
                  <a:pt x="2371344" y="0"/>
                </a:lnTo>
                <a:lnTo>
                  <a:pt x="2371344" y="13716"/>
                </a:lnTo>
                <a:close/>
              </a:path>
              <a:path w="4904740" h="3823970">
                <a:moveTo>
                  <a:pt x="2400300" y="13716"/>
                </a:moveTo>
                <a:lnTo>
                  <a:pt x="2386584" y="13716"/>
                </a:lnTo>
                <a:lnTo>
                  <a:pt x="2386584" y="0"/>
                </a:lnTo>
                <a:lnTo>
                  <a:pt x="2400300" y="0"/>
                </a:lnTo>
                <a:lnTo>
                  <a:pt x="2400300" y="13716"/>
                </a:lnTo>
                <a:close/>
              </a:path>
              <a:path w="4904740" h="3823970">
                <a:moveTo>
                  <a:pt x="2427731" y="13716"/>
                </a:moveTo>
                <a:lnTo>
                  <a:pt x="2414016" y="13716"/>
                </a:lnTo>
                <a:lnTo>
                  <a:pt x="2414016" y="0"/>
                </a:lnTo>
                <a:lnTo>
                  <a:pt x="2427731" y="0"/>
                </a:lnTo>
                <a:lnTo>
                  <a:pt x="2427731" y="13716"/>
                </a:lnTo>
                <a:close/>
              </a:path>
              <a:path w="4904740" h="3823970">
                <a:moveTo>
                  <a:pt x="2456688" y="13716"/>
                </a:moveTo>
                <a:lnTo>
                  <a:pt x="2441447" y="13716"/>
                </a:lnTo>
                <a:lnTo>
                  <a:pt x="2441447" y="0"/>
                </a:lnTo>
                <a:lnTo>
                  <a:pt x="2456688" y="0"/>
                </a:lnTo>
                <a:lnTo>
                  <a:pt x="2456688" y="13716"/>
                </a:lnTo>
                <a:close/>
              </a:path>
              <a:path w="4904740" h="3823970">
                <a:moveTo>
                  <a:pt x="2484120" y="13716"/>
                </a:moveTo>
                <a:lnTo>
                  <a:pt x="2470404" y="13716"/>
                </a:lnTo>
                <a:lnTo>
                  <a:pt x="2470404" y="0"/>
                </a:lnTo>
                <a:lnTo>
                  <a:pt x="2484120" y="0"/>
                </a:lnTo>
                <a:lnTo>
                  <a:pt x="2484120" y="13716"/>
                </a:lnTo>
                <a:close/>
              </a:path>
              <a:path w="4904740" h="3823970">
                <a:moveTo>
                  <a:pt x="2511552" y="13716"/>
                </a:moveTo>
                <a:lnTo>
                  <a:pt x="2497836" y="13716"/>
                </a:lnTo>
                <a:lnTo>
                  <a:pt x="2497836" y="0"/>
                </a:lnTo>
                <a:lnTo>
                  <a:pt x="2511552" y="0"/>
                </a:lnTo>
                <a:lnTo>
                  <a:pt x="2511552" y="13716"/>
                </a:lnTo>
                <a:close/>
              </a:path>
              <a:path w="4904740" h="3823970">
                <a:moveTo>
                  <a:pt x="2540508" y="13716"/>
                </a:moveTo>
                <a:lnTo>
                  <a:pt x="2526792" y="13716"/>
                </a:lnTo>
                <a:lnTo>
                  <a:pt x="2526792" y="0"/>
                </a:lnTo>
                <a:lnTo>
                  <a:pt x="2540508" y="0"/>
                </a:lnTo>
                <a:lnTo>
                  <a:pt x="2540508" y="13716"/>
                </a:lnTo>
                <a:close/>
              </a:path>
              <a:path w="4904740" h="3823970">
                <a:moveTo>
                  <a:pt x="2567939" y="13716"/>
                </a:moveTo>
                <a:lnTo>
                  <a:pt x="2554223" y="13716"/>
                </a:lnTo>
                <a:lnTo>
                  <a:pt x="2554223" y="0"/>
                </a:lnTo>
                <a:lnTo>
                  <a:pt x="2567939" y="0"/>
                </a:lnTo>
                <a:lnTo>
                  <a:pt x="2567939" y="13716"/>
                </a:lnTo>
                <a:close/>
              </a:path>
              <a:path w="4904740" h="3823970">
                <a:moveTo>
                  <a:pt x="2595372" y="13716"/>
                </a:moveTo>
                <a:lnTo>
                  <a:pt x="2581655" y="13716"/>
                </a:lnTo>
                <a:lnTo>
                  <a:pt x="2581655" y="0"/>
                </a:lnTo>
                <a:lnTo>
                  <a:pt x="2595372" y="0"/>
                </a:lnTo>
                <a:lnTo>
                  <a:pt x="2595372" y="13716"/>
                </a:lnTo>
                <a:close/>
              </a:path>
              <a:path w="4904740" h="3823970">
                <a:moveTo>
                  <a:pt x="2624328" y="13716"/>
                </a:moveTo>
                <a:lnTo>
                  <a:pt x="2610612" y="13716"/>
                </a:lnTo>
                <a:lnTo>
                  <a:pt x="2610612" y="0"/>
                </a:lnTo>
                <a:lnTo>
                  <a:pt x="2624328" y="0"/>
                </a:lnTo>
                <a:lnTo>
                  <a:pt x="2624328" y="13716"/>
                </a:lnTo>
                <a:close/>
              </a:path>
              <a:path w="4904740" h="3823970">
                <a:moveTo>
                  <a:pt x="2651760" y="13716"/>
                </a:moveTo>
                <a:lnTo>
                  <a:pt x="2638044" y="13716"/>
                </a:lnTo>
                <a:lnTo>
                  <a:pt x="2638044" y="0"/>
                </a:lnTo>
                <a:lnTo>
                  <a:pt x="2651760" y="0"/>
                </a:lnTo>
                <a:lnTo>
                  <a:pt x="2651760" y="13716"/>
                </a:lnTo>
                <a:close/>
              </a:path>
              <a:path w="4904740" h="3823970">
                <a:moveTo>
                  <a:pt x="2680716" y="13716"/>
                </a:moveTo>
                <a:lnTo>
                  <a:pt x="2665476" y="13716"/>
                </a:lnTo>
                <a:lnTo>
                  <a:pt x="2665476" y="0"/>
                </a:lnTo>
                <a:lnTo>
                  <a:pt x="2680716" y="0"/>
                </a:lnTo>
                <a:lnTo>
                  <a:pt x="2680716" y="13716"/>
                </a:lnTo>
                <a:close/>
              </a:path>
              <a:path w="4904740" h="3823970">
                <a:moveTo>
                  <a:pt x="2708147" y="13716"/>
                </a:moveTo>
                <a:lnTo>
                  <a:pt x="2694431" y="13716"/>
                </a:lnTo>
                <a:lnTo>
                  <a:pt x="2694431" y="0"/>
                </a:lnTo>
                <a:lnTo>
                  <a:pt x="2708147" y="0"/>
                </a:lnTo>
                <a:lnTo>
                  <a:pt x="2708147" y="13716"/>
                </a:lnTo>
                <a:close/>
              </a:path>
              <a:path w="4904740" h="3823970">
                <a:moveTo>
                  <a:pt x="2735580" y="13716"/>
                </a:moveTo>
                <a:lnTo>
                  <a:pt x="2721863" y="13716"/>
                </a:lnTo>
                <a:lnTo>
                  <a:pt x="2721863" y="0"/>
                </a:lnTo>
                <a:lnTo>
                  <a:pt x="2735580" y="0"/>
                </a:lnTo>
                <a:lnTo>
                  <a:pt x="2735580" y="13716"/>
                </a:lnTo>
                <a:close/>
              </a:path>
              <a:path w="4904740" h="3823970">
                <a:moveTo>
                  <a:pt x="2764536" y="13716"/>
                </a:moveTo>
                <a:lnTo>
                  <a:pt x="2750820" y="13716"/>
                </a:lnTo>
                <a:lnTo>
                  <a:pt x="2750820" y="0"/>
                </a:lnTo>
                <a:lnTo>
                  <a:pt x="2764536" y="0"/>
                </a:lnTo>
                <a:lnTo>
                  <a:pt x="2764536" y="13716"/>
                </a:lnTo>
                <a:close/>
              </a:path>
              <a:path w="4904740" h="3823970">
                <a:moveTo>
                  <a:pt x="2791968" y="13716"/>
                </a:moveTo>
                <a:lnTo>
                  <a:pt x="2778252" y="13716"/>
                </a:lnTo>
                <a:lnTo>
                  <a:pt x="2778252" y="0"/>
                </a:lnTo>
                <a:lnTo>
                  <a:pt x="2791968" y="0"/>
                </a:lnTo>
                <a:lnTo>
                  <a:pt x="2791968" y="13716"/>
                </a:lnTo>
                <a:close/>
              </a:path>
              <a:path w="4904740" h="3823970">
                <a:moveTo>
                  <a:pt x="2819400" y="13716"/>
                </a:moveTo>
                <a:lnTo>
                  <a:pt x="2805684" y="13716"/>
                </a:lnTo>
                <a:lnTo>
                  <a:pt x="2805684" y="0"/>
                </a:lnTo>
                <a:lnTo>
                  <a:pt x="2819400" y="0"/>
                </a:lnTo>
                <a:lnTo>
                  <a:pt x="2819400" y="13716"/>
                </a:lnTo>
                <a:close/>
              </a:path>
              <a:path w="4904740" h="3823970">
                <a:moveTo>
                  <a:pt x="2848355" y="13716"/>
                </a:moveTo>
                <a:lnTo>
                  <a:pt x="2834639" y="13716"/>
                </a:lnTo>
                <a:lnTo>
                  <a:pt x="2834639" y="0"/>
                </a:lnTo>
                <a:lnTo>
                  <a:pt x="2848355" y="0"/>
                </a:lnTo>
                <a:lnTo>
                  <a:pt x="2848355" y="13716"/>
                </a:lnTo>
                <a:close/>
              </a:path>
              <a:path w="4904740" h="3823970">
                <a:moveTo>
                  <a:pt x="2875788" y="13716"/>
                </a:moveTo>
                <a:lnTo>
                  <a:pt x="2862072" y="13716"/>
                </a:lnTo>
                <a:lnTo>
                  <a:pt x="2862072" y="0"/>
                </a:lnTo>
                <a:lnTo>
                  <a:pt x="2875788" y="0"/>
                </a:lnTo>
                <a:lnTo>
                  <a:pt x="2875788" y="13716"/>
                </a:lnTo>
                <a:close/>
              </a:path>
              <a:path w="4904740" h="3823970">
                <a:moveTo>
                  <a:pt x="2904744" y="13716"/>
                </a:moveTo>
                <a:lnTo>
                  <a:pt x="2889504" y="13716"/>
                </a:lnTo>
                <a:lnTo>
                  <a:pt x="2889504" y="0"/>
                </a:lnTo>
                <a:lnTo>
                  <a:pt x="2904744" y="0"/>
                </a:lnTo>
                <a:lnTo>
                  <a:pt x="2904744" y="13716"/>
                </a:lnTo>
                <a:close/>
              </a:path>
              <a:path w="4904740" h="3823970">
                <a:moveTo>
                  <a:pt x="2932176" y="13716"/>
                </a:moveTo>
                <a:lnTo>
                  <a:pt x="2918460" y="13716"/>
                </a:lnTo>
                <a:lnTo>
                  <a:pt x="2918460" y="0"/>
                </a:lnTo>
                <a:lnTo>
                  <a:pt x="2932176" y="0"/>
                </a:lnTo>
                <a:lnTo>
                  <a:pt x="2932176" y="13716"/>
                </a:lnTo>
                <a:close/>
              </a:path>
              <a:path w="4904740" h="3823970">
                <a:moveTo>
                  <a:pt x="2959608" y="13716"/>
                </a:moveTo>
                <a:lnTo>
                  <a:pt x="2945892" y="13716"/>
                </a:lnTo>
                <a:lnTo>
                  <a:pt x="2945892" y="0"/>
                </a:lnTo>
                <a:lnTo>
                  <a:pt x="2959608" y="0"/>
                </a:lnTo>
                <a:lnTo>
                  <a:pt x="2959608" y="13716"/>
                </a:lnTo>
                <a:close/>
              </a:path>
              <a:path w="4904740" h="3823970">
                <a:moveTo>
                  <a:pt x="2988563" y="13716"/>
                </a:moveTo>
                <a:lnTo>
                  <a:pt x="2974847" y="13716"/>
                </a:lnTo>
                <a:lnTo>
                  <a:pt x="2974847" y="0"/>
                </a:lnTo>
                <a:lnTo>
                  <a:pt x="2988563" y="0"/>
                </a:lnTo>
                <a:lnTo>
                  <a:pt x="2988563" y="13716"/>
                </a:lnTo>
                <a:close/>
              </a:path>
              <a:path w="4904740" h="3823970">
                <a:moveTo>
                  <a:pt x="3015996" y="13716"/>
                </a:moveTo>
                <a:lnTo>
                  <a:pt x="3002280" y="13716"/>
                </a:lnTo>
                <a:lnTo>
                  <a:pt x="3002280" y="0"/>
                </a:lnTo>
                <a:lnTo>
                  <a:pt x="3015996" y="0"/>
                </a:lnTo>
                <a:lnTo>
                  <a:pt x="3015996" y="13716"/>
                </a:lnTo>
                <a:close/>
              </a:path>
              <a:path w="4904740" h="3823970">
                <a:moveTo>
                  <a:pt x="3043428" y="13716"/>
                </a:moveTo>
                <a:lnTo>
                  <a:pt x="3029712" y="13716"/>
                </a:lnTo>
                <a:lnTo>
                  <a:pt x="3029712" y="0"/>
                </a:lnTo>
                <a:lnTo>
                  <a:pt x="3043428" y="0"/>
                </a:lnTo>
                <a:lnTo>
                  <a:pt x="3043428" y="13716"/>
                </a:lnTo>
                <a:close/>
              </a:path>
              <a:path w="4904740" h="3823970">
                <a:moveTo>
                  <a:pt x="3072384" y="13716"/>
                </a:moveTo>
                <a:lnTo>
                  <a:pt x="3058668" y="13716"/>
                </a:lnTo>
                <a:lnTo>
                  <a:pt x="3058668" y="0"/>
                </a:lnTo>
                <a:lnTo>
                  <a:pt x="3072384" y="0"/>
                </a:lnTo>
                <a:lnTo>
                  <a:pt x="3072384" y="13716"/>
                </a:lnTo>
                <a:close/>
              </a:path>
              <a:path w="4904740" h="3823970">
                <a:moveTo>
                  <a:pt x="3099816" y="13716"/>
                </a:moveTo>
                <a:lnTo>
                  <a:pt x="3086100" y="13716"/>
                </a:lnTo>
                <a:lnTo>
                  <a:pt x="3086100" y="0"/>
                </a:lnTo>
                <a:lnTo>
                  <a:pt x="3099816" y="0"/>
                </a:lnTo>
                <a:lnTo>
                  <a:pt x="3099816" y="13716"/>
                </a:lnTo>
                <a:close/>
              </a:path>
              <a:path w="4904740" h="3823970">
                <a:moveTo>
                  <a:pt x="3128772" y="13716"/>
                </a:moveTo>
                <a:lnTo>
                  <a:pt x="3113531" y="13716"/>
                </a:lnTo>
                <a:lnTo>
                  <a:pt x="3113531" y="0"/>
                </a:lnTo>
                <a:lnTo>
                  <a:pt x="3128772" y="0"/>
                </a:lnTo>
                <a:lnTo>
                  <a:pt x="3128772" y="13716"/>
                </a:lnTo>
                <a:close/>
              </a:path>
              <a:path w="4904740" h="3823970">
                <a:moveTo>
                  <a:pt x="3156204" y="13716"/>
                </a:moveTo>
                <a:lnTo>
                  <a:pt x="3142488" y="13716"/>
                </a:lnTo>
                <a:lnTo>
                  <a:pt x="3142488" y="0"/>
                </a:lnTo>
                <a:lnTo>
                  <a:pt x="3156204" y="0"/>
                </a:lnTo>
                <a:lnTo>
                  <a:pt x="3156204" y="13716"/>
                </a:lnTo>
                <a:close/>
              </a:path>
              <a:path w="4904740" h="3823970">
                <a:moveTo>
                  <a:pt x="3183636" y="13716"/>
                </a:moveTo>
                <a:lnTo>
                  <a:pt x="3169920" y="13716"/>
                </a:lnTo>
                <a:lnTo>
                  <a:pt x="3169920" y="0"/>
                </a:lnTo>
                <a:lnTo>
                  <a:pt x="3183636" y="0"/>
                </a:lnTo>
                <a:lnTo>
                  <a:pt x="3183636" y="13716"/>
                </a:lnTo>
                <a:close/>
              </a:path>
              <a:path w="4904740" h="3823970">
                <a:moveTo>
                  <a:pt x="3212592" y="13716"/>
                </a:moveTo>
                <a:lnTo>
                  <a:pt x="3198876" y="13716"/>
                </a:lnTo>
                <a:lnTo>
                  <a:pt x="3198876" y="0"/>
                </a:lnTo>
                <a:lnTo>
                  <a:pt x="3212592" y="0"/>
                </a:lnTo>
                <a:lnTo>
                  <a:pt x="3212592" y="13716"/>
                </a:lnTo>
                <a:close/>
              </a:path>
              <a:path w="4904740" h="3823970">
                <a:moveTo>
                  <a:pt x="3240023" y="13716"/>
                </a:moveTo>
                <a:lnTo>
                  <a:pt x="3226308" y="13716"/>
                </a:lnTo>
                <a:lnTo>
                  <a:pt x="3226308" y="0"/>
                </a:lnTo>
                <a:lnTo>
                  <a:pt x="3240023" y="0"/>
                </a:lnTo>
                <a:lnTo>
                  <a:pt x="3240023" y="13716"/>
                </a:lnTo>
                <a:close/>
              </a:path>
              <a:path w="4904740" h="3823970">
                <a:moveTo>
                  <a:pt x="3267455" y="13716"/>
                </a:moveTo>
                <a:lnTo>
                  <a:pt x="3253739" y="13716"/>
                </a:lnTo>
                <a:lnTo>
                  <a:pt x="3253739" y="0"/>
                </a:lnTo>
                <a:lnTo>
                  <a:pt x="3267455" y="0"/>
                </a:lnTo>
                <a:lnTo>
                  <a:pt x="3267455" y="13716"/>
                </a:lnTo>
                <a:close/>
              </a:path>
              <a:path w="4904740" h="3823970">
                <a:moveTo>
                  <a:pt x="3296412" y="13716"/>
                </a:moveTo>
                <a:lnTo>
                  <a:pt x="3282696" y="13716"/>
                </a:lnTo>
                <a:lnTo>
                  <a:pt x="3282696" y="0"/>
                </a:lnTo>
                <a:lnTo>
                  <a:pt x="3296412" y="0"/>
                </a:lnTo>
                <a:lnTo>
                  <a:pt x="3296412" y="13716"/>
                </a:lnTo>
                <a:close/>
              </a:path>
              <a:path w="4904740" h="3823970">
                <a:moveTo>
                  <a:pt x="3323844" y="13716"/>
                </a:moveTo>
                <a:lnTo>
                  <a:pt x="3310128" y="13716"/>
                </a:lnTo>
                <a:lnTo>
                  <a:pt x="3310128" y="0"/>
                </a:lnTo>
                <a:lnTo>
                  <a:pt x="3323844" y="0"/>
                </a:lnTo>
                <a:lnTo>
                  <a:pt x="3323844" y="13716"/>
                </a:lnTo>
                <a:close/>
              </a:path>
              <a:path w="4904740" h="3823970">
                <a:moveTo>
                  <a:pt x="3352800" y="13716"/>
                </a:moveTo>
                <a:lnTo>
                  <a:pt x="3337560" y="13716"/>
                </a:lnTo>
                <a:lnTo>
                  <a:pt x="3337560" y="0"/>
                </a:lnTo>
                <a:lnTo>
                  <a:pt x="3352800" y="0"/>
                </a:lnTo>
                <a:lnTo>
                  <a:pt x="3352800" y="13716"/>
                </a:lnTo>
                <a:close/>
              </a:path>
              <a:path w="4904740" h="3823970">
                <a:moveTo>
                  <a:pt x="3380231" y="13716"/>
                </a:moveTo>
                <a:lnTo>
                  <a:pt x="3366516" y="13716"/>
                </a:lnTo>
                <a:lnTo>
                  <a:pt x="3366516" y="0"/>
                </a:lnTo>
                <a:lnTo>
                  <a:pt x="3380231" y="0"/>
                </a:lnTo>
                <a:lnTo>
                  <a:pt x="3380231" y="13716"/>
                </a:lnTo>
                <a:close/>
              </a:path>
              <a:path w="4904740" h="3823970">
                <a:moveTo>
                  <a:pt x="3407664" y="13716"/>
                </a:moveTo>
                <a:lnTo>
                  <a:pt x="3393947" y="13716"/>
                </a:lnTo>
                <a:lnTo>
                  <a:pt x="3393947" y="0"/>
                </a:lnTo>
                <a:lnTo>
                  <a:pt x="3407664" y="0"/>
                </a:lnTo>
                <a:lnTo>
                  <a:pt x="3407664" y="13716"/>
                </a:lnTo>
                <a:close/>
              </a:path>
              <a:path w="4904740" h="3823970">
                <a:moveTo>
                  <a:pt x="3436620" y="13716"/>
                </a:moveTo>
                <a:lnTo>
                  <a:pt x="3422904" y="13716"/>
                </a:lnTo>
                <a:lnTo>
                  <a:pt x="3422904" y="0"/>
                </a:lnTo>
                <a:lnTo>
                  <a:pt x="3436620" y="0"/>
                </a:lnTo>
                <a:lnTo>
                  <a:pt x="3436620" y="13716"/>
                </a:lnTo>
                <a:close/>
              </a:path>
              <a:path w="4904740" h="3823970">
                <a:moveTo>
                  <a:pt x="3464052" y="13716"/>
                </a:moveTo>
                <a:lnTo>
                  <a:pt x="3450336" y="13716"/>
                </a:lnTo>
                <a:lnTo>
                  <a:pt x="3450336" y="0"/>
                </a:lnTo>
                <a:lnTo>
                  <a:pt x="3464052" y="0"/>
                </a:lnTo>
                <a:lnTo>
                  <a:pt x="3464052" y="13716"/>
                </a:lnTo>
                <a:close/>
              </a:path>
              <a:path w="4904740" h="3823970">
                <a:moveTo>
                  <a:pt x="3493008" y="13716"/>
                </a:moveTo>
                <a:lnTo>
                  <a:pt x="3477768" y="13716"/>
                </a:lnTo>
                <a:lnTo>
                  <a:pt x="3477768" y="0"/>
                </a:lnTo>
                <a:lnTo>
                  <a:pt x="3493008" y="0"/>
                </a:lnTo>
                <a:lnTo>
                  <a:pt x="3493008" y="13716"/>
                </a:lnTo>
                <a:close/>
              </a:path>
              <a:path w="4904740" h="3823970">
                <a:moveTo>
                  <a:pt x="3520439" y="13716"/>
                </a:moveTo>
                <a:lnTo>
                  <a:pt x="3506723" y="13716"/>
                </a:lnTo>
                <a:lnTo>
                  <a:pt x="3506723" y="0"/>
                </a:lnTo>
                <a:lnTo>
                  <a:pt x="3520439" y="0"/>
                </a:lnTo>
                <a:lnTo>
                  <a:pt x="3520439" y="13716"/>
                </a:lnTo>
                <a:close/>
              </a:path>
              <a:path w="4904740" h="3823970">
                <a:moveTo>
                  <a:pt x="3547872" y="13716"/>
                </a:moveTo>
                <a:lnTo>
                  <a:pt x="3534156" y="13716"/>
                </a:lnTo>
                <a:lnTo>
                  <a:pt x="3534156" y="0"/>
                </a:lnTo>
                <a:lnTo>
                  <a:pt x="3547872" y="0"/>
                </a:lnTo>
                <a:lnTo>
                  <a:pt x="3547872" y="13716"/>
                </a:lnTo>
                <a:close/>
              </a:path>
              <a:path w="4904740" h="3823970">
                <a:moveTo>
                  <a:pt x="3576828" y="13716"/>
                </a:moveTo>
                <a:lnTo>
                  <a:pt x="3561588" y="13716"/>
                </a:lnTo>
                <a:lnTo>
                  <a:pt x="3561588" y="0"/>
                </a:lnTo>
                <a:lnTo>
                  <a:pt x="3576828" y="0"/>
                </a:lnTo>
                <a:lnTo>
                  <a:pt x="3576828" y="13716"/>
                </a:lnTo>
                <a:close/>
              </a:path>
              <a:path w="4904740" h="3823970">
                <a:moveTo>
                  <a:pt x="3604260" y="13716"/>
                </a:moveTo>
                <a:lnTo>
                  <a:pt x="3590544" y="13716"/>
                </a:lnTo>
                <a:lnTo>
                  <a:pt x="3590544" y="0"/>
                </a:lnTo>
                <a:lnTo>
                  <a:pt x="3604260" y="0"/>
                </a:lnTo>
                <a:lnTo>
                  <a:pt x="3604260" y="13716"/>
                </a:lnTo>
                <a:close/>
              </a:path>
              <a:path w="4904740" h="3823970">
                <a:moveTo>
                  <a:pt x="3631692" y="13716"/>
                </a:moveTo>
                <a:lnTo>
                  <a:pt x="3617976" y="13716"/>
                </a:lnTo>
                <a:lnTo>
                  <a:pt x="3617976" y="0"/>
                </a:lnTo>
                <a:lnTo>
                  <a:pt x="3631692" y="0"/>
                </a:lnTo>
                <a:lnTo>
                  <a:pt x="3631692" y="13716"/>
                </a:lnTo>
                <a:close/>
              </a:path>
              <a:path w="4904740" h="3823970">
                <a:moveTo>
                  <a:pt x="3660647" y="13716"/>
                </a:moveTo>
                <a:lnTo>
                  <a:pt x="3646931" y="13716"/>
                </a:lnTo>
                <a:lnTo>
                  <a:pt x="3646931" y="0"/>
                </a:lnTo>
                <a:lnTo>
                  <a:pt x="3660647" y="0"/>
                </a:lnTo>
                <a:lnTo>
                  <a:pt x="3660647" y="13716"/>
                </a:lnTo>
                <a:close/>
              </a:path>
              <a:path w="4904740" h="3823970">
                <a:moveTo>
                  <a:pt x="3688080" y="13716"/>
                </a:moveTo>
                <a:lnTo>
                  <a:pt x="3674364" y="13716"/>
                </a:lnTo>
                <a:lnTo>
                  <a:pt x="3674364" y="0"/>
                </a:lnTo>
                <a:lnTo>
                  <a:pt x="3688080" y="0"/>
                </a:lnTo>
                <a:lnTo>
                  <a:pt x="3688080" y="13716"/>
                </a:lnTo>
                <a:close/>
              </a:path>
              <a:path w="4904740" h="3823970">
                <a:moveTo>
                  <a:pt x="3717036" y="13716"/>
                </a:moveTo>
                <a:lnTo>
                  <a:pt x="3701796" y="13716"/>
                </a:lnTo>
                <a:lnTo>
                  <a:pt x="3701796" y="0"/>
                </a:lnTo>
                <a:lnTo>
                  <a:pt x="3717036" y="0"/>
                </a:lnTo>
                <a:lnTo>
                  <a:pt x="3717036" y="13716"/>
                </a:lnTo>
                <a:close/>
              </a:path>
              <a:path w="4904740" h="3823970">
                <a:moveTo>
                  <a:pt x="3744468" y="13716"/>
                </a:moveTo>
                <a:lnTo>
                  <a:pt x="3730752" y="13716"/>
                </a:lnTo>
                <a:lnTo>
                  <a:pt x="3730752" y="0"/>
                </a:lnTo>
                <a:lnTo>
                  <a:pt x="3744468" y="0"/>
                </a:lnTo>
                <a:lnTo>
                  <a:pt x="3744468" y="13716"/>
                </a:lnTo>
                <a:close/>
              </a:path>
              <a:path w="4904740" h="3823970">
                <a:moveTo>
                  <a:pt x="3771900" y="13716"/>
                </a:moveTo>
                <a:lnTo>
                  <a:pt x="3758184" y="13716"/>
                </a:lnTo>
                <a:lnTo>
                  <a:pt x="3758184" y="0"/>
                </a:lnTo>
                <a:lnTo>
                  <a:pt x="3771900" y="0"/>
                </a:lnTo>
                <a:lnTo>
                  <a:pt x="3771900" y="13716"/>
                </a:lnTo>
                <a:close/>
              </a:path>
              <a:path w="4904740" h="3823970">
                <a:moveTo>
                  <a:pt x="3800856" y="13716"/>
                </a:moveTo>
                <a:lnTo>
                  <a:pt x="3785616" y="13716"/>
                </a:lnTo>
                <a:lnTo>
                  <a:pt x="3785616" y="0"/>
                </a:lnTo>
                <a:lnTo>
                  <a:pt x="3800856" y="0"/>
                </a:lnTo>
                <a:lnTo>
                  <a:pt x="3800856" y="13716"/>
                </a:lnTo>
                <a:close/>
              </a:path>
              <a:path w="4904740" h="3823970">
                <a:moveTo>
                  <a:pt x="3828288" y="13716"/>
                </a:moveTo>
                <a:lnTo>
                  <a:pt x="3814572" y="13716"/>
                </a:lnTo>
                <a:lnTo>
                  <a:pt x="3814572" y="0"/>
                </a:lnTo>
                <a:lnTo>
                  <a:pt x="3828288" y="0"/>
                </a:lnTo>
                <a:lnTo>
                  <a:pt x="3828288" y="13716"/>
                </a:lnTo>
                <a:close/>
              </a:path>
              <a:path w="4904740" h="3823970">
                <a:moveTo>
                  <a:pt x="3855720" y="13716"/>
                </a:moveTo>
                <a:lnTo>
                  <a:pt x="3842004" y="13716"/>
                </a:lnTo>
                <a:lnTo>
                  <a:pt x="3842004" y="0"/>
                </a:lnTo>
                <a:lnTo>
                  <a:pt x="3855720" y="0"/>
                </a:lnTo>
                <a:lnTo>
                  <a:pt x="3855720" y="13716"/>
                </a:lnTo>
                <a:close/>
              </a:path>
              <a:path w="4904740" h="3823970">
                <a:moveTo>
                  <a:pt x="3884676" y="13716"/>
                </a:moveTo>
                <a:lnTo>
                  <a:pt x="3870960" y="13716"/>
                </a:lnTo>
                <a:lnTo>
                  <a:pt x="3870960" y="0"/>
                </a:lnTo>
                <a:lnTo>
                  <a:pt x="3884676" y="0"/>
                </a:lnTo>
                <a:lnTo>
                  <a:pt x="3884676" y="13716"/>
                </a:lnTo>
                <a:close/>
              </a:path>
              <a:path w="4904740" h="3823970">
                <a:moveTo>
                  <a:pt x="3912108" y="13716"/>
                </a:moveTo>
                <a:lnTo>
                  <a:pt x="3898392" y="13716"/>
                </a:lnTo>
                <a:lnTo>
                  <a:pt x="3898392" y="0"/>
                </a:lnTo>
                <a:lnTo>
                  <a:pt x="3912108" y="0"/>
                </a:lnTo>
                <a:lnTo>
                  <a:pt x="3912108" y="13716"/>
                </a:lnTo>
                <a:close/>
              </a:path>
              <a:path w="4904740" h="3823970">
                <a:moveTo>
                  <a:pt x="3941064" y="13716"/>
                </a:moveTo>
                <a:lnTo>
                  <a:pt x="3925823" y="13716"/>
                </a:lnTo>
                <a:lnTo>
                  <a:pt x="3925823" y="0"/>
                </a:lnTo>
                <a:lnTo>
                  <a:pt x="3941064" y="0"/>
                </a:lnTo>
                <a:lnTo>
                  <a:pt x="3941064" y="13716"/>
                </a:lnTo>
                <a:close/>
              </a:path>
              <a:path w="4904740" h="3823970">
                <a:moveTo>
                  <a:pt x="3968496" y="13716"/>
                </a:moveTo>
                <a:lnTo>
                  <a:pt x="3954780" y="13716"/>
                </a:lnTo>
                <a:lnTo>
                  <a:pt x="3954780" y="0"/>
                </a:lnTo>
                <a:lnTo>
                  <a:pt x="3968496" y="0"/>
                </a:lnTo>
                <a:lnTo>
                  <a:pt x="3968496" y="13716"/>
                </a:lnTo>
                <a:close/>
              </a:path>
              <a:path w="4904740" h="3823970">
                <a:moveTo>
                  <a:pt x="3995928" y="13716"/>
                </a:moveTo>
                <a:lnTo>
                  <a:pt x="3982212" y="13716"/>
                </a:lnTo>
                <a:lnTo>
                  <a:pt x="3982212" y="0"/>
                </a:lnTo>
                <a:lnTo>
                  <a:pt x="3995928" y="0"/>
                </a:lnTo>
                <a:lnTo>
                  <a:pt x="3995928" y="13716"/>
                </a:lnTo>
                <a:close/>
              </a:path>
              <a:path w="4904740" h="3823970">
                <a:moveTo>
                  <a:pt x="4024884" y="13716"/>
                </a:moveTo>
                <a:lnTo>
                  <a:pt x="4009644" y="13716"/>
                </a:lnTo>
                <a:lnTo>
                  <a:pt x="4009644" y="0"/>
                </a:lnTo>
                <a:lnTo>
                  <a:pt x="4024884" y="0"/>
                </a:lnTo>
                <a:lnTo>
                  <a:pt x="4024884" y="13716"/>
                </a:lnTo>
                <a:close/>
              </a:path>
              <a:path w="4904740" h="3823970">
                <a:moveTo>
                  <a:pt x="4052316" y="13716"/>
                </a:moveTo>
                <a:lnTo>
                  <a:pt x="4038600" y="13716"/>
                </a:lnTo>
                <a:lnTo>
                  <a:pt x="4038600" y="0"/>
                </a:lnTo>
                <a:lnTo>
                  <a:pt x="4052316" y="0"/>
                </a:lnTo>
                <a:lnTo>
                  <a:pt x="4052316" y="13716"/>
                </a:lnTo>
                <a:close/>
              </a:path>
              <a:path w="4904740" h="3823970">
                <a:moveTo>
                  <a:pt x="4079748" y="13716"/>
                </a:moveTo>
                <a:lnTo>
                  <a:pt x="4066031" y="13716"/>
                </a:lnTo>
                <a:lnTo>
                  <a:pt x="4066031" y="0"/>
                </a:lnTo>
                <a:lnTo>
                  <a:pt x="4079748" y="0"/>
                </a:lnTo>
                <a:lnTo>
                  <a:pt x="4079748" y="13716"/>
                </a:lnTo>
                <a:close/>
              </a:path>
              <a:path w="4904740" h="3823970">
                <a:moveTo>
                  <a:pt x="4108704" y="13716"/>
                </a:moveTo>
                <a:lnTo>
                  <a:pt x="4094988" y="13716"/>
                </a:lnTo>
                <a:lnTo>
                  <a:pt x="4094988" y="0"/>
                </a:lnTo>
                <a:lnTo>
                  <a:pt x="4108704" y="0"/>
                </a:lnTo>
                <a:lnTo>
                  <a:pt x="4108704" y="13716"/>
                </a:lnTo>
                <a:close/>
              </a:path>
              <a:path w="4904740" h="3823970">
                <a:moveTo>
                  <a:pt x="4136136" y="13716"/>
                </a:moveTo>
                <a:lnTo>
                  <a:pt x="4122420" y="13716"/>
                </a:lnTo>
                <a:lnTo>
                  <a:pt x="4122420" y="0"/>
                </a:lnTo>
                <a:lnTo>
                  <a:pt x="4136136" y="0"/>
                </a:lnTo>
                <a:lnTo>
                  <a:pt x="4136136" y="13716"/>
                </a:lnTo>
                <a:close/>
              </a:path>
              <a:path w="4904740" h="3823970">
                <a:moveTo>
                  <a:pt x="4165092" y="13716"/>
                </a:moveTo>
                <a:lnTo>
                  <a:pt x="4149852" y="13716"/>
                </a:lnTo>
                <a:lnTo>
                  <a:pt x="4149852" y="0"/>
                </a:lnTo>
                <a:lnTo>
                  <a:pt x="4165092" y="0"/>
                </a:lnTo>
                <a:lnTo>
                  <a:pt x="4165092" y="13716"/>
                </a:lnTo>
                <a:close/>
              </a:path>
              <a:path w="4904740" h="3823970">
                <a:moveTo>
                  <a:pt x="4192523" y="13716"/>
                </a:moveTo>
                <a:lnTo>
                  <a:pt x="4178808" y="13716"/>
                </a:lnTo>
                <a:lnTo>
                  <a:pt x="4178808" y="0"/>
                </a:lnTo>
                <a:lnTo>
                  <a:pt x="4192523" y="0"/>
                </a:lnTo>
                <a:lnTo>
                  <a:pt x="4192523" y="13716"/>
                </a:lnTo>
                <a:close/>
              </a:path>
              <a:path w="4904740" h="3823970">
                <a:moveTo>
                  <a:pt x="4219956" y="13716"/>
                </a:moveTo>
                <a:lnTo>
                  <a:pt x="4206240" y="13716"/>
                </a:lnTo>
                <a:lnTo>
                  <a:pt x="4206240" y="0"/>
                </a:lnTo>
                <a:lnTo>
                  <a:pt x="4219956" y="0"/>
                </a:lnTo>
                <a:lnTo>
                  <a:pt x="4219956" y="13716"/>
                </a:lnTo>
                <a:close/>
              </a:path>
              <a:path w="4904740" h="3823970">
                <a:moveTo>
                  <a:pt x="4248912" y="13716"/>
                </a:moveTo>
                <a:lnTo>
                  <a:pt x="4233672" y="13716"/>
                </a:lnTo>
                <a:lnTo>
                  <a:pt x="4233672" y="0"/>
                </a:lnTo>
                <a:lnTo>
                  <a:pt x="4248912" y="0"/>
                </a:lnTo>
                <a:lnTo>
                  <a:pt x="4248912" y="13716"/>
                </a:lnTo>
                <a:close/>
              </a:path>
              <a:path w="4904740" h="3823970">
                <a:moveTo>
                  <a:pt x="4276344" y="13716"/>
                </a:moveTo>
                <a:lnTo>
                  <a:pt x="4262628" y="13716"/>
                </a:lnTo>
                <a:lnTo>
                  <a:pt x="4262628" y="0"/>
                </a:lnTo>
                <a:lnTo>
                  <a:pt x="4276344" y="0"/>
                </a:lnTo>
                <a:lnTo>
                  <a:pt x="4276344" y="13716"/>
                </a:lnTo>
                <a:close/>
              </a:path>
              <a:path w="4904740" h="3823970">
                <a:moveTo>
                  <a:pt x="4303776" y="13716"/>
                </a:moveTo>
                <a:lnTo>
                  <a:pt x="4290060" y="13716"/>
                </a:lnTo>
                <a:lnTo>
                  <a:pt x="4290060" y="0"/>
                </a:lnTo>
                <a:lnTo>
                  <a:pt x="4303776" y="0"/>
                </a:lnTo>
                <a:lnTo>
                  <a:pt x="4303776" y="13716"/>
                </a:lnTo>
                <a:close/>
              </a:path>
              <a:path w="4904740" h="3823970">
                <a:moveTo>
                  <a:pt x="4332731" y="13716"/>
                </a:moveTo>
                <a:lnTo>
                  <a:pt x="4319016" y="13716"/>
                </a:lnTo>
                <a:lnTo>
                  <a:pt x="4319016" y="0"/>
                </a:lnTo>
                <a:lnTo>
                  <a:pt x="4332731" y="0"/>
                </a:lnTo>
                <a:lnTo>
                  <a:pt x="4332731" y="13716"/>
                </a:lnTo>
                <a:close/>
              </a:path>
              <a:path w="4904740" h="3823970">
                <a:moveTo>
                  <a:pt x="4360164" y="13716"/>
                </a:moveTo>
                <a:lnTo>
                  <a:pt x="4346448" y="13716"/>
                </a:lnTo>
                <a:lnTo>
                  <a:pt x="4346448" y="0"/>
                </a:lnTo>
                <a:lnTo>
                  <a:pt x="4360164" y="0"/>
                </a:lnTo>
                <a:lnTo>
                  <a:pt x="4360164" y="13716"/>
                </a:lnTo>
                <a:close/>
              </a:path>
              <a:path w="4904740" h="3823970">
                <a:moveTo>
                  <a:pt x="4389120" y="13716"/>
                </a:moveTo>
                <a:lnTo>
                  <a:pt x="4373880" y="13716"/>
                </a:lnTo>
                <a:lnTo>
                  <a:pt x="4373880" y="0"/>
                </a:lnTo>
                <a:lnTo>
                  <a:pt x="4389120" y="0"/>
                </a:lnTo>
                <a:lnTo>
                  <a:pt x="4389120" y="13716"/>
                </a:lnTo>
                <a:close/>
              </a:path>
              <a:path w="4904740" h="3823970">
                <a:moveTo>
                  <a:pt x="4416552" y="13716"/>
                </a:moveTo>
                <a:lnTo>
                  <a:pt x="4402836" y="13716"/>
                </a:lnTo>
                <a:lnTo>
                  <a:pt x="4402836" y="0"/>
                </a:lnTo>
                <a:lnTo>
                  <a:pt x="4416552" y="0"/>
                </a:lnTo>
                <a:lnTo>
                  <a:pt x="4416552" y="13716"/>
                </a:lnTo>
                <a:close/>
              </a:path>
              <a:path w="4904740" h="3823970">
                <a:moveTo>
                  <a:pt x="4443984" y="13716"/>
                </a:moveTo>
                <a:lnTo>
                  <a:pt x="4430268" y="13716"/>
                </a:lnTo>
                <a:lnTo>
                  <a:pt x="4430268" y="0"/>
                </a:lnTo>
                <a:lnTo>
                  <a:pt x="4443984" y="0"/>
                </a:lnTo>
                <a:lnTo>
                  <a:pt x="4443984" y="13716"/>
                </a:lnTo>
                <a:close/>
              </a:path>
              <a:path w="4904740" h="3823970">
                <a:moveTo>
                  <a:pt x="4472940" y="13716"/>
                </a:moveTo>
                <a:lnTo>
                  <a:pt x="4457700" y="13716"/>
                </a:lnTo>
                <a:lnTo>
                  <a:pt x="4457700" y="0"/>
                </a:lnTo>
                <a:lnTo>
                  <a:pt x="4472940" y="0"/>
                </a:lnTo>
                <a:lnTo>
                  <a:pt x="4472940" y="13716"/>
                </a:lnTo>
                <a:close/>
              </a:path>
              <a:path w="4904740" h="3823970">
                <a:moveTo>
                  <a:pt x="4500372" y="13716"/>
                </a:moveTo>
                <a:lnTo>
                  <a:pt x="4486656" y="13716"/>
                </a:lnTo>
                <a:lnTo>
                  <a:pt x="4486656" y="0"/>
                </a:lnTo>
                <a:lnTo>
                  <a:pt x="4500372" y="0"/>
                </a:lnTo>
                <a:lnTo>
                  <a:pt x="4500372" y="13716"/>
                </a:lnTo>
                <a:close/>
              </a:path>
              <a:path w="4904740" h="3823970">
                <a:moveTo>
                  <a:pt x="4527804" y="13716"/>
                </a:moveTo>
                <a:lnTo>
                  <a:pt x="4514088" y="13716"/>
                </a:lnTo>
                <a:lnTo>
                  <a:pt x="4514088" y="0"/>
                </a:lnTo>
                <a:lnTo>
                  <a:pt x="4527804" y="0"/>
                </a:lnTo>
                <a:lnTo>
                  <a:pt x="4527804" y="13716"/>
                </a:lnTo>
                <a:close/>
              </a:path>
              <a:path w="4904740" h="3823970">
                <a:moveTo>
                  <a:pt x="4556759" y="13716"/>
                </a:moveTo>
                <a:lnTo>
                  <a:pt x="4543043" y="13716"/>
                </a:lnTo>
                <a:lnTo>
                  <a:pt x="4543043" y="0"/>
                </a:lnTo>
                <a:lnTo>
                  <a:pt x="4556759" y="0"/>
                </a:lnTo>
                <a:lnTo>
                  <a:pt x="4556759" y="13716"/>
                </a:lnTo>
                <a:close/>
              </a:path>
              <a:path w="4904740" h="3823970">
                <a:moveTo>
                  <a:pt x="4584191" y="13716"/>
                </a:moveTo>
                <a:lnTo>
                  <a:pt x="4570475" y="13716"/>
                </a:lnTo>
                <a:lnTo>
                  <a:pt x="4570475" y="0"/>
                </a:lnTo>
                <a:lnTo>
                  <a:pt x="4584191" y="0"/>
                </a:lnTo>
                <a:lnTo>
                  <a:pt x="4584191" y="13716"/>
                </a:lnTo>
                <a:close/>
              </a:path>
              <a:path w="4904740" h="3823970">
                <a:moveTo>
                  <a:pt x="4613148" y="13716"/>
                </a:moveTo>
                <a:lnTo>
                  <a:pt x="4597907" y="13716"/>
                </a:lnTo>
                <a:lnTo>
                  <a:pt x="4597907" y="0"/>
                </a:lnTo>
                <a:lnTo>
                  <a:pt x="4613148" y="0"/>
                </a:lnTo>
                <a:lnTo>
                  <a:pt x="4613148" y="13716"/>
                </a:lnTo>
                <a:close/>
              </a:path>
              <a:path w="4904740" h="3823970">
                <a:moveTo>
                  <a:pt x="4640580" y="13716"/>
                </a:moveTo>
                <a:lnTo>
                  <a:pt x="4626864" y="13716"/>
                </a:lnTo>
                <a:lnTo>
                  <a:pt x="4626864" y="0"/>
                </a:lnTo>
                <a:lnTo>
                  <a:pt x="4640580" y="0"/>
                </a:lnTo>
                <a:lnTo>
                  <a:pt x="4640580" y="13716"/>
                </a:lnTo>
                <a:close/>
              </a:path>
              <a:path w="4904740" h="3823970">
                <a:moveTo>
                  <a:pt x="4668012" y="13716"/>
                </a:moveTo>
                <a:lnTo>
                  <a:pt x="4654296" y="13716"/>
                </a:lnTo>
                <a:lnTo>
                  <a:pt x="4654296" y="0"/>
                </a:lnTo>
                <a:lnTo>
                  <a:pt x="4668012" y="0"/>
                </a:lnTo>
                <a:lnTo>
                  <a:pt x="4668012" y="13716"/>
                </a:lnTo>
                <a:close/>
              </a:path>
              <a:path w="4904740" h="3823970">
                <a:moveTo>
                  <a:pt x="4696968" y="13716"/>
                </a:moveTo>
                <a:lnTo>
                  <a:pt x="4681727" y="13716"/>
                </a:lnTo>
                <a:lnTo>
                  <a:pt x="4681727" y="0"/>
                </a:lnTo>
                <a:lnTo>
                  <a:pt x="4696968" y="0"/>
                </a:lnTo>
                <a:lnTo>
                  <a:pt x="4696968" y="13716"/>
                </a:lnTo>
                <a:close/>
              </a:path>
              <a:path w="4904740" h="3823970">
                <a:moveTo>
                  <a:pt x="4724400" y="13716"/>
                </a:moveTo>
                <a:lnTo>
                  <a:pt x="4710684" y="13716"/>
                </a:lnTo>
                <a:lnTo>
                  <a:pt x="4710684" y="0"/>
                </a:lnTo>
                <a:lnTo>
                  <a:pt x="4724400" y="0"/>
                </a:lnTo>
                <a:lnTo>
                  <a:pt x="4724400" y="13716"/>
                </a:lnTo>
                <a:close/>
              </a:path>
              <a:path w="4904740" h="3823970">
                <a:moveTo>
                  <a:pt x="4751832" y="13716"/>
                </a:moveTo>
                <a:lnTo>
                  <a:pt x="4738116" y="13716"/>
                </a:lnTo>
                <a:lnTo>
                  <a:pt x="4738116" y="0"/>
                </a:lnTo>
                <a:lnTo>
                  <a:pt x="4751832" y="0"/>
                </a:lnTo>
                <a:lnTo>
                  <a:pt x="4751832" y="13716"/>
                </a:lnTo>
                <a:close/>
              </a:path>
              <a:path w="4904740" h="3823970">
                <a:moveTo>
                  <a:pt x="4780788" y="13716"/>
                </a:moveTo>
                <a:lnTo>
                  <a:pt x="4767072" y="13716"/>
                </a:lnTo>
                <a:lnTo>
                  <a:pt x="4767072" y="0"/>
                </a:lnTo>
                <a:lnTo>
                  <a:pt x="4780788" y="0"/>
                </a:lnTo>
                <a:lnTo>
                  <a:pt x="4780788" y="13716"/>
                </a:lnTo>
                <a:close/>
              </a:path>
              <a:path w="4904740" h="3823970">
                <a:moveTo>
                  <a:pt x="4808220" y="13716"/>
                </a:moveTo>
                <a:lnTo>
                  <a:pt x="4794504" y="13716"/>
                </a:lnTo>
                <a:lnTo>
                  <a:pt x="4794504" y="0"/>
                </a:lnTo>
                <a:lnTo>
                  <a:pt x="4808220" y="0"/>
                </a:lnTo>
                <a:lnTo>
                  <a:pt x="4808220" y="13716"/>
                </a:lnTo>
                <a:close/>
              </a:path>
              <a:path w="4904740" h="3823970">
                <a:moveTo>
                  <a:pt x="4837175" y="13716"/>
                </a:moveTo>
                <a:lnTo>
                  <a:pt x="4821936" y="13716"/>
                </a:lnTo>
                <a:lnTo>
                  <a:pt x="4821936" y="0"/>
                </a:lnTo>
                <a:lnTo>
                  <a:pt x="4837175" y="0"/>
                </a:lnTo>
                <a:lnTo>
                  <a:pt x="4837175" y="13716"/>
                </a:lnTo>
                <a:close/>
              </a:path>
              <a:path w="4904740" h="3823970">
                <a:moveTo>
                  <a:pt x="4864607" y="13716"/>
                </a:moveTo>
                <a:lnTo>
                  <a:pt x="4850891" y="13716"/>
                </a:lnTo>
                <a:lnTo>
                  <a:pt x="4850891" y="0"/>
                </a:lnTo>
                <a:lnTo>
                  <a:pt x="4864607" y="0"/>
                </a:lnTo>
                <a:lnTo>
                  <a:pt x="4864607" y="13716"/>
                </a:lnTo>
                <a:close/>
              </a:path>
              <a:path w="4904740" h="3823970">
                <a:moveTo>
                  <a:pt x="4892040" y="13716"/>
                </a:moveTo>
                <a:lnTo>
                  <a:pt x="4878323" y="13716"/>
                </a:lnTo>
                <a:lnTo>
                  <a:pt x="4878323" y="0"/>
                </a:lnTo>
                <a:lnTo>
                  <a:pt x="4892040" y="0"/>
                </a:lnTo>
                <a:lnTo>
                  <a:pt x="4892040" y="13716"/>
                </a:lnTo>
                <a:close/>
              </a:path>
              <a:path w="4904740" h="3823970">
                <a:moveTo>
                  <a:pt x="4904232" y="30480"/>
                </a:moveTo>
                <a:lnTo>
                  <a:pt x="4890516" y="30480"/>
                </a:lnTo>
                <a:lnTo>
                  <a:pt x="4890516" y="16764"/>
                </a:lnTo>
                <a:lnTo>
                  <a:pt x="4904232" y="16764"/>
                </a:lnTo>
                <a:lnTo>
                  <a:pt x="4904232" y="30480"/>
                </a:lnTo>
                <a:close/>
              </a:path>
              <a:path w="4904740" h="3823970">
                <a:moveTo>
                  <a:pt x="4904232" y="57912"/>
                </a:moveTo>
                <a:lnTo>
                  <a:pt x="4890516" y="57912"/>
                </a:lnTo>
                <a:lnTo>
                  <a:pt x="4890516" y="44196"/>
                </a:lnTo>
                <a:lnTo>
                  <a:pt x="4904232" y="44196"/>
                </a:lnTo>
                <a:lnTo>
                  <a:pt x="4904232" y="57912"/>
                </a:lnTo>
                <a:close/>
              </a:path>
              <a:path w="4904740" h="3823970">
                <a:moveTo>
                  <a:pt x="4904232" y="86867"/>
                </a:moveTo>
                <a:lnTo>
                  <a:pt x="4890516" y="86867"/>
                </a:lnTo>
                <a:lnTo>
                  <a:pt x="4890516" y="73152"/>
                </a:lnTo>
                <a:lnTo>
                  <a:pt x="4904232" y="73152"/>
                </a:lnTo>
                <a:lnTo>
                  <a:pt x="4904232" y="86867"/>
                </a:lnTo>
                <a:close/>
              </a:path>
              <a:path w="4904740" h="3823970">
                <a:moveTo>
                  <a:pt x="4904232" y="114300"/>
                </a:moveTo>
                <a:lnTo>
                  <a:pt x="4890516" y="114300"/>
                </a:lnTo>
                <a:lnTo>
                  <a:pt x="4890516" y="100583"/>
                </a:lnTo>
                <a:lnTo>
                  <a:pt x="4904232" y="100583"/>
                </a:lnTo>
                <a:lnTo>
                  <a:pt x="4904232" y="114300"/>
                </a:lnTo>
                <a:close/>
              </a:path>
              <a:path w="4904740" h="3823970">
                <a:moveTo>
                  <a:pt x="4904232" y="143256"/>
                </a:moveTo>
                <a:lnTo>
                  <a:pt x="4890516" y="143256"/>
                </a:lnTo>
                <a:lnTo>
                  <a:pt x="4890516" y="128016"/>
                </a:lnTo>
                <a:lnTo>
                  <a:pt x="4904232" y="128016"/>
                </a:lnTo>
                <a:lnTo>
                  <a:pt x="4904232" y="143256"/>
                </a:lnTo>
                <a:close/>
              </a:path>
              <a:path w="4904740" h="3823970">
                <a:moveTo>
                  <a:pt x="4904232" y="170688"/>
                </a:moveTo>
                <a:lnTo>
                  <a:pt x="4890516" y="170688"/>
                </a:lnTo>
                <a:lnTo>
                  <a:pt x="4890516" y="156972"/>
                </a:lnTo>
                <a:lnTo>
                  <a:pt x="4904232" y="156972"/>
                </a:lnTo>
                <a:lnTo>
                  <a:pt x="4904232" y="170688"/>
                </a:lnTo>
                <a:close/>
              </a:path>
              <a:path w="4904740" h="3823970">
                <a:moveTo>
                  <a:pt x="4904232" y="198120"/>
                </a:moveTo>
                <a:lnTo>
                  <a:pt x="4890516" y="198120"/>
                </a:lnTo>
                <a:lnTo>
                  <a:pt x="4890516" y="184404"/>
                </a:lnTo>
                <a:lnTo>
                  <a:pt x="4904232" y="184404"/>
                </a:lnTo>
                <a:lnTo>
                  <a:pt x="4904232" y="198120"/>
                </a:lnTo>
                <a:close/>
              </a:path>
              <a:path w="4904740" h="3823970">
                <a:moveTo>
                  <a:pt x="4904232" y="227075"/>
                </a:moveTo>
                <a:lnTo>
                  <a:pt x="4890516" y="227075"/>
                </a:lnTo>
                <a:lnTo>
                  <a:pt x="4890516" y="211836"/>
                </a:lnTo>
                <a:lnTo>
                  <a:pt x="4904232" y="211836"/>
                </a:lnTo>
                <a:lnTo>
                  <a:pt x="4904232" y="227075"/>
                </a:lnTo>
                <a:close/>
              </a:path>
              <a:path w="4904740" h="3823970">
                <a:moveTo>
                  <a:pt x="4904232" y="254508"/>
                </a:moveTo>
                <a:lnTo>
                  <a:pt x="4890516" y="254508"/>
                </a:lnTo>
                <a:lnTo>
                  <a:pt x="4890516" y="240791"/>
                </a:lnTo>
                <a:lnTo>
                  <a:pt x="4904232" y="240791"/>
                </a:lnTo>
                <a:lnTo>
                  <a:pt x="4904232" y="254508"/>
                </a:lnTo>
                <a:close/>
              </a:path>
              <a:path w="4904740" h="3823970">
                <a:moveTo>
                  <a:pt x="4904232" y="281940"/>
                </a:moveTo>
                <a:lnTo>
                  <a:pt x="4890516" y="281940"/>
                </a:lnTo>
                <a:lnTo>
                  <a:pt x="4890516" y="268224"/>
                </a:lnTo>
                <a:lnTo>
                  <a:pt x="4904232" y="268224"/>
                </a:lnTo>
                <a:lnTo>
                  <a:pt x="4904232" y="281940"/>
                </a:lnTo>
                <a:close/>
              </a:path>
              <a:path w="4904740" h="3823970">
                <a:moveTo>
                  <a:pt x="4904232" y="310896"/>
                </a:moveTo>
                <a:lnTo>
                  <a:pt x="4890516" y="310896"/>
                </a:lnTo>
                <a:lnTo>
                  <a:pt x="4890516" y="297180"/>
                </a:lnTo>
                <a:lnTo>
                  <a:pt x="4904232" y="297180"/>
                </a:lnTo>
                <a:lnTo>
                  <a:pt x="4904232" y="310896"/>
                </a:lnTo>
                <a:close/>
              </a:path>
              <a:path w="4904740" h="3823970">
                <a:moveTo>
                  <a:pt x="4904232" y="338328"/>
                </a:moveTo>
                <a:lnTo>
                  <a:pt x="4890516" y="338328"/>
                </a:lnTo>
                <a:lnTo>
                  <a:pt x="4890516" y="324612"/>
                </a:lnTo>
                <a:lnTo>
                  <a:pt x="4904232" y="324612"/>
                </a:lnTo>
                <a:lnTo>
                  <a:pt x="4904232" y="338328"/>
                </a:lnTo>
                <a:close/>
              </a:path>
              <a:path w="4904740" h="3823970">
                <a:moveTo>
                  <a:pt x="4904232" y="367283"/>
                </a:moveTo>
                <a:lnTo>
                  <a:pt x="4890516" y="367283"/>
                </a:lnTo>
                <a:lnTo>
                  <a:pt x="4890516" y="352044"/>
                </a:lnTo>
                <a:lnTo>
                  <a:pt x="4904232" y="352044"/>
                </a:lnTo>
                <a:lnTo>
                  <a:pt x="4904232" y="367283"/>
                </a:lnTo>
                <a:close/>
              </a:path>
              <a:path w="4904740" h="3823970">
                <a:moveTo>
                  <a:pt x="4904232" y="394716"/>
                </a:moveTo>
                <a:lnTo>
                  <a:pt x="4890516" y="394716"/>
                </a:lnTo>
                <a:lnTo>
                  <a:pt x="4890516" y="381000"/>
                </a:lnTo>
                <a:lnTo>
                  <a:pt x="4904232" y="381000"/>
                </a:lnTo>
                <a:lnTo>
                  <a:pt x="4904232" y="394716"/>
                </a:lnTo>
                <a:close/>
              </a:path>
              <a:path w="4904740" h="3823970">
                <a:moveTo>
                  <a:pt x="4904232" y="422148"/>
                </a:moveTo>
                <a:lnTo>
                  <a:pt x="4890516" y="422148"/>
                </a:lnTo>
                <a:lnTo>
                  <a:pt x="4890516" y="408432"/>
                </a:lnTo>
                <a:lnTo>
                  <a:pt x="4904232" y="408432"/>
                </a:lnTo>
                <a:lnTo>
                  <a:pt x="4904232" y="422148"/>
                </a:lnTo>
                <a:close/>
              </a:path>
              <a:path w="4904740" h="3823970">
                <a:moveTo>
                  <a:pt x="4904232" y="451104"/>
                </a:moveTo>
                <a:lnTo>
                  <a:pt x="4890516" y="451104"/>
                </a:lnTo>
                <a:lnTo>
                  <a:pt x="4890516" y="435864"/>
                </a:lnTo>
                <a:lnTo>
                  <a:pt x="4904232" y="435864"/>
                </a:lnTo>
                <a:lnTo>
                  <a:pt x="4904232" y="451104"/>
                </a:lnTo>
                <a:close/>
              </a:path>
              <a:path w="4904740" h="3823970">
                <a:moveTo>
                  <a:pt x="4904232" y="478536"/>
                </a:moveTo>
                <a:lnTo>
                  <a:pt x="4890516" y="478536"/>
                </a:lnTo>
                <a:lnTo>
                  <a:pt x="4890516" y="464820"/>
                </a:lnTo>
                <a:lnTo>
                  <a:pt x="4904232" y="464820"/>
                </a:lnTo>
                <a:lnTo>
                  <a:pt x="4904232" y="478536"/>
                </a:lnTo>
                <a:close/>
              </a:path>
              <a:path w="4904740" h="3823970">
                <a:moveTo>
                  <a:pt x="4904232" y="505967"/>
                </a:moveTo>
                <a:lnTo>
                  <a:pt x="4890516" y="505967"/>
                </a:lnTo>
                <a:lnTo>
                  <a:pt x="4890516" y="492252"/>
                </a:lnTo>
                <a:lnTo>
                  <a:pt x="4904232" y="492252"/>
                </a:lnTo>
                <a:lnTo>
                  <a:pt x="4904232" y="505967"/>
                </a:lnTo>
                <a:close/>
              </a:path>
              <a:path w="4904740" h="3823970">
                <a:moveTo>
                  <a:pt x="4904232" y="534924"/>
                </a:moveTo>
                <a:lnTo>
                  <a:pt x="4890516" y="534924"/>
                </a:lnTo>
                <a:lnTo>
                  <a:pt x="4890516" y="521208"/>
                </a:lnTo>
                <a:lnTo>
                  <a:pt x="4904232" y="521208"/>
                </a:lnTo>
                <a:lnTo>
                  <a:pt x="4904232" y="534924"/>
                </a:lnTo>
                <a:close/>
              </a:path>
              <a:path w="4904740" h="3823970">
                <a:moveTo>
                  <a:pt x="4904232" y="562356"/>
                </a:moveTo>
                <a:lnTo>
                  <a:pt x="4890516" y="562356"/>
                </a:lnTo>
                <a:lnTo>
                  <a:pt x="4890516" y="548640"/>
                </a:lnTo>
                <a:lnTo>
                  <a:pt x="4904232" y="548640"/>
                </a:lnTo>
                <a:lnTo>
                  <a:pt x="4904232" y="562356"/>
                </a:lnTo>
                <a:close/>
              </a:path>
              <a:path w="4904740" h="3823970">
                <a:moveTo>
                  <a:pt x="4904232" y="591312"/>
                </a:moveTo>
                <a:lnTo>
                  <a:pt x="4890516" y="591312"/>
                </a:lnTo>
                <a:lnTo>
                  <a:pt x="4890516" y="576072"/>
                </a:lnTo>
                <a:lnTo>
                  <a:pt x="4904232" y="576072"/>
                </a:lnTo>
                <a:lnTo>
                  <a:pt x="4904232" y="591312"/>
                </a:lnTo>
                <a:close/>
              </a:path>
              <a:path w="4904740" h="3823970">
                <a:moveTo>
                  <a:pt x="4904232" y="618744"/>
                </a:moveTo>
                <a:lnTo>
                  <a:pt x="4890516" y="618744"/>
                </a:lnTo>
                <a:lnTo>
                  <a:pt x="4890516" y="605028"/>
                </a:lnTo>
                <a:lnTo>
                  <a:pt x="4904232" y="605028"/>
                </a:lnTo>
                <a:lnTo>
                  <a:pt x="4904232" y="618744"/>
                </a:lnTo>
                <a:close/>
              </a:path>
              <a:path w="4904740" h="3823970">
                <a:moveTo>
                  <a:pt x="4904232" y="646175"/>
                </a:moveTo>
                <a:lnTo>
                  <a:pt x="4890516" y="646175"/>
                </a:lnTo>
                <a:lnTo>
                  <a:pt x="4890516" y="632460"/>
                </a:lnTo>
                <a:lnTo>
                  <a:pt x="4904232" y="632460"/>
                </a:lnTo>
                <a:lnTo>
                  <a:pt x="4904232" y="646175"/>
                </a:lnTo>
                <a:close/>
              </a:path>
              <a:path w="4904740" h="3823970">
                <a:moveTo>
                  <a:pt x="4904232" y="675132"/>
                </a:moveTo>
                <a:lnTo>
                  <a:pt x="4890516" y="675132"/>
                </a:lnTo>
                <a:lnTo>
                  <a:pt x="4890516" y="659892"/>
                </a:lnTo>
                <a:lnTo>
                  <a:pt x="4904232" y="659892"/>
                </a:lnTo>
                <a:lnTo>
                  <a:pt x="4904232" y="675132"/>
                </a:lnTo>
                <a:close/>
              </a:path>
              <a:path w="4904740" h="3823970">
                <a:moveTo>
                  <a:pt x="4904232" y="702564"/>
                </a:moveTo>
                <a:lnTo>
                  <a:pt x="4890516" y="702564"/>
                </a:lnTo>
                <a:lnTo>
                  <a:pt x="4890516" y="688848"/>
                </a:lnTo>
                <a:lnTo>
                  <a:pt x="4904232" y="688848"/>
                </a:lnTo>
                <a:lnTo>
                  <a:pt x="4904232" y="702564"/>
                </a:lnTo>
                <a:close/>
              </a:path>
              <a:path w="4904740" h="3823970">
                <a:moveTo>
                  <a:pt x="4904232" y="729996"/>
                </a:moveTo>
                <a:lnTo>
                  <a:pt x="4890516" y="729996"/>
                </a:lnTo>
                <a:lnTo>
                  <a:pt x="4890516" y="716280"/>
                </a:lnTo>
                <a:lnTo>
                  <a:pt x="4904232" y="716280"/>
                </a:lnTo>
                <a:lnTo>
                  <a:pt x="4904232" y="729996"/>
                </a:lnTo>
                <a:close/>
              </a:path>
              <a:path w="4904740" h="3823970">
                <a:moveTo>
                  <a:pt x="4904232" y="758952"/>
                </a:moveTo>
                <a:lnTo>
                  <a:pt x="4890516" y="758952"/>
                </a:lnTo>
                <a:lnTo>
                  <a:pt x="4890516" y="745236"/>
                </a:lnTo>
                <a:lnTo>
                  <a:pt x="4904232" y="745236"/>
                </a:lnTo>
                <a:lnTo>
                  <a:pt x="4904232" y="758952"/>
                </a:lnTo>
                <a:close/>
              </a:path>
              <a:path w="4904740" h="3823970">
                <a:moveTo>
                  <a:pt x="4904232" y="786384"/>
                </a:moveTo>
                <a:lnTo>
                  <a:pt x="4890516" y="786384"/>
                </a:lnTo>
                <a:lnTo>
                  <a:pt x="4890516" y="772667"/>
                </a:lnTo>
                <a:lnTo>
                  <a:pt x="4904232" y="772667"/>
                </a:lnTo>
                <a:lnTo>
                  <a:pt x="4904232" y="786384"/>
                </a:lnTo>
                <a:close/>
              </a:path>
              <a:path w="4904740" h="3823970">
                <a:moveTo>
                  <a:pt x="4904232" y="815340"/>
                </a:moveTo>
                <a:lnTo>
                  <a:pt x="4890516" y="815340"/>
                </a:lnTo>
                <a:lnTo>
                  <a:pt x="4890516" y="800100"/>
                </a:lnTo>
                <a:lnTo>
                  <a:pt x="4904232" y="800100"/>
                </a:lnTo>
                <a:lnTo>
                  <a:pt x="4904232" y="815340"/>
                </a:lnTo>
                <a:close/>
              </a:path>
              <a:path w="4904740" h="3823970">
                <a:moveTo>
                  <a:pt x="4904232" y="842772"/>
                </a:moveTo>
                <a:lnTo>
                  <a:pt x="4890516" y="842772"/>
                </a:lnTo>
                <a:lnTo>
                  <a:pt x="4890516" y="829056"/>
                </a:lnTo>
                <a:lnTo>
                  <a:pt x="4904232" y="829056"/>
                </a:lnTo>
                <a:lnTo>
                  <a:pt x="4904232" y="842772"/>
                </a:lnTo>
                <a:close/>
              </a:path>
              <a:path w="4904740" h="3823970">
                <a:moveTo>
                  <a:pt x="4904232" y="870204"/>
                </a:moveTo>
                <a:lnTo>
                  <a:pt x="4890516" y="870204"/>
                </a:lnTo>
                <a:lnTo>
                  <a:pt x="4890516" y="856488"/>
                </a:lnTo>
                <a:lnTo>
                  <a:pt x="4904232" y="856488"/>
                </a:lnTo>
                <a:lnTo>
                  <a:pt x="4904232" y="870204"/>
                </a:lnTo>
                <a:close/>
              </a:path>
              <a:path w="4904740" h="3823970">
                <a:moveTo>
                  <a:pt x="4904232" y="899160"/>
                </a:moveTo>
                <a:lnTo>
                  <a:pt x="4890516" y="899160"/>
                </a:lnTo>
                <a:lnTo>
                  <a:pt x="4890516" y="883920"/>
                </a:lnTo>
                <a:lnTo>
                  <a:pt x="4904232" y="883920"/>
                </a:lnTo>
                <a:lnTo>
                  <a:pt x="4904232" y="899160"/>
                </a:lnTo>
                <a:close/>
              </a:path>
              <a:path w="4904740" h="3823970">
                <a:moveTo>
                  <a:pt x="4904232" y="926592"/>
                </a:moveTo>
                <a:lnTo>
                  <a:pt x="4890516" y="926592"/>
                </a:lnTo>
                <a:lnTo>
                  <a:pt x="4890516" y="912875"/>
                </a:lnTo>
                <a:lnTo>
                  <a:pt x="4904232" y="912875"/>
                </a:lnTo>
                <a:lnTo>
                  <a:pt x="4904232" y="926592"/>
                </a:lnTo>
                <a:close/>
              </a:path>
              <a:path w="4904740" h="3823970">
                <a:moveTo>
                  <a:pt x="4904232" y="954024"/>
                </a:moveTo>
                <a:lnTo>
                  <a:pt x="4890516" y="954024"/>
                </a:lnTo>
                <a:lnTo>
                  <a:pt x="4890516" y="940308"/>
                </a:lnTo>
                <a:lnTo>
                  <a:pt x="4904232" y="940308"/>
                </a:lnTo>
                <a:lnTo>
                  <a:pt x="4904232" y="954024"/>
                </a:lnTo>
                <a:close/>
              </a:path>
              <a:path w="4904740" h="3823970">
                <a:moveTo>
                  <a:pt x="4904232" y="982980"/>
                </a:moveTo>
                <a:lnTo>
                  <a:pt x="4890516" y="982980"/>
                </a:lnTo>
                <a:lnTo>
                  <a:pt x="4890516" y="969264"/>
                </a:lnTo>
                <a:lnTo>
                  <a:pt x="4904232" y="969264"/>
                </a:lnTo>
                <a:lnTo>
                  <a:pt x="4904232" y="982980"/>
                </a:lnTo>
                <a:close/>
              </a:path>
              <a:path w="4904740" h="3823970">
                <a:moveTo>
                  <a:pt x="4904232" y="1010412"/>
                </a:moveTo>
                <a:lnTo>
                  <a:pt x="4890516" y="1010412"/>
                </a:lnTo>
                <a:lnTo>
                  <a:pt x="4890516" y="996696"/>
                </a:lnTo>
                <a:lnTo>
                  <a:pt x="4904232" y="996696"/>
                </a:lnTo>
                <a:lnTo>
                  <a:pt x="4904232" y="1010412"/>
                </a:lnTo>
                <a:close/>
              </a:path>
              <a:path w="4904740" h="3823970">
                <a:moveTo>
                  <a:pt x="4904232" y="1039367"/>
                </a:moveTo>
                <a:lnTo>
                  <a:pt x="4890516" y="1039367"/>
                </a:lnTo>
                <a:lnTo>
                  <a:pt x="4890516" y="1024128"/>
                </a:lnTo>
                <a:lnTo>
                  <a:pt x="4904232" y="1024128"/>
                </a:lnTo>
                <a:lnTo>
                  <a:pt x="4904232" y="1039367"/>
                </a:lnTo>
                <a:close/>
              </a:path>
              <a:path w="4904740" h="3823970">
                <a:moveTo>
                  <a:pt x="4904232" y="1066800"/>
                </a:moveTo>
                <a:lnTo>
                  <a:pt x="4890516" y="1066800"/>
                </a:lnTo>
                <a:lnTo>
                  <a:pt x="4890516" y="1053084"/>
                </a:lnTo>
                <a:lnTo>
                  <a:pt x="4904232" y="1053084"/>
                </a:lnTo>
                <a:lnTo>
                  <a:pt x="4904232" y="1066800"/>
                </a:lnTo>
                <a:close/>
              </a:path>
              <a:path w="4904740" h="3823970">
                <a:moveTo>
                  <a:pt x="4904232" y="1094232"/>
                </a:moveTo>
                <a:lnTo>
                  <a:pt x="4890516" y="1094232"/>
                </a:lnTo>
                <a:lnTo>
                  <a:pt x="4890516" y="1080516"/>
                </a:lnTo>
                <a:lnTo>
                  <a:pt x="4904232" y="1080516"/>
                </a:lnTo>
                <a:lnTo>
                  <a:pt x="4904232" y="1094232"/>
                </a:lnTo>
                <a:close/>
              </a:path>
              <a:path w="4904740" h="3823970">
                <a:moveTo>
                  <a:pt x="4904232" y="1123188"/>
                </a:moveTo>
                <a:lnTo>
                  <a:pt x="4890516" y="1123188"/>
                </a:lnTo>
                <a:lnTo>
                  <a:pt x="4890516" y="1107948"/>
                </a:lnTo>
                <a:lnTo>
                  <a:pt x="4904232" y="1107948"/>
                </a:lnTo>
                <a:lnTo>
                  <a:pt x="4904232" y="1123188"/>
                </a:lnTo>
                <a:close/>
              </a:path>
              <a:path w="4904740" h="3823970">
                <a:moveTo>
                  <a:pt x="4904232" y="1150620"/>
                </a:moveTo>
                <a:lnTo>
                  <a:pt x="4890516" y="1150620"/>
                </a:lnTo>
                <a:lnTo>
                  <a:pt x="4890516" y="1136904"/>
                </a:lnTo>
                <a:lnTo>
                  <a:pt x="4904232" y="1136904"/>
                </a:lnTo>
                <a:lnTo>
                  <a:pt x="4904232" y="1150620"/>
                </a:lnTo>
                <a:close/>
              </a:path>
              <a:path w="4904740" h="3823970">
                <a:moveTo>
                  <a:pt x="4904232" y="1178052"/>
                </a:moveTo>
                <a:lnTo>
                  <a:pt x="4890516" y="1178052"/>
                </a:lnTo>
                <a:lnTo>
                  <a:pt x="4890516" y="1164336"/>
                </a:lnTo>
                <a:lnTo>
                  <a:pt x="4904232" y="1164336"/>
                </a:lnTo>
                <a:lnTo>
                  <a:pt x="4904232" y="1178052"/>
                </a:lnTo>
                <a:close/>
              </a:path>
              <a:path w="4904740" h="3823970">
                <a:moveTo>
                  <a:pt x="4904232" y="1207008"/>
                </a:moveTo>
                <a:lnTo>
                  <a:pt x="4890516" y="1207008"/>
                </a:lnTo>
                <a:lnTo>
                  <a:pt x="4890516" y="1193292"/>
                </a:lnTo>
                <a:lnTo>
                  <a:pt x="4904232" y="1193292"/>
                </a:lnTo>
                <a:lnTo>
                  <a:pt x="4904232" y="1207008"/>
                </a:lnTo>
                <a:close/>
              </a:path>
              <a:path w="4904740" h="3823970">
                <a:moveTo>
                  <a:pt x="4904232" y="1234440"/>
                </a:moveTo>
                <a:lnTo>
                  <a:pt x="4890516" y="1234440"/>
                </a:lnTo>
                <a:lnTo>
                  <a:pt x="4890516" y="1220724"/>
                </a:lnTo>
                <a:lnTo>
                  <a:pt x="4904232" y="1220724"/>
                </a:lnTo>
                <a:lnTo>
                  <a:pt x="4904232" y="1234440"/>
                </a:lnTo>
                <a:close/>
              </a:path>
              <a:path w="4904740" h="3823970">
                <a:moveTo>
                  <a:pt x="4904232" y="1263396"/>
                </a:moveTo>
                <a:lnTo>
                  <a:pt x="4890516" y="1263396"/>
                </a:lnTo>
                <a:lnTo>
                  <a:pt x="4890516" y="1248156"/>
                </a:lnTo>
                <a:lnTo>
                  <a:pt x="4904232" y="1248156"/>
                </a:lnTo>
                <a:lnTo>
                  <a:pt x="4904232" y="1263396"/>
                </a:lnTo>
                <a:close/>
              </a:path>
              <a:path w="4904740" h="3823970">
                <a:moveTo>
                  <a:pt x="4904232" y="1290828"/>
                </a:moveTo>
                <a:lnTo>
                  <a:pt x="4890516" y="1290828"/>
                </a:lnTo>
                <a:lnTo>
                  <a:pt x="4890516" y="1277112"/>
                </a:lnTo>
                <a:lnTo>
                  <a:pt x="4904232" y="1277112"/>
                </a:lnTo>
                <a:lnTo>
                  <a:pt x="4904232" y="1290828"/>
                </a:lnTo>
                <a:close/>
              </a:path>
              <a:path w="4904740" h="3823970">
                <a:moveTo>
                  <a:pt x="4904232" y="1318260"/>
                </a:moveTo>
                <a:lnTo>
                  <a:pt x="4890516" y="1318260"/>
                </a:lnTo>
                <a:lnTo>
                  <a:pt x="4890516" y="1304544"/>
                </a:lnTo>
                <a:lnTo>
                  <a:pt x="4904232" y="1304544"/>
                </a:lnTo>
                <a:lnTo>
                  <a:pt x="4904232" y="1318260"/>
                </a:lnTo>
                <a:close/>
              </a:path>
              <a:path w="4904740" h="3823970">
                <a:moveTo>
                  <a:pt x="4904232" y="1347216"/>
                </a:moveTo>
                <a:lnTo>
                  <a:pt x="4890516" y="1347216"/>
                </a:lnTo>
                <a:lnTo>
                  <a:pt x="4890516" y="1331976"/>
                </a:lnTo>
                <a:lnTo>
                  <a:pt x="4904232" y="1331976"/>
                </a:lnTo>
                <a:lnTo>
                  <a:pt x="4904232" y="1347216"/>
                </a:lnTo>
                <a:close/>
              </a:path>
              <a:path w="4904740" h="3823970">
                <a:moveTo>
                  <a:pt x="4904232" y="1374648"/>
                </a:moveTo>
                <a:lnTo>
                  <a:pt x="4890516" y="1374648"/>
                </a:lnTo>
                <a:lnTo>
                  <a:pt x="4890516" y="1360932"/>
                </a:lnTo>
                <a:lnTo>
                  <a:pt x="4904232" y="1360932"/>
                </a:lnTo>
                <a:lnTo>
                  <a:pt x="4904232" y="1374648"/>
                </a:lnTo>
                <a:close/>
              </a:path>
              <a:path w="4904740" h="3823970">
                <a:moveTo>
                  <a:pt x="4904232" y="1402080"/>
                </a:moveTo>
                <a:lnTo>
                  <a:pt x="4890516" y="1402080"/>
                </a:lnTo>
                <a:lnTo>
                  <a:pt x="4890516" y="1388364"/>
                </a:lnTo>
                <a:lnTo>
                  <a:pt x="4904232" y="1388364"/>
                </a:lnTo>
                <a:lnTo>
                  <a:pt x="4904232" y="1402080"/>
                </a:lnTo>
                <a:close/>
              </a:path>
              <a:path w="4904740" h="3823970">
                <a:moveTo>
                  <a:pt x="4904232" y="1431036"/>
                </a:moveTo>
                <a:lnTo>
                  <a:pt x="4890516" y="1431036"/>
                </a:lnTo>
                <a:lnTo>
                  <a:pt x="4890516" y="1417320"/>
                </a:lnTo>
                <a:lnTo>
                  <a:pt x="4904232" y="1417320"/>
                </a:lnTo>
                <a:lnTo>
                  <a:pt x="4904232" y="1431036"/>
                </a:lnTo>
                <a:close/>
              </a:path>
              <a:path w="4904740" h="3823970">
                <a:moveTo>
                  <a:pt x="4904232" y="1458467"/>
                </a:moveTo>
                <a:lnTo>
                  <a:pt x="4890516" y="1458467"/>
                </a:lnTo>
                <a:lnTo>
                  <a:pt x="4890516" y="1444752"/>
                </a:lnTo>
                <a:lnTo>
                  <a:pt x="4904232" y="1444752"/>
                </a:lnTo>
                <a:lnTo>
                  <a:pt x="4904232" y="1458467"/>
                </a:lnTo>
                <a:close/>
              </a:path>
              <a:path w="4904740" h="3823970">
                <a:moveTo>
                  <a:pt x="4904232" y="1487424"/>
                </a:moveTo>
                <a:lnTo>
                  <a:pt x="4890516" y="1487424"/>
                </a:lnTo>
                <a:lnTo>
                  <a:pt x="4890516" y="1472184"/>
                </a:lnTo>
                <a:lnTo>
                  <a:pt x="4904232" y="1472184"/>
                </a:lnTo>
                <a:lnTo>
                  <a:pt x="4904232" y="1487424"/>
                </a:lnTo>
                <a:close/>
              </a:path>
              <a:path w="4904740" h="3823970">
                <a:moveTo>
                  <a:pt x="4904232" y="1514856"/>
                </a:moveTo>
                <a:lnTo>
                  <a:pt x="4890516" y="1514856"/>
                </a:lnTo>
                <a:lnTo>
                  <a:pt x="4890516" y="1501140"/>
                </a:lnTo>
                <a:lnTo>
                  <a:pt x="4904232" y="1501140"/>
                </a:lnTo>
                <a:lnTo>
                  <a:pt x="4904232" y="1514856"/>
                </a:lnTo>
                <a:close/>
              </a:path>
              <a:path w="4904740" h="3823970">
                <a:moveTo>
                  <a:pt x="4904232" y="1542288"/>
                </a:moveTo>
                <a:lnTo>
                  <a:pt x="4890516" y="1542288"/>
                </a:lnTo>
                <a:lnTo>
                  <a:pt x="4890516" y="1528572"/>
                </a:lnTo>
                <a:lnTo>
                  <a:pt x="4904232" y="1528572"/>
                </a:lnTo>
                <a:lnTo>
                  <a:pt x="4904232" y="1542288"/>
                </a:lnTo>
                <a:close/>
              </a:path>
              <a:path w="4904740" h="3823970">
                <a:moveTo>
                  <a:pt x="4904232" y="1571244"/>
                </a:moveTo>
                <a:lnTo>
                  <a:pt x="4890516" y="1571244"/>
                </a:lnTo>
                <a:lnTo>
                  <a:pt x="4890516" y="1556004"/>
                </a:lnTo>
                <a:lnTo>
                  <a:pt x="4904232" y="1556004"/>
                </a:lnTo>
                <a:lnTo>
                  <a:pt x="4904232" y="1571244"/>
                </a:lnTo>
                <a:close/>
              </a:path>
              <a:path w="4904740" h="3823970">
                <a:moveTo>
                  <a:pt x="4904232" y="1598676"/>
                </a:moveTo>
                <a:lnTo>
                  <a:pt x="4890516" y="1598676"/>
                </a:lnTo>
                <a:lnTo>
                  <a:pt x="4890516" y="1584960"/>
                </a:lnTo>
                <a:lnTo>
                  <a:pt x="4904232" y="1584960"/>
                </a:lnTo>
                <a:lnTo>
                  <a:pt x="4904232" y="1598676"/>
                </a:lnTo>
                <a:close/>
              </a:path>
              <a:path w="4904740" h="3823970">
                <a:moveTo>
                  <a:pt x="4904232" y="1626108"/>
                </a:moveTo>
                <a:lnTo>
                  <a:pt x="4890516" y="1626108"/>
                </a:lnTo>
                <a:lnTo>
                  <a:pt x="4890516" y="1612392"/>
                </a:lnTo>
                <a:lnTo>
                  <a:pt x="4904232" y="1612392"/>
                </a:lnTo>
                <a:lnTo>
                  <a:pt x="4904232" y="1626108"/>
                </a:lnTo>
                <a:close/>
              </a:path>
              <a:path w="4904740" h="3823970">
                <a:moveTo>
                  <a:pt x="4904232" y="1655064"/>
                </a:moveTo>
                <a:lnTo>
                  <a:pt x="4890516" y="1655064"/>
                </a:lnTo>
                <a:lnTo>
                  <a:pt x="4890516" y="1641348"/>
                </a:lnTo>
                <a:lnTo>
                  <a:pt x="4904232" y="1641348"/>
                </a:lnTo>
                <a:lnTo>
                  <a:pt x="4904232" y="1655064"/>
                </a:lnTo>
                <a:close/>
              </a:path>
              <a:path w="4904740" h="3823970">
                <a:moveTo>
                  <a:pt x="4904232" y="1682496"/>
                </a:moveTo>
                <a:lnTo>
                  <a:pt x="4890516" y="1682496"/>
                </a:lnTo>
                <a:lnTo>
                  <a:pt x="4890516" y="1668780"/>
                </a:lnTo>
                <a:lnTo>
                  <a:pt x="4904232" y="1668780"/>
                </a:lnTo>
                <a:lnTo>
                  <a:pt x="4904232" y="1682496"/>
                </a:lnTo>
                <a:close/>
              </a:path>
              <a:path w="4904740" h="3823970">
                <a:moveTo>
                  <a:pt x="4904232" y="1711452"/>
                </a:moveTo>
                <a:lnTo>
                  <a:pt x="4890516" y="1711452"/>
                </a:lnTo>
                <a:lnTo>
                  <a:pt x="4890516" y="1696212"/>
                </a:lnTo>
                <a:lnTo>
                  <a:pt x="4904232" y="1696212"/>
                </a:lnTo>
                <a:lnTo>
                  <a:pt x="4904232" y="1711452"/>
                </a:lnTo>
                <a:close/>
              </a:path>
              <a:path w="4904740" h="3823970">
                <a:moveTo>
                  <a:pt x="4904232" y="1738884"/>
                </a:moveTo>
                <a:lnTo>
                  <a:pt x="4890516" y="1738884"/>
                </a:lnTo>
                <a:lnTo>
                  <a:pt x="4890516" y="1725168"/>
                </a:lnTo>
                <a:lnTo>
                  <a:pt x="4904232" y="1725168"/>
                </a:lnTo>
                <a:lnTo>
                  <a:pt x="4904232" y="1738884"/>
                </a:lnTo>
                <a:close/>
              </a:path>
              <a:path w="4904740" h="3823970">
                <a:moveTo>
                  <a:pt x="4904232" y="1766316"/>
                </a:moveTo>
                <a:lnTo>
                  <a:pt x="4890516" y="1766316"/>
                </a:lnTo>
                <a:lnTo>
                  <a:pt x="4890516" y="1752600"/>
                </a:lnTo>
                <a:lnTo>
                  <a:pt x="4904232" y="1752600"/>
                </a:lnTo>
                <a:lnTo>
                  <a:pt x="4904232" y="1766316"/>
                </a:lnTo>
                <a:close/>
              </a:path>
              <a:path w="4904740" h="3823970">
                <a:moveTo>
                  <a:pt x="4904232" y="1795272"/>
                </a:moveTo>
                <a:lnTo>
                  <a:pt x="4890516" y="1795272"/>
                </a:lnTo>
                <a:lnTo>
                  <a:pt x="4890516" y="1780032"/>
                </a:lnTo>
                <a:lnTo>
                  <a:pt x="4904232" y="1780032"/>
                </a:lnTo>
                <a:lnTo>
                  <a:pt x="4904232" y="1795272"/>
                </a:lnTo>
                <a:close/>
              </a:path>
              <a:path w="4904740" h="3823970">
                <a:moveTo>
                  <a:pt x="4904232" y="1822704"/>
                </a:moveTo>
                <a:lnTo>
                  <a:pt x="4890516" y="1822704"/>
                </a:lnTo>
                <a:lnTo>
                  <a:pt x="4890516" y="1808988"/>
                </a:lnTo>
                <a:lnTo>
                  <a:pt x="4904232" y="1808988"/>
                </a:lnTo>
                <a:lnTo>
                  <a:pt x="4904232" y="1822704"/>
                </a:lnTo>
                <a:close/>
              </a:path>
              <a:path w="4904740" h="3823970">
                <a:moveTo>
                  <a:pt x="4904232" y="1850136"/>
                </a:moveTo>
                <a:lnTo>
                  <a:pt x="4890516" y="1850136"/>
                </a:lnTo>
                <a:lnTo>
                  <a:pt x="4890516" y="1836420"/>
                </a:lnTo>
                <a:lnTo>
                  <a:pt x="4904232" y="1836420"/>
                </a:lnTo>
                <a:lnTo>
                  <a:pt x="4904232" y="1850136"/>
                </a:lnTo>
                <a:close/>
              </a:path>
              <a:path w="4904740" h="3823970">
                <a:moveTo>
                  <a:pt x="4904232" y="1879092"/>
                </a:moveTo>
                <a:lnTo>
                  <a:pt x="4890516" y="1879092"/>
                </a:lnTo>
                <a:lnTo>
                  <a:pt x="4890516" y="1865376"/>
                </a:lnTo>
                <a:lnTo>
                  <a:pt x="4904232" y="1865376"/>
                </a:lnTo>
                <a:lnTo>
                  <a:pt x="4904232" y="1879092"/>
                </a:lnTo>
                <a:close/>
              </a:path>
              <a:path w="4904740" h="3823970">
                <a:moveTo>
                  <a:pt x="4904232" y="1906524"/>
                </a:moveTo>
                <a:lnTo>
                  <a:pt x="4890516" y="1906524"/>
                </a:lnTo>
                <a:lnTo>
                  <a:pt x="4890516" y="1892808"/>
                </a:lnTo>
                <a:lnTo>
                  <a:pt x="4904232" y="1892808"/>
                </a:lnTo>
                <a:lnTo>
                  <a:pt x="4904232" y="1906524"/>
                </a:lnTo>
                <a:close/>
              </a:path>
              <a:path w="4904740" h="3823970">
                <a:moveTo>
                  <a:pt x="4904232" y="1935480"/>
                </a:moveTo>
                <a:lnTo>
                  <a:pt x="4890516" y="1935480"/>
                </a:lnTo>
                <a:lnTo>
                  <a:pt x="4890516" y="1920240"/>
                </a:lnTo>
                <a:lnTo>
                  <a:pt x="4904232" y="1920240"/>
                </a:lnTo>
                <a:lnTo>
                  <a:pt x="4904232" y="1935480"/>
                </a:lnTo>
                <a:close/>
              </a:path>
              <a:path w="4904740" h="3823970">
                <a:moveTo>
                  <a:pt x="4904232" y="1962912"/>
                </a:moveTo>
                <a:lnTo>
                  <a:pt x="4890516" y="1962912"/>
                </a:lnTo>
                <a:lnTo>
                  <a:pt x="4890516" y="1949196"/>
                </a:lnTo>
                <a:lnTo>
                  <a:pt x="4904232" y="1949196"/>
                </a:lnTo>
                <a:lnTo>
                  <a:pt x="4904232" y="1962912"/>
                </a:lnTo>
                <a:close/>
              </a:path>
              <a:path w="4904740" h="3823970">
                <a:moveTo>
                  <a:pt x="4904232" y="1990344"/>
                </a:moveTo>
                <a:lnTo>
                  <a:pt x="4890516" y="1990344"/>
                </a:lnTo>
                <a:lnTo>
                  <a:pt x="4890516" y="1976628"/>
                </a:lnTo>
                <a:lnTo>
                  <a:pt x="4904232" y="1976628"/>
                </a:lnTo>
                <a:lnTo>
                  <a:pt x="4904232" y="1990344"/>
                </a:lnTo>
                <a:close/>
              </a:path>
              <a:path w="4904740" h="3823970">
                <a:moveTo>
                  <a:pt x="4904232" y="2019300"/>
                </a:moveTo>
                <a:lnTo>
                  <a:pt x="4890516" y="2019300"/>
                </a:lnTo>
                <a:lnTo>
                  <a:pt x="4890516" y="2004060"/>
                </a:lnTo>
                <a:lnTo>
                  <a:pt x="4904232" y="2004060"/>
                </a:lnTo>
                <a:lnTo>
                  <a:pt x="4904232" y="2019300"/>
                </a:lnTo>
                <a:close/>
              </a:path>
              <a:path w="4904740" h="3823970">
                <a:moveTo>
                  <a:pt x="4904232" y="2046732"/>
                </a:moveTo>
                <a:lnTo>
                  <a:pt x="4890516" y="2046732"/>
                </a:lnTo>
                <a:lnTo>
                  <a:pt x="4890516" y="2033016"/>
                </a:lnTo>
                <a:lnTo>
                  <a:pt x="4904232" y="2033016"/>
                </a:lnTo>
                <a:lnTo>
                  <a:pt x="4904232" y="2046732"/>
                </a:lnTo>
                <a:close/>
              </a:path>
              <a:path w="4904740" h="3823970">
                <a:moveTo>
                  <a:pt x="4904232" y="2074164"/>
                </a:moveTo>
                <a:lnTo>
                  <a:pt x="4890516" y="2074164"/>
                </a:lnTo>
                <a:lnTo>
                  <a:pt x="4890516" y="2060448"/>
                </a:lnTo>
                <a:lnTo>
                  <a:pt x="4904232" y="2060448"/>
                </a:lnTo>
                <a:lnTo>
                  <a:pt x="4904232" y="2074164"/>
                </a:lnTo>
                <a:close/>
              </a:path>
              <a:path w="4904740" h="3823970">
                <a:moveTo>
                  <a:pt x="4904232" y="2103120"/>
                </a:moveTo>
                <a:lnTo>
                  <a:pt x="4890516" y="2103120"/>
                </a:lnTo>
                <a:lnTo>
                  <a:pt x="4890516" y="2089404"/>
                </a:lnTo>
                <a:lnTo>
                  <a:pt x="4904232" y="2089404"/>
                </a:lnTo>
                <a:lnTo>
                  <a:pt x="4904232" y="2103120"/>
                </a:lnTo>
                <a:close/>
              </a:path>
              <a:path w="4904740" h="3823970">
                <a:moveTo>
                  <a:pt x="4904232" y="2130552"/>
                </a:moveTo>
                <a:lnTo>
                  <a:pt x="4890516" y="2130552"/>
                </a:lnTo>
                <a:lnTo>
                  <a:pt x="4890516" y="2116836"/>
                </a:lnTo>
                <a:lnTo>
                  <a:pt x="4904232" y="2116836"/>
                </a:lnTo>
                <a:lnTo>
                  <a:pt x="4904232" y="2130552"/>
                </a:lnTo>
                <a:close/>
              </a:path>
              <a:path w="4904740" h="3823970">
                <a:moveTo>
                  <a:pt x="4904232" y="2159508"/>
                </a:moveTo>
                <a:lnTo>
                  <a:pt x="4890516" y="2159508"/>
                </a:lnTo>
                <a:lnTo>
                  <a:pt x="4890516" y="2144268"/>
                </a:lnTo>
                <a:lnTo>
                  <a:pt x="4904232" y="2144268"/>
                </a:lnTo>
                <a:lnTo>
                  <a:pt x="4904232" y="2159508"/>
                </a:lnTo>
                <a:close/>
              </a:path>
              <a:path w="4904740" h="3823970">
                <a:moveTo>
                  <a:pt x="4904232" y="2186940"/>
                </a:moveTo>
                <a:lnTo>
                  <a:pt x="4890516" y="2186940"/>
                </a:lnTo>
                <a:lnTo>
                  <a:pt x="4890516" y="2173224"/>
                </a:lnTo>
                <a:lnTo>
                  <a:pt x="4904232" y="2173224"/>
                </a:lnTo>
                <a:lnTo>
                  <a:pt x="4904232" y="2186940"/>
                </a:lnTo>
                <a:close/>
              </a:path>
              <a:path w="4904740" h="3823970">
                <a:moveTo>
                  <a:pt x="4904232" y="2214372"/>
                </a:moveTo>
                <a:lnTo>
                  <a:pt x="4890516" y="2214372"/>
                </a:lnTo>
                <a:lnTo>
                  <a:pt x="4890516" y="2200656"/>
                </a:lnTo>
                <a:lnTo>
                  <a:pt x="4904232" y="2200656"/>
                </a:lnTo>
                <a:lnTo>
                  <a:pt x="4904232" y="2214372"/>
                </a:lnTo>
                <a:close/>
              </a:path>
              <a:path w="4904740" h="3823970">
                <a:moveTo>
                  <a:pt x="4904232" y="2243328"/>
                </a:moveTo>
                <a:lnTo>
                  <a:pt x="4890516" y="2243328"/>
                </a:lnTo>
                <a:lnTo>
                  <a:pt x="4890516" y="2229612"/>
                </a:lnTo>
                <a:lnTo>
                  <a:pt x="4904232" y="2229612"/>
                </a:lnTo>
                <a:lnTo>
                  <a:pt x="4904232" y="2243328"/>
                </a:lnTo>
                <a:close/>
              </a:path>
              <a:path w="4904740" h="3823970">
                <a:moveTo>
                  <a:pt x="4904232" y="2270760"/>
                </a:moveTo>
                <a:lnTo>
                  <a:pt x="4890516" y="2270760"/>
                </a:lnTo>
                <a:lnTo>
                  <a:pt x="4890516" y="2257044"/>
                </a:lnTo>
                <a:lnTo>
                  <a:pt x="4904232" y="2257044"/>
                </a:lnTo>
                <a:lnTo>
                  <a:pt x="4904232" y="2270760"/>
                </a:lnTo>
                <a:close/>
              </a:path>
              <a:path w="4904740" h="3823970">
                <a:moveTo>
                  <a:pt x="4904232" y="2298192"/>
                </a:moveTo>
                <a:lnTo>
                  <a:pt x="4890516" y="2298192"/>
                </a:lnTo>
                <a:lnTo>
                  <a:pt x="4890516" y="2284476"/>
                </a:lnTo>
                <a:lnTo>
                  <a:pt x="4904232" y="2284476"/>
                </a:lnTo>
                <a:lnTo>
                  <a:pt x="4904232" y="2298192"/>
                </a:lnTo>
                <a:close/>
              </a:path>
              <a:path w="4904740" h="3823970">
                <a:moveTo>
                  <a:pt x="4904232" y="2327148"/>
                </a:moveTo>
                <a:lnTo>
                  <a:pt x="4890516" y="2327148"/>
                </a:lnTo>
                <a:lnTo>
                  <a:pt x="4890516" y="2313432"/>
                </a:lnTo>
                <a:lnTo>
                  <a:pt x="4904232" y="2313432"/>
                </a:lnTo>
                <a:lnTo>
                  <a:pt x="4904232" y="2327148"/>
                </a:lnTo>
                <a:close/>
              </a:path>
              <a:path w="4904740" h="3823970">
                <a:moveTo>
                  <a:pt x="4904232" y="2354580"/>
                </a:moveTo>
                <a:lnTo>
                  <a:pt x="4890516" y="2354580"/>
                </a:lnTo>
                <a:lnTo>
                  <a:pt x="4890516" y="2340864"/>
                </a:lnTo>
                <a:lnTo>
                  <a:pt x="4904232" y="2340864"/>
                </a:lnTo>
                <a:lnTo>
                  <a:pt x="4904232" y="2354580"/>
                </a:lnTo>
                <a:close/>
              </a:path>
              <a:path w="4904740" h="3823970">
                <a:moveTo>
                  <a:pt x="4904232" y="2383535"/>
                </a:moveTo>
                <a:lnTo>
                  <a:pt x="4890516" y="2383535"/>
                </a:lnTo>
                <a:lnTo>
                  <a:pt x="4890516" y="2368296"/>
                </a:lnTo>
                <a:lnTo>
                  <a:pt x="4904232" y="2368296"/>
                </a:lnTo>
                <a:lnTo>
                  <a:pt x="4904232" y="2383535"/>
                </a:lnTo>
                <a:close/>
              </a:path>
              <a:path w="4904740" h="3823970">
                <a:moveTo>
                  <a:pt x="4904232" y="2410968"/>
                </a:moveTo>
                <a:lnTo>
                  <a:pt x="4890516" y="2410968"/>
                </a:lnTo>
                <a:lnTo>
                  <a:pt x="4890516" y="2397252"/>
                </a:lnTo>
                <a:lnTo>
                  <a:pt x="4904232" y="2397252"/>
                </a:lnTo>
                <a:lnTo>
                  <a:pt x="4904232" y="2410968"/>
                </a:lnTo>
                <a:close/>
              </a:path>
              <a:path w="4904740" h="3823970">
                <a:moveTo>
                  <a:pt x="4904232" y="2438400"/>
                </a:moveTo>
                <a:lnTo>
                  <a:pt x="4890516" y="2438400"/>
                </a:lnTo>
                <a:lnTo>
                  <a:pt x="4890516" y="2424684"/>
                </a:lnTo>
                <a:lnTo>
                  <a:pt x="4904232" y="2424684"/>
                </a:lnTo>
                <a:lnTo>
                  <a:pt x="4904232" y="2438400"/>
                </a:lnTo>
                <a:close/>
              </a:path>
              <a:path w="4904740" h="3823970">
                <a:moveTo>
                  <a:pt x="4904232" y="2467356"/>
                </a:moveTo>
                <a:lnTo>
                  <a:pt x="4890516" y="2467356"/>
                </a:lnTo>
                <a:lnTo>
                  <a:pt x="4890516" y="2453640"/>
                </a:lnTo>
                <a:lnTo>
                  <a:pt x="4904232" y="2453640"/>
                </a:lnTo>
                <a:lnTo>
                  <a:pt x="4904232" y="2467356"/>
                </a:lnTo>
                <a:close/>
              </a:path>
              <a:path w="4904740" h="3823970">
                <a:moveTo>
                  <a:pt x="4904232" y="2494787"/>
                </a:moveTo>
                <a:lnTo>
                  <a:pt x="4890516" y="2494787"/>
                </a:lnTo>
                <a:lnTo>
                  <a:pt x="4890516" y="2481071"/>
                </a:lnTo>
                <a:lnTo>
                  <a:pt x="4904232" y="2481071"/>
                </a:lnTo>
                <a:lnTo>
                  <a:pt x="4904232" y="2494787"/>
                </a:lnTo>
                <a:close/>
              </a:path>
              <a:path w="4904740" h="3823970">
                <a:moveTo>
                  <a:pt x="4904232" y="2522219"/>
                </a:moveTo>
                <a:lnTo>
                  <a:pt x="4890516" y="2522219"/>
                </a:lnTo>
                <a:lnTo>
                  <a:pt x="4890516" y="2508503"/>
                </a:lnTo>
                <a:lnTo>
                  <a:pt x="4904232" y="2508503"/>
                </a:lnTo>
                <a:lnTo>
                  <a:pt x="4904232" y="2522219"/>
                </a:lnTo>
                <a:close/>
              </a:path>
              <a:path w="4904740" h="3823970">
                <a:moveTo>
                  <a:pt x="4904232" y="2551176"/>
                </a:moveTo>
                <a:lnTo>
                  <a:pt x="4890516" y="2551176"/>
                </a:lnTo>
                <a:lnTo>
                  <a:pt x="4890516" y="2537460"/>
                </a:lnTo>
                <a:lnTo>
                  <a:pt x="4904232" y="2537460"/>
                </a:lnTo>
                <a:lnTo>
                  <a:pt x="4904232" y="2551176"/>
                </a:lnTo>
                <a:close/>
              </a:path>
              <a:path w="4904740" h="3823970">
                <a:moveTo>
                  <a:pt x="4904232" y="2578608"/>
                </a:moveTo>
                <a:lnTo>
                  <a:pt x="4890516" y="2578608"/>
                </a:lnTo>
                <a:lnTo>
                  <a:pt x="4890516" y="2564892"/>
                </a:lnTo>
                <a:lnTo>
                  <a:pt x="4904232" y="2564892"/>
                </a:lnTo>
                <a:lnTo>
                  <a:pt x="4904232" y="2578608"/>
                </a:lnTo>
                <a:close/>
              </a:path>
              <a:path w="4904740" h="3823970">
                <a:moveTo>
                  <a:pt x="4904232" y="2607564"/>
                </a:moveTo>
                <a:lnTo>
                  <a:pt x="4890516" y="2607564"/>
                </a:lnTo>
                <a:lnTo>
                  <a:pt x="4890516" y="2592324"/>
                </a:lnTo>
                <a:lnTo>
                  <a:pt x="4904232" y="2592324"/>
                </a:lnTo>
                <a:lnTo>
                  <a:pt x="4904232" y="2607564"/>
                </a:lnTo>
                <a:close/>
              </a:path>
              <a:path w="4904740" h="3823970">
                <a:moveTo>
                  <a:pt x="4904232" y="2634996"/>
                </a:moveTo>
                <a:lnTo>
                  <a:pt x="4890516" y="2634996"/>
                </a:lnTo>
                <a:lnTo>
                  <a:pt x="4890516" y="2621280"/>
                </a:lnTo>
                <a:lnTo>
                  <a:pt x="4904232" y="2621280"/>
                </a:lnTo>
                <a:lnTo>
                  <a:pt x="4904232" y="2634996"/>
                </a:lnTo>
                <a:close/>
              </a:path>
              <a:path w="4904740" h="3823970">
                <a:moveTo>
                  <a:pt x="4904232" y="2662428"/>
                </a:moveTo>
                <a:lnTo>
                  <a:pt x="4890516" y="2662428"/>
                </a:lnTo>
                <a:lnTo>
                  <a:pt x="4890516" y="2648712"/>
                </a:lnTo>
                <a:lnTo>
                  <a:pt x="4904232" y="2648712"/>
                </a:lnTo>
                <a:lnTo>
                  <a:pt x="4904232" y="2662428"/>
                </a:lnTo>
                <a:close/>
              </a:path>
              <a:path w="4904740" h="3823970">
                <a:moveTo>
                  <a:pt x="4904232" y="2691384"/>
                </a:moveTo>
                <a:lnTo>
                  <a:pt x="4890516" y="2691384"/>
                </a:lnTo>
                <a:lnTo>
                  <a:pt x="4890516" y="2677668"/>
                </a:lnTo>
                <a:lnTo>
                  <a:pt x="4904232" y="2677668"/>
                </a:lnTo>
                <a:lnTo>
                  <a:pt x="4904232" y="2691384"/>
                </a:lnTo>
                <a:close/>
              </a:path>
              <a:path w="4904740" h="3823970">
                <a:moveTo>
                  <a:pt x="4904232" y="2718816"/>
                </a:moveTo>
                <a:lnTo>
                  <a:pt x="4890516" y="2718816"/>
                </a:lnTo>
                <a:lnTo>
                  <a:pt x="4890516" y="2705100"/>
                </a:lnTo>
                <a:lnTo>
                  <a:pt x="4904232" y="2705100"/>
                </a:lnTo>
                <a:lnTo>
                  <a:pt x="4904232" y="2718816"/>
                </a:lnTo>
                <a:close/>
              </a:path>
              <a:path w="4904740" h="3823970">
                <a:moveTo>
                  <a:pt x="4904232" y="2746248"/>
                </a:moveTo>
                <a:lnTo>
                  <a:pt x="4890516" y="2746248"/>
                </a:lnTo>
                <a:lnTo>
                  <a:pt x="4890516" y="2732532"/>
                </a:lnTo>
                <a:lnTo>
                  <a:pt x="4904232" y="2732532"/>
                </a:lnTo>
                <a:lnTo>
                  <a:pt x="4904232" y="2746248"/>
                </a:lnTo>
                <a:close/>
              </a:path>
              <a:path w="4904740" h="3823970">
                <a:moveTo>
                  <a:pt x="4904232" y="2775203"/>
                </a:moveTo>
                <a:lnTo>
                  <a:pt x="4890516" y="2775203"/>
                </a:lnTo>
                <a:lnTo>
                  <a:pt x="4890516" y="2761487"/>
                </a:lnTo>
                <a:lnTo>
                  <a:pt x="4904232" y="2761487"/>
                </a:lnTo>
                <a:lnTo>
                  <a:pt x="4904232" y="2775203"/>
                </a:lnTo>
                <a:close/>
              </a:path>
              <a:path w="4904740" h="3823970">
                <a:moveTo>
                  <a:pt x="4904232" y="2802635"/>
                </a:moveTo>
                <a:lnTo>
                  <a:pt x="4890516" y="2802635"/>
                </a:lnTo>
                <a:lnTo>
                  <a:pt x="4890516" y="2788919"/>
                </a:lnTo>
                <a:lnTo>
                  <a:pt x="4904232" y="2788919"/>
                </a:lnTo>
                <a:lnTo>
                  <a:pt x="4904232" y="2802635"/>
                </a:lnTo>
                <a:close/>
              </a:path>
              <a:path w="4904740" h="3823970">
                <a:moveTo>
                  <a:pt x="4904232" y="2831592"/>
                </a:moveTo>
                <a:lnTo>
                  <a:pt x="4890516" y="2831592"/>
                </a:lnTo>
                <a:lnTo>
                  <a:pt x="4890516" y="2816352"/>
                </a:lnTo>
                <a:lnTo>
                  <a:pt x="4904232" y="2816352"/>
                </a:lnTo>
                <a:lnTo>
                  <a:pt x="4904232" y="2831592"/>
                </a:lnTo>
                <a:close/>
              </a:path>
              <a:path w="4904740" h="3823970">
                <a:moveTo>
                  <a:pt x="4904232" y="2859024"/>
                </a:moveTo>
                <a:lnTo>
                  <a:pt x="4890516" y="2859024"/>
                </a:lnTo>
                <a:lnTo>
                  <a:pt x="4890516" y="2845308"/>
                </a:lnTo>
                <a:lnTo>
                  <a:pt x="4904232" y="2845308"/>
                </a:lnTo>
                <a:lnTo>
                  <a:pt x="4904232" y="2859024"/>
                </a:lnTo>
                <a:close/>
              </a:path>
              <a:path w="4904740" h="3823970">
                <a:moveTo>
                  <a:pt x="4904232" y="2886456"/>
                </a:moveTo>
                <a:lnTo>
                  <a:pt x="4890516" y="2886456"/>
                </a:lnTo>
                <a:lnTo>
                  <a:pt x="4890516" y="2872740"/>
                </a:lnTo>
                <a:lnTo>
                  <a:pt x="4904232" y="2872740"/>
                </a:lnTo>
                <a:lnTo>
                  <a:pt x="4904232" y="2886456"/>
                </a:lnTo>
                <a:close/>
              </a:path>
              <a:path w="4904740" h="3823970">
                <a:moveTo>
                  <a:pt x="4904232" y="2915412"/>
                </a:moveTo>
                <a:lnTo>
                  <a:pt x="4890516" y="2915412"/>
                </a:lnTo>
                <a:lnTo>
                  <a:pt x="4890516" y="2901696"/>
                </a:lnTo>
                <a:lnTo>
                  <a:pt x="4904232" y="2901696"/>
                </a:lnTo>
                <a:lnTo>
                  <a:pt x="4904232" y="2915412"/>
                </a:lnTo>
                <a:close/>
              </a:path>
              <a:path w="4904740" h="3823970">
                <a:moveTo>
                  <a:pt x="4904232" y="2942844"/>
                </a:moveTo>
                <a:lnTo>
                  <a:pt x="4890516" y="2942844"/>
                </a:lnTo>
                <a:lnTo>
                  <a:pt x="4890516" y="2929128"/>
                </a:lnTo>
                <a:lnTo>
                  <a:pt x="4904232" y="2929128"/>
                </a:lnTo>
                <a:lnTo>
                  <a:pt x="4904232" y="2942844"/>
                </a:lnTo>
                <a:close/>
              </a:path>
              <a:path w="4904740" h="3823970">
                <a:moveTo>
                  <a:pt x="4904232" y="2970276"/>
                </a:moveTo>
                <a:lnTo>
                  <a:pt x="4890516" y="2970276"/>
                </a:lnTo>
                <a:lnTo>
                  <a:pt x="4890516" y="2956560"/>
                </a:lnTo>
                <a:lnTo>
                  <a:pt x="4904232" y="2956560"/>
                </a:lnTo>
                <a:lnTo>
                  <a:pt x="4904232" y="2970276"/>
                </a:lnTo>
                <a:close/>
              </a:path>
              <a:path w="4904740" h="3823970">
                <a:moveTo>
                  <a:pt x="4904232" y="2999232"/>
                </a:moveTo>
                <a:lnTo>
                  <a:pt x="4890516" y="2999232"/>
                </a:lnTo>
                <a:lnTo>
                  <a:pt x="4890516" y="2985516"/>
                </a:lnTo>
                <a:lnTo>
                  <a:pt x="4904232" y="2985516"/>
                </a:lnTo>
                <a:lnTo>
                  <a:pt x="4904232" y="2999232"/>
                </a:lnTo>
                <a:close/>
              </a:path>
              <a:path w="4904740" h="3823970">
                <a:moveTo>
                  <a:pt x="4904232" y="3026664"/>
                </a:moveTo>
                <a:lnTo>
                  <a:pt x="4890516" y="3026664"/>
                </a:lnTo>
                <a:lnTo>
                  <a:pt x="4890516" y="3012948"/>
                </a:lnTo>
                <a:lnTo>
                  <a:pt x="4904232" y="3012948"/>
                </a:lnTo>
                <a:lnTo>
                  <a:pt x="4904232" y="3026664"/>
                </a:lnTo>
                <a:close/>
              </a:path>
              <a:path w="4904740" h="3823970">
                <a:moveTo>
                  <a:pt x="4904232" y="3055619"/>
                </a:moveTo>
                <a:lnTo>
                  <a:pt x="4890516" y="3055619"/>
                </a:lnTo>
                <a:lnTo>
                  <a:pt x="4890516" y="3040380"/>
                </a:lnTo>
                <a:lnTo>
                  <a:pt x="4904232" y="3040380"/>
                </a:lnTo>
                <a:lnTo>
                  <a:pt x="4904232" y="3055619"/>
                </a:lnTo>
                <a:close/>
              </a:path>
              <a:path w="4904740" h="3823970">
                <a:moveTo>
                  <a:pt x="4904232" y="3083052"/>
                </a:moveTo>
                <a:lnTo>
                  <a:pt x="4890516" y="3083052"/>
                </a:lnTo>
                <a:lnTo>
                  <a:pt x="4890516" y="3069335"/>
                </a:lnTo>
                <a:lnTo>
                  <a:pt x="4904232" y="3069335"/>
                </a:lnTo>
                <a:lnTo>
                  <a:pt x="4904232" y="3083052"/>
                </a:lnTo>
                <a:close/>
              </a:path>
              <a:path w="4904740" h="3823970">
                <a:moveTo>
                  <a:pt x="4904232" y="3110484"/>
                </a:moveTo>
                <a:lnTo>
                  <a:pt x="4890516" y="3110484"/>
                </a:lnTo>
                <a:lnTo>
                  <a:pt x="4890516" y="3096768"/>
                </a:lnTo>
                <a:lnTo>
                  <a:pt x="4904232" y="3096768"/>
                </a:lnTo>
                <a:lnTo>
                  <a:pt x="4904232" y="3110484"/>
                </a:lnTo>
                <a:close/>
              </a:path>
              <a:path w="4904740" h="3823970">
                <a:moveTo>
                  <a:pt x="4904232" y="3139440"/>
                </a:moveTo>
                <a:lnTo>
                  <a:pt x="4890516" y="3139440"/>
                </a:lnTo>
                <a:lnTo>
                  <a:pt x="4890516" y="3125724"/>
                </a:lnTo>
                <a:lnTo>
                  <a:pt x="4904232" y="3125724"/>
                </a:lnTo>
                <a:lnTo>
                  <a:pt x="4904232" y="3139440"/>
                </a:lnTo>
                <a:close/>
              </a:path>
              <a:path w="4904740" h="3823970">
                <a:moveTo>
                  <a:pt x="4904232" y="3166871"/>
                </a:moveTo>
                <a:lnTo>
                  <a:pt x="4890516" y="3166871"/>
                </a:lnTo>
                <a:lnTo>
                  <a:pt x="4890516" y="3153156"/>
                </a:lnTo>
                <a:lnTo>
                  <a:pt x="4904232" y="3153156"/>
                </a:lnTo>
                <a:lnTo>
                  <a:pt x="4904232" y="3166871"/>
                </a:lnTo>
                <a:close/>
              </a:path>
              <a:path w="4904740" h="3823970">
                <a:moveTo>
                  <a:pt x="4904232" y="3194303"/>
                </a:moveTo>
                <a:lnTo>
                  <a:pt x="4890516" y="3194303"/>
                </a:lnTo>
                <a:lnTo>
                  <a:pt x="4890516" y="3180587"/>
                </a:lnTo>
                <a:lnTo>
                  <a:pt x="4904232" y="3180587"/>
                </a:lnTo>
                <a:lnTo>
                  <a:pt x="4904232" y="3194303"/>
                </a:lnTo>
                <a:close/>
              </a:path>
              <a:path w="4904740" h="3823970">
                <a:moveTo>
                  <a:pt x="4904232" y="3223260"/>
                </a:moveTo>
                <a:lnTo>
                  <a:pt x="4890516" y="3223260"/>
                </a:lnTo>
                <a:lnTo>
                  <a:pt x="4890516" y="3209544"/>
                </a:lnTo>
                <a:lnTo>
                  <a:pt x="4904232" y="3209544"/>
                </a:lnTo>
                <a:lnTo>
                  <a:pt x="4904232" y="3223260"/>
                </a:lnTo>
                <a:close/>
              </a:path>
              <a:path w="4904740" h="3823970">
                <a:moveTo>
                  <a:pt x="4904232" y="3250692"/>
                </a:moveTo>
                <a:lnTo>
                  <a:pt x="4890516" y="3250692"/>
                </a:lnTo>
                <a:lnTo>
                  <a:pt x="4890516" y="3236976"/>
                </a:lnTo>
                <a:lnTo>
                  <a:pt x="4904232" y="3236976"/>
                </a:lnTo>
                <a:lnTo>
                  <a:pt x="4904232" y="3250692"/>
                </a:lnTo>
                <a:close/>
              </a:path>
              <a:path w="4904740" h="3823970">
                <a:moveTo>
                  <a:pt x="4904232" y="3279648"/>
                </a:moveTo>
                <a:lnTo>
                  <a:pt x="4890516" y="3279648"/>
                </a:lnTo>
                <a:lnTo>
                  <a:pt x="4890516" y="3264408"/>
                </a:lnTo>
                <a:lnTo>
                  <a:pt x="4904232" y="3264408"/>
                </a:lnTo>
                <a:lnTo>
                  <a:pt x="4904232" y="3279648"/>
                </a:lnTo>
                <a:close/>
              </a:path>
              <a:path w="4904740" h="3823970">
                <a:moveTo>
                  <a:pt x="4904232" y="3307080"/>
                </a:moveTo>
                <a:lnTo>
                  <a:pt x="4890516" y="3307080"/>
                </a:lnTo>
                <a:lnTo>
                  <a:pt x="4890516" y="3293364"/>
                </a:lnTo>
                <a:lnTo>
                  <a:pt x="4904232" y="3293364"/>
                </a:lnTo>
                <a:lnTo>
                  <a:pt x="4904232" y="3307080"/>
                </a:lnTo>
                <a:close/>
              </a:path>
              <a:path w="4904740" h="3823970">
                <a:moveTo>
                  <a:pt x="4904232" y="3334512"/>
                </a:moveTo>
                <a:lnTo>
                  <a:pt x="4890516" y="3334512"/>
                </a:lnTo>
                <a:lnTo>
                  <a:pt x="4890516" y="3320796"/>
                </a:lnTo>
                <a:lnTo>
                  <a:pt x="4904232" y="3320796"/>
                </a:lnTo>
                <a:lnTo>
                  <a:pt x="4904232" y="3334512"/>
                </a:lnTo>
                <a:close/>
              </a:path>
              <a:path w="4904740" h="3823970">
                <a:moveTo>
                  <a:pt x="4904232" y="3363468"/>
                </a:moveTo>
                <a:lnTo>
                  <a:pt x="4890516" y="3363468"/>
                </a:lnTo>
                <a:lnTo>
                  <a:pt x="4890516" y="3349752"/>
                </a:lnTo>
                <a:lnTo>
                  <a:pt x="4904232" y="3349752"/>
                </a:lnTo>
                <a:lnTo>
                  <a:pt x="4904232" y="3363468"/>
                </a:lnTo>
                <a:close/>
              </a:path>
              <a:path w="4904740" h="3823970">
                <a:moveTo>
                  <a:pt x="4904232" y="3390900"/>
                </a:moveTo>
                <a:lnTo>
                  <a:pt x="4890516" y="3390900"/>
                </a:lnTo>
                <a:lnTo>
                  <a:pt x="4890516" y="3377184"/>
                </a:lnTo>
                <a:lnTo>
                  <a:pt x="4904232" y="3377184"/>
                </a:lnTo>
                <a:lnTo>
                  <a:pt x="4904232" y="3390900"/>
                </a:lnTo>
                <a:close/>
              </a:path>
              <a:path w="4904740" h="3823970">
                <a:moveTo>
                  <a:pt x="4904232" y="3418332"/>
                </a:moveTo>
                <a:lnTo>
                  <a:pt x="4890516" y="3418332"/>
                </a:lnTo>
                <a:lnTo>
                  <a:pt x="4890516" y="3404616"/>
                </a:lnTo>
                <a:lnTo>
                  <a:pt x="4904232" y="3404616"/>
                </a:lnTo>
                <a:lnTo>
                  <a:pt x="4904232" y="3418332"/>
                </a:lnTo>
                <a:close/>
              </a:path>
              <a:path w="4904740" h="3823970">
                <a:moveTo>
                  <a:pt x="4904232" y="3447287"/>
                </a:moveTo>
                <a:lnTo>
                  <a:pt x="4890516" y="3447287"/>
                </a:lnTo>
                <a:lnTo>
                  <a:pt x="4890516" y="3433571"/>
                </a:lnTo>
                <a:lnTo>
                  <a:pt x="4904232" y="3433571"/>
                </a:lnTo>
                <a:lnTo>
                  <a:pt x="4904232" y="3447287"/>
                </a:lnTo>
                <a:close/>
              </a:path>
              <a:path w="4904740" h="3823970">
                <a:moveTo>
                  <a:pt x="4904232" y="3474719"/>
                </a:moveTo>
                <a:lnTo>
                  <a:pt x="4890516" y="3474719"/>
                </a:lnTo>
                <a:lnTo>
                  <a:pt x="4890516" y="3461003"/>
                </a:lnTo>
                <a:lnTo>
                  <a:pt x="4904232" y="3461003"/>
                </a:lnTo>
                <a:lnTo>
                  <a:pt x="4904232" y="3474719"/>
                </a:lnTo>
                <a:close/>
              </a:path>
              <a:path w="4904740" h="3823970">
                <a:moveTo>
                  <a:pt x="4904232" y="3503676"/>
                </a:moveTo>
                <a:lnTo>
                  <a:pt x="4890516" y="3503676"/>
                </a:lnTo>
                <a:lnTo>
                  <a:pt x="4890516" y="3488436"/>
                </a:lnTo>
                <a:lnTo>
                  <a:pt x="4904232" y="3488436"/>
                </a:lnTo>
                <a:lnTo>
                  <a:pt x="4904232" y="3503676"/>
                </a:lnTo>
                <a:close/>
              </a:path>
              <a:path w="4904740" h="3823970">
                <a:moveTo>
                  <a:pt x="4904232" y="3531108"/>
                </a:moveTo>
                <a:lnTo>
                  <a:pt x="4890516" y="3531108"/>
                </a:lnTo>
                <a:lnTo>
                  <a:pt x="4890516" y="3517392"/>
                </a:lnTo>
                <a:lnTo>
                  <a:pt x="4904232" y="3517392"/>
                </a:lnTo>
                <a:lnTo>
                  <a:pt x="4904232" y="3531108"/>
                </a:lnTo>
                <a:close/>
              </a:path>
              <a:path w="4904740" h="3823970">
                <a:moveTo>
                  <a:pt x="4904232" y="3558540"/>
                </a:moveTo>
                <a:lnTo>
                  <a:pt x="4890516" y="3558540"/>
                </a:lnTo>
                <a:lnTo>
                  <a:pt x="4890516" y="3544824"/>
                </a:lnTo>
                <a:lnTo>
                  <a:pt x="4904232" y="3544824"/>
                </a:lnTo>
                <a:lnTo>
                  <a:pt x="4904232" y="3558540"/>
                </a:lnTo>
                <a:close/>
              </a:path>
              <a:path w="4904740" h="3823970">
                <a:moveTo>
                  <a:pt x="4904232" y="3587496"/>
                </a:moveTo>
                <a:lnTo>
                  <a:pt x="4890516" y="3587496"/>
                </a:lnTo>
                <a:lnTo>
                  <a:pt x="4890516" y="3573780"/>
                </a:lnTo>
                <a:lnTo>
                  <a:pt x="4904232" y="3573780"/>
                </a:lnTo>
                <a:lnTo>
                  <a:pt x="4904232" y="3587496"/>
                </a:lnTo>
                <a:close/>
              </a:path>
              <a:path w="4904740" h="3823970">
                <a:moveTo>
                  <a:pt x="4904232" y="3614928"/>
                </a:moveTo>
                <a:lnTo>
                  <a:pt x="4890516" y="3614928"/>
                </a:lnTo>
                <a:lnTo>
                  <a:pt x="4890516" y="3601212"/>
                </a:lnTo>
                <a:lnTo>
                  <a:pt x="4904232" y="3601212"/>
                </a:lnTo>
                <a:lnTo>
                  <a:pt x="4904232" y="3614928"/>
                </a:lnTo>
                <a:close/>
              </a:path>
              <a:path w="4904740" h="3823970">
                <a:moveTo>
                  <a:pt x="4904232" y="3642360"/>
                </a:moveTo>
                <a:lnTo>
                  <a:pt x="4890516" y="3642360"/>
                </a:lnTo>
                <a:lnTo>
                  <a:pt x="4890516" y="3628644"/>
                </a:lnTo>
                <a:lnTo>
                  <a:pt x="4904232" y="3628644"/>
                </a:lnTo>
                <a:lnTo>
                  <a:pt x="4904232" y="3642360"/>
                </a:lnTo>
                <a:close/>
              </a:path>
              <a:path w="4904740" h="3823970">
                <a:moveTo>
                  <a:pt x="4904232" y="3671316"/>
                </a:moveTo>
                <a:lnTo>
                  <a:pt x="4890516" y="3671316"/>
                </a:lnTo>
                <a:lnTo>
                  <a:pt x="4890516" y="3657600"/>
                </a:lnTo>
                <a:lnTo>
                  <a:pt x="4904232" y="3657600"/>
                </a:lnTo>
                <a:lnTo>
                  <a:pt x="4904232" y="3671316"/>
                </a:lnTo>
                <a:close/>
              </a:path>
              <a:path w="4904740" h="3823970">
                <a:moveTo>
                  <a:pt x="4904232" y="3698748"/>
                </a:moveTo>
                <a:lnTo>
                  <a:pt x="4890516" y="3698748"/>
                </a:lnTo>
                <a:lnTo>
                  <a:pt x="4890516" y="3685032"/>
                </a:lnTo>
                <a:lnTo>
                  <a:pt x="4904232" y="3685032"/>
                </a:lnTo>
                <a:lnTo>
                  <a:pt x="4904232" y="3698748"/>
                </a:lnTo>
                <a:close/>
              </a:path>
              <a:path w="4904740" h="3823970">
                <a:moveTo>
                  <a:pt x="4904232" y="3727703"/>
                </a:moveTo>
                <a:lnTo>
                  <a:pt x="4890516" y="3727703"/>
                </a:lnTo>
                <a:lnTo>
                  <a:pt x="4890516" y="3712464"/>
                </a:lnTo>
                <a:lnTo>
                  <a:pt x="4904232" y="3712464"/>
                </a:lnTo>
                <a:lnTo>
                  <a:pt x="4904232" y="3727703"/>
                </a:lnTo>
                <a:close/>
              </a:path>
              <a:path w="4904740" h="3823970">
                <a:moveTo>
                  <a:pt x="4904232" y="3755136"/>
                </a:moveTo>
                <a:lnTo>
                  <a:pt x="4890516" y="3755136"/>
                </a:lnTo>
                <a:lnTo>
                  <a:pt x="4890516" y="3741419"/>
                </a:lnTo>
                <a:lnTo>
                  <a:pt x="4904232" y="3741419"/>
                </a:lnTo>
                <a:lnTo>
                  <a:pt x="4904232" y="3755136"/>
                </a:lnTo>
                <a:close/>
              </a:path>
              <a:path w="4904740" h="3823970">
                <a:moveTo>
                  <a:pt x="4904232" y="3782568"/>
                </a:moveTo>
                <a:lnTo>
                  <a:pt x="4890516" y="3782568"/>
                </a:lnTo>
                <a:lnTo>
                  <a:pt x="4890516" y="3768852"/>
                </a:lnTo>
                <a:lnTo>
                  <a:pt x="4904232" y="3768852"/>
                </a:lnTo>
                <a:lnTo>
                  <a:pt x="4904232" y="3782568"/>
                </a:lnTo>
                <a:close/>
              </a:path>
              <a:path w="4904740" h="3823970">
                <a:moveTo>
                  <a:pt x="4904232" y="3811524"/>
                </a:moveTo>
                <a:lnTo>
                  <a:pt x="4890516" y="3811524"/>
                </a:lnTo>
                <a:lnTo>
                  <a:pt x="4890516" y="3797808"/>
                </a:lnTo>
                <a:lnTo>
                  <a:pt x="4904232" y="3797808"/>
                </a:lnTo>
                <a:lnTo>
                  <a:pt x="4904232" y="3811524"/>
                </a:lnTo>
                <a:close/>
              </a:path>
              <a:path w="4904740" h="3823970">
                <a:moveTo>
                  <a:pt x="4888991" y="3823716"/>
                </a:moveTo>
                <a:lnTo>
                  <a:pt x="4875275" y="3823716"/>
                </a:lnTo>
                <a:lnTo>
                  <a:pt x="4875275" y="3810000"/>
                </a:lnTo>
                <a:lnTo>
                  <a:pt x="4888991" y="3810000"/>
                </a:lnTo>
                <a:lnTo>
                  <a:pt x="4888991" y="3823716"/>
                </a:lnTo>
                <a:close/>
              </a:path>
              <a:path w="4904740" h="3823970">
                <a:moveTo>
                  <a:pt x="4860036" y="3823716"/>
                </a:moveTo>
                <a:lnTo>
                  <a:pt x="4846320" y="3823716"/>
                </a:lnTo>
                <a:lnTo>
                  <a:pt x="4846320" y="3810000"/>
                </a:lnTo>
                <a:lnTo>
                  <a:pt x="4860036" y="3810000"/>
                </a:lnTo>
                <a:lnTo>
                  <a:pt x="4860036" y="3823716"/>
                </a:lnTo>
                <a:close/>
              </a:path>
              <a:path w="4904740" h="3823970">
                <a:moveTo>
                  <a:pt x="4832604" y="3823716"/>
                </a:moveTo>
                <a:lnTo>
                  <a:pt x="4818888" y="3823716"/>
                </a:lnTo>
                <a:lnTo>
                  <a:pt x="4818888" y="3810000"/>
                </a:lnTo>
                <a:lnTo>
                  <a:pt x="4832604" y="3810000"/>
                </a:lnTo>
                <a:lnTo>
                  <a:pt x="4832604" y="3823716"/>
                </a:lnTo>
                <a:close/>
              </a:path>
              <a:path w="4904740" h="3823970">
                <a:moveTo>
                  <a:pt x="4805172" y="3823716"/>
                </a:moveTo>
                <a:lnTo>
                  <a:pt x="4789932" y="3823716"/>
                </a:lnTo>
                <a:lnTo>
                  <a:pt x="4789932" y="3810000"/>
                </a:lnTo>
                <a:lnTo>
                  <a:pt x="4805172" y="3810000"/>
                </a:lnTo>
                <a:lnTo>
                  <a:pt x="4805172" y="3823716"/>
                </a:lnTo>
                <a:close/>
              </a:path>
              <a:path w="4904740" h="3823970">
                <a:moveTo>
                  <a:pt x="4776216" y="3823716"/>
                </a:moveTo>
                <a:lnTo>
                  <a:pt x="4762500" y="3823716"/>
                </a:lnTo>
                <a:lnTo>
                  <a:pt x="4762500" y="3810000"/>
                </a:lnTo>
                <a:lnTo>
                  <a:pt x="4776216" y="3810000"/>
                </a:lnTo>
                <a:lnTo>
                  <a:pt x="4776216" y="3823716"/>
                </a:lnTo>
                <a:close/>
              </a:path>
              <a:path w="4904740" h="3823970">
                <a:moveTo>
                  <a:pt x="4748784" y="3823716"/>
                </a:moveTo>
                <a:lnTo>
                  <a:pt x="4735068" y="3823716"/>
                </a:lnTo>
                <a:lnTo>
                  <a:pt x="4735068" y="3810000"/>
                </a:lnTo>
                <a:lnTo>
                  <a:pt x="4748784" y="3810000"/>
                </a:lnTo>
                <a:lnTo>
                  <a:pt x="4748784" y="3823716"/>
                </a:lnTo>
                <a:close/>
              </a:path>
              <a:path w="4904740" h="3823970">
                <a:moveTo>
                  <a:pt x="4719827" y="3823716"/>
                </a:moveTo>
                <a:lnTo>
                  <a:pt x="4706112" y="3823716"/>
                </a:lnTo>
                <a:lnTo>
                  <a:pt x="4706112" y="3810000"/>
                </a:lnTo>
                <a:lnTo>
                  <a:pt x="4719827" y="3810000"/>
                </a:lnTo>
                <a:lnTo>
                  <a:pt x="4719827" y="3823716"/>
                </a:lnTo>
                <a:close/>
              </a:path>
              <a:path w="4904740" h="3823970">
                <a:moveTo>
                  <a:pt x="4692396" y="3823716"/>
                </a:moveTo>
                <a:lnTo>
                  <a:pt x="4678680" y="3823716"/>
                </a:lnTo>
                <a:lnTo>
                  <a:pt x="4678680" y="3810000"/>
                </a:lnTo>
                <a:lnTo>
                  <a:pt x="4692396" y="3810000"/>
                </a:lnTo>
                <a:lnTo>
                  <a:pt x="4692396" y="3823716"/>
                </a:lnTo>
                <a:close/>
              </a:path>
              <a:path w="4904740" h="3823970">
                <a:moveTo>
                  <a:pt x="4664964" y="3823716"/>
                </a:moveTo>
                <a:lnTo>
                  <a:pt x="4651248" y="3823716"/>
                </a:lnTo>
                <a:lnTo>
                  <a:pt x="4651248" y="3810000"/>
                </a:lnTo>
                <a:lnTo>
                  <a:pt x="4664964" y="3810000"/>
                </a:lnTo>
                <a:lnTo>
                  <a:pt x="4664964" y="3823716"/>
                </a:lnTo>
                <a:close/>
              </a:path>
              <a:path w="4904740" h="3823970">
                <a:moveTo>
                  <a:pt x="4636007" y="3823716"/>
                </a:moveTo>
                <a:lnTo>
                  <a:pt x="4622291" y="3823716"/>
                </a:lnTo>
                <a:lnTo>
                  <a:pt x="4622291" y="3810000"/>
                </a:lnTo>
                <a:lnTo>
                  <a:pt x="4636007" y="3810000"/>
                </a:lnTo>
                <a:lnTo>
                  <a:pt x="4636007" y="3823716"/>
                </a:lnTo>
                <a:close/>
              </a:path>
              <a:path w="4904740" h="3823970">
                <a:moveTo>
                  <a:pt x="4608575" y="3823716"/>
                </a:moveTo>
                <a:lnTo>
                  <a:pt x="4594859" y="3823716"/>
                </a:lnTo>
                <a:lnTo>
                  <a:pt x="4594859" y="3810000"/>
                </a:lnTo>
                <a:lnTo>
                  <a:pt x="4608575" y="3810000"/>
                </a:lnTo>
                <a:lnTo>
                  <a:pt x="4608575" y="3823716"/>
                </a:lnTo>
                <a:close/>
              </a:path>
              <a:path w="4904740" h="3823970">
                <a:moveTo>
                  <a:pt x="4581143" y="3823716"/>
                </a:moveTo>
                <a:lnTo>
                  <a:pt x="4565904" y="3823716"/>
                </a:lnTo>
                <a:lnTo>
                  <a:pt x="4565904" y="3810000"/>
                </a:lnTo>
                <a:lnTo>
                  <a:pt x="4581143" y="3810000"/>
                </a:lnTo>
                <a:lnTo>
                  <a:pt x="4581143" y="3823716"/>
                </a:lnTo>
                <a:close/>
              </a:path>
              <a:path w="4904740" h="3823970">
                <a:moveTo>
                  <a:pt x="4552188" y="3823716"/>
                </a:moveTo>
                <a:lnTo>
                  <a:pt x="4538472" y="3823716"/>
                </a:lnTo>
                <a:lnTo>
                  <a:pt x="4538472" y="3810000"/>
                </a:lnTo>
                <a:lnTo>
                  <a:pt x="4552188" y="3810000"/>
                </a:lnTo>
                <a:lnTo>
                  <a:pt x="4552188" y="3823716"/>
                </a:lnTo>
                <a:close/>
              </a:path>
              <a:path w="4904740" h="3823970">
                <a:moveTo>
                  <a:pt x="4524756" y="3823716"/>
                </a:moveTo>
                <a:lnTo>
                  <a:pt x="4511040" y="3823716"/>
                </a:lnTo>
                <a:lnTo>
                  <a:pt x="4511040" y="3810000"/>
                </a:lnTo>
                <a:lnTo>
                  <a:pt x="4524756" y="3810000"/>
                </a:lnTo>
                <a:lnTo>
                  <a:pt x="4524756" y="3823716"/>
                </a:lnTo>
                <a:close/>
              </a:path>
              <a:path w="4904740" h="3823970">
                <a:moveTo>
                  <a:pt x="4495800" y="3823716"/>
                </a:moveTo>
                <a:lnTo>
                  <a:pt x="4482084" y="3823716"/>
                </a:lnTo>
                <a:lnTo>
                  <a:pt x="4482084" y="3810000"/>
                </a:lnTo>
                <a:lnTo>
                  <a:pt x="4495800" y="3810000"/>
                </a:lnTo>
                <a:lnTo>
                  <a:pt x="4495800" y="3823716"/>
                </a:lnTo>
                <a:close/>
              </a:path>
              <a:path w="4904740" h="3823970">
                <a:moveTo>
                  <a:pt x="4468368" y="3823716"/>
                </a:moveTo>
                <a:lnTo>
                  <a:pt x="4454652" y="3823716"/>
                </a:lnTo>
                <a:lnTo>
                  <a:pt x="4454652" y="3810000"/>
                </a:lnTo>
                <a:lnTo>
                  <a:pt x="4468368" y="3810000"/>
                </a:lnTo>
                <a:lnTo>
                  <a:pt x="4468368" y="3823716"/>
                </a:lnTo>
                <a:close/>
              </a:path>
              <a:path w="4904740" h="3823970">
                <a:moveTo>
                  <a:pt x="4440936" y="3823716"/>
                </a:moveTo>
                <a:lnTo>
                  <a:pt x="4427220" y="3823716"/>
                </a:lnTo>
                <a:lnTo>
                  <a:pt x="4427220" y="3810000"/>
                </a:lnTo>
                <a:lnTo>
                  <a:pt x="4440936" y="3810000"/>
                </a:lnTo>
                <a:lnTo>
                  <a:pt x="4440936" y="3823716"/>
                </a:lnTo>
                <a:close/>
              </a:path>
              <a:path w="4904740" h="3823970">
                <a:moveTo>
                  <a:pt x="4411980" y="3823716"/>
                </a:moveTo>
                <a:lnTo>
                  <a:pt x="4398264" y="3823716"/>
                </a:lnTo>
                <a:lnTo>
                  <a:pt x="4398264" y="3810000"/>
                </a:lnTo>
                <a:lnTo>
                  <a:pt x="4411980" y="3810000"/>
                </a:lnTo>
                <a:lnTo>
                  <a:pt x="4411980" y="3823716"/>
                </a:lnTo>
                <a:close/>
              </a:path>
              <a:path w="4904740" h="3823970">
                <a:moveTo>
                  <a:pt x="4384548" y="3823716"/>
                </a:moveTo>
                <a:lnTo>
                  <a:pt x="4370831" y="3823716"/>
                </a:lnTo>
                <a:lnTo>
                  <a:pt x="4370831" y="3810000"/>
                </a:lnTo>
                <a:lnTo>
                  <a:pt x="4384548" y="3810000"/>
                </a:lnTo>
                <a:lnTo>
                  <a:pt x="4384548" y="3823716"/>
                </a:lnTo>
                <a:close/>
              </a:path>
              <a:path w="4904740" h="3823970">
                <a:moveTo>
                  <a:pt x="4357116" y="3823716"/>
                </a:moveTo>
                <a:lnTo>
                  <a:pt x="4341876" y="3823716"/>
                </a:lnTo>
                <a:lnTo>
                  <a:pt x="4341876" y="3810000"/>
                </a:lnTo>
                <a:lnTo>
                  <a:pt x="4357116" y="3810000"/>
                </a:lnTo>
                <a:lnTo>
                  <a:pt x="4357116" y="3823716"/>
                </a:lnTo>
                <a:close/>
              </a:path>
              <a:path w="4904740" h="3823970">
                <a:moveTo>
                  <a:pt x="4328160" y="3823716"/>
                </a:moveTo>
                <a:lnTo>
                  <a:pt x="4314444" y="3823716"/>
                </a:lnTo>
                <a:lnTo>
                  <a:pt x="4314444" y="3810000"/>
                </a:lnTo>
                <a:lnTo>
                  <a:pt x="4328160" y="3810000"/>
                </a:lnTo>
                <a:lnTo>
                  <a:pt x="4328160" y="3823716"/>
                </a:lnTo>
                <a:close/>
              </a:path>
              <a:path w="4904740" h="3823970">
                <a:moveTo>
                  <a:pt x="4300728" y="3823716"/>
                </a:moveTo>
                <a:lnTo>
                  <a:pt x="4287012" y="3823716"/>
                </a:lnTo>
                <a:lnTo>
                  <a:pt x="4287012" y="3810000"/>
                </a:lnTo>
                <a:lnTo>
                  <a:pt x="4300728" y="3810000"/>
                </a:lnTo>
                <a:lnTo>
                  <a:pt x="4300728" y="3823716"/>
                </a:lnTo>
                <a:close/>
              </a:path>
              <a:path w="4904740" h="3823970">
                <a:moveTo>
                  <a:pt x="4271772" y="3823716"/>
                </a:moveTo>
                <a:lnTo>
                  <a:pt x="4258056" y="3823716"/>
                </a:lnTo>
                <a:lnTo>
                  <a:pt x="4258056" y="3810000"/>
                </a:lnTo>
                <a:lnTo>
                  <a:pt x="4271772" y="3810000"/>
                </a:lnTo>
                <a:lnTo>
                  <a:pt x="4271772" y="3823716"/>
                </a:lnTo>
                <a:close/>
              </a:path>
              <a:path w="4904740" h="3823970">
                <a:moveTo>
                  <a:pt x="4244340" y="3823716"/>
                </a:moveTo>
                <a:lnTo>
                  <a:pt x="4230623" y="3823716"/>
                </a:lnTo>
                <a:lnTo>
                  <a:pt x="4230623" y="3810000"/>
                </a:lnTo>
                <a:lnTo>
                  <a:pt x="4244340" y="3810000"/>
                </a:lnTo>
                <a:lnTo>
                  <a:pt x="4244340" y="3823716"/>
                </a:lnTo>
                <a:close/>
              </a:path>
              <a:path w="4904740" h="3823970">
                <a:moveTo>
                  <a:pt x="4216908" y="3823716"/>
                </a:moveTo>
                <a:lnTo>
                  <a:pt x="4203192" y="3823716"/>
                </a:lnTo>
                <a:lnTo>
                  <a:pt x="4203192" y="3810000"/>
                </a:lnTo>
                <a:lnTo>
                  <a:pt x="4216908" y="3810000"/>
                </a:lnTo>
                <a:lnTo>
                  <a:pt x="4216908" y="3823716"/>
                </a:lnTo>
                <a:close/>
              </a:path>
              <a:path w="4904740" h="3823970">
                <a:moveTo>
                  <a:pt x="4187952" y="3823716"/>
                </a:moveTo>
                <a:lnTo>
                  <a:pt x="4174236" y="3823716"/>
                </a:lnTo>
                <a:lnTo>
                  <a:pt x="4174236" y="3810000"/>
                </a:lnTo>
                <a:lnTo>
                  <a:pt x="4187952" y="3810000"/>
                </a:lnTo>
                <a:lnTo>
                  <a:pt x="4187952" y="3823716"/>
                </a:lnTo>
                <a:close/>
              </a:path>
              <a:path w="4904740" h="3823970">
                <a:moveTo>
                  <a:pt x="4160520" y="3823716"/>
                </a:moveTo>
                <a:lnTo>
                  <a:pt x="4146804" y="3823716"/>
                </a:lnTo>
                <a:lnTo>
                  <a:pt x="4146804" y="3810000"/>
                </a:lnTo>
                <a:lnTo>
                  <a:pt x="4160520" y="3810000"/>
                </a:lnTo>
                <a:lnTo>
                  <a:pt x="4160520" y="3823716"/>
                </a:lnTo>
                <a:close/>
              </a:path>
              <a:path w="4904740" h="3823970">
                <a:moveTo>
                  <a:pt x="4133088" y="3823716"/>
                </a:moveTo>
                <a:lnTo>
                  <a:pt x="4117848" y="3823716"/>
                </a:lnTo>
                <a:lnTo>
                  <a:pt x="4117848" y="3810000"/>
                </a:lnTo>
                <a:lnTo>
                  <a:pt x="4133088" y="3810000"/>
                </a:lnTo>
                <a:lnTo>
                  <a:pt x="4133088" y="3823716"/>
                </a:lnTo>
                <a:close/>
              </a:path>
              <a:path w="4904740" h="3823970">
                <a:moveTo>
                  <a:pt x="4104131" y="3823716"/>
                </a:moveTo>
                <a:lnTo>
                  <a:pt x="4090416" y="3823716"/>
                </a:lnTo>
                <a:lnTo>
                  <a:pt x="4090416" y="3810000"/>
                </a:lnTo>
                <a:lnTo>
                  <a:pt x="4104131" y="3810000"/>
                </a:lnTo>
                <a:lnTo>
                  <a:pt x="4104131" y="3823716"/>
                </a:lnTo>
                <a:close/>
              </a:path>
              <a:path w="4904740" h="3823970">
                <a:moveTo>
                  <a:pt x="4076700" y="3823716"/>
                </a:moveTo>
                <a:lnTo>
                  <a:pt x="4062984" y="3823716"/>
                </a:lnTo>
                <a:lnTo>
                  <a:pt x="4062984" y="3810000"/>
                </a:lnTo>
                <a:lnTo>
                  <a:pt x="4076700" y="3810000"/>
                </a:lnTo>
                <a:lnTo>
                  <a:pt x="4076700" y="3823716"/>
                </a:lnTo>
                <a:close/>
              </a:path>
              <a:path w="4904740" h="3823970">
                <a:moveTo>
                  <a:pt x="4047744" y="3823716"/>
                </a:moveTo>
                <a:lnTo>
                  <a:pt x="4034028" y="3823716"/>
                </a:lnTo>
                <a:lnTo>
                  <a:pt x="4034028" y="3810000"/>
                </a:lnTo>
                <a:lnTo>
                  <a:pt x="4047744" y="3810000"/>
                </a:lnTo>
                <a:lnTo>
                  <a:pt x="4047744" y="3823716"/>
                </a:lnTo>
                <a:close/>
              </a:path>
              <a:path w="4904740" h="3823970">
                <a:moveTo>
                  <a:pt x="4020312" y="3823716"/>
                </a:moveTo>
                <a:lnTo>
                  <a:pt x="4006596" y="3823716"/>
                </a:lnTo>
                <a:lnTo>
                  <a:pt x="4006596" y="3810000"/>
                </a:lnTo>
                <a:lnTo>
                  <a:pt x="4020312" y="3810000"/>
                </a:lnTo>
                <a:lnTo>
                  <a:pt x="4020312" y="3823716"/>
                </a:lnTo>
                <a:close/>
              </a:path>
              <a:path w="4904740" h="3823970">
                <a:moveTo>
                  <a:pt x="3992880" y="3823716"/>
                </a:moveTo>
                <a:lnTo>
                  <a:pt x="3977639" y="3823716"/>
                </a:lnTo>
                <a:lnTo>
                  <a:pt x="3977639" y="3810000"/>
                </a:lnTo>
                <a:lnTo>
                  <a:pt x="3992880" y="3810000"/>
                </a:lnTo>
                <a:lnTo>
                  <a:pt x="3992880" y="3823716"/>
                </a:lnTo>
                <a:close/>
              </a:path>
              <a:path w="4904740" h="3823970">
                <a:moveTo>
                  <a:pt x="3963923" y="3823716"/>
                </a:moveTo>
                <a:lnTo>
                  <a:pt x="3950208" y="3823716"/>
                </a:lnTo>
                <a:lnTo>
                  <a:pt x="3950208" y="3810000"/>
                </a:lnTo>
                <a:lnTo>
                  <a:pt x="3963923" y="3810000"/>
                </a:lnTo>
                <a:lnTo>
                  <a:pt x="3963923" y="3823716"/>
                </a:lnTo>
                <a:close/>
              </a:path>
              <a:path w="4904740" h="3823970">
                <a:moveTo>
                  <a:pt x="3936492" y="3823716"/>
                </a:moveTo>
                <a:lnTo>
                  <a:pt x="3922776" y="3823716"/>
                </a:lnTo>
                <a:lnTo>
                  <a:pt x="3922776" y="3810000"/>
                </a:lnTo>
                <a:lnTo>
                  <a:pt x="3936492" y="3810000"/>
                </a:lnTo>
                <a:lnTo>
                  <a:pt x="3936492" y="3823716"/>
                </a:lnTo>
                <a:close/>
              </a:path>
              <a:path w="4904740" h="3823970">
                <a:moveTo>
                  <a:pt x="3909060" y="3823716"/>
                </a:moveTo>
                <a:lnTo>
                  <a:pt x="3893820" y="3823716"/>
                </a:lnTo>
                <a:lnTo>
                  <a:pt x="3893820" y="3810000"/>
                </a:lnTo>
                <a:lnTo>
                  <a:pt x="3909060" y="3810000"/>
                </a:lnTo>
                <a:lnTo>
                  <a:pt x="3909060" y="3823716"/>
                </a:lnTo>
                <a:close/>
              </a:path>
              <a:path w="4904740" h="3823970">
                <a:moveTo>
                  <a:pt x="3880104" y="3823716"/>
                </a:moveTo>
                <a:lnTo>
                  <a:pt x="3866388" y="3823716"/>
                </a:lnTo>
                <a:lnTo>
                  <a:pt x="3866388" y="3810000"/>
                </a:lnTo>
                <a:lnTo>
                  <a:pt x="3880104" y="3810000"/>
                </a:lnTo>
                <a:lnTo>
                  <a:pt x="3880104" y="3823716"/>
                </a:lnTo>
                <a:close/>
              </a:path>
              <a:path w="4904740" h="3823970">
                <a:moveTo>
                  <a:pt x="3852672" y="3823716"/>
                </a:moveTo>
                <a:lnTo>
                  <a:pt x="3838956" y="3823716"/>
                </a:lnTo>
                <a:lnTo>
                  <a:pt x="3838956" y="3810000"/>
                </a:lnTo>
                <a:lnTo>
                  <a:pt x="3852672" y="3810000"/>
                </a:lnTo>
                <a:lnTo>
                  <a:pt x="3852672" y="3823716"/>
                </a:lnTo>
                <a:close/>
              </a:path>
              <a:path w="4904740" h="3823970">
                <a:moveTo>
                  <a:pt x="3823716" y="3823716"/>
                </a:moveTo>
                <a:lnTo>
                  <a:pt x="3810000" y="3823716"/>
                </a:lnTo>
                <a:lnTo>
                  <a:pt x="3810000" y="3810000"/>
                </a:lnTo>
                <a:lnTo>
                  <a:pt x="3823716" y="3810000"/>
                </a:lnTo>
                <a:lnTo>
                  <a:pt x="3823716" y="3823716"/>
                </a:lnTo>
                <a:close/>
              </a:path>
              <a:path w="4904740" h="3823970">
                <a:moveTo>
                  <a:pt x="3796284" y="3823716"/>
                </a:moveTo>
                <a:lnTo>
                  <a:pt x="3782568" y="3823716"/>
                </a:lnTo>
                <a:lnTo>
                  <a:pt x="3782568" y="3810000"/>
                </a:lnTo>
                <a:lnTo>
                  <a:pt x="3796284" y="3810000"/>
                </a:lnTo>
                <a:lnTo>
                  <a:pt x="3796284" y="3823716"/>
                </a:lnTo>
                <a:close/>
              </a:path>
              <a:path w="4904740" h="3823970">
                <a:moveTo>
                  <a:pt x="3768852" y="3823716"/>
                </a:moveTo>
                <a:lnTo>
                  <a:pt x="3753612" y="3823716"/>
                </a:lnTo>
                <a:lnTo>
                  <a:pt x="3753612" y="3810000"/>
                </a:lnTo>
                <a:lnTo>
                  <a:pt x="3768852" y="3810000"/>
                </a:lnTo>
                <a:lnTo>
                  <a:pt x="3768852" y="3823716"/>
                </a:lnTo>
                <a:close/>
              </a:path>
              <a:path w="4904740" h="3823970">
                <a:moveTo>
                  <a:pt x="3739896" y="3823716"/>
                </a:moveTo>
                <a:lnTo>
                  <a:pt x="3726180" y="3823716"/>
                </a:lnTo>
                <a:lnTo>
                  <a:pt x="3726180" y="3810000"/>
                </a:lnTo>
                <a:lnTo>
                  <a:pt x="3739896" y="3810000"/>
                </a:lnTo>
                <a:lnTo>
                  <a:pt x="3739896" y="3823716"/>
                </a:lnTo>
                <a:close/>
              </a:path>
              <a:path w="4904740" h="3823970">
                <a:moveTo>
                  <a:pt x="3712464" y="3823716"/>
                </a:moveTo>
                <a:lnTo>
                  <a:pt x="3698747" y="3823716"/>
                </a:lnTo>
                <a:lnTo>
                  <a:pt x="3698747" y="3810000"/>
                </a:lnTo>
                <a:lnTo>
                  <a:pt x="3712464" y="3810000"/>
                </a:lnTo>
                <a:lnTo>
                  <a:pt x="3712464" y="3823716"/>
                </a:lnTo>
                <a:close/>
              </a:path>
              <a:path w="4904740" h="3823970">
                <a:moveTo>
                  <a:pt x="3685031" y="3823716"/>
                </a:moveTo>
                <a:lnTo>
                  <a:pt x="3669792" y="3823716"/>
                </a:lnTo>
                <a:lnTo>
                  <a:pt x="3669792" y="3810000"/>
                </a:lnTo>
                <a:lnTo>
                  <a:pt x="3685031" y="3810000"/>
                </a:lnTo>
                <a:lnTo>
                  <a:pt x="3685031" y="3823716"/>
                </a:lnTo>
                <a:close/>
              </a:path>
              <a:path w="4904740" h="3823970">
                <a:moveTo>
                  <a:pt x="3656076" y="3823716"/>
                </a:moveTo>
                <a:lnTo>
                  <a:pt x="3642360" y="3823716"/>
                </a:lnTo>
                <a:lnTo>
                  <a:pt x="3642360" y="3810000"/>
                </a:lnTo>
                <a:lnTo>
                  <a:pt x="3656076" y="3810000"/>
                </a:lnTo>
                <a:lnTo>
                  <a:pt x="3656076" y="3823716"/>
                </a:lnTo>
                <a:close/>
              </a:path>
              <a:path w="4904740" h="3823970">
                <a:moveTo>
                  <a:pt x="3628644" y="3823716"/>
                </a:moveTo>
                <a:lnTo>
                  <a:pt x="3614928" y="3823716"/>
                </a:lnTo>
                <a:lnTo>
                  <a:pt x="3614928" y="3810000"/>
                </a:lnTo>
                <a:lnTo>
                  <a:pt x="3628644" y="3810000"/>
                </a:lnTo>
                <a:lnTo>
                  <a:pt x="3628644" y="3823716"/>
                </a:lnTo>
                <a:close/>
              </a:path>
              <a:path w="4904740" h="3823970">
                <a:moveTo>
                  <a:pt x="3599688" y="3823716"/>
                </a:moveTo>
                <a:lnTo>
                  <a:pt x="3585972" y="3823716"/>
                </a:lnTo>
                <a:lnTo>
                  <a:pt x="3585972" y="3810000"/>
                </a:lnTo>
                <a:lnTo>
                  <a:pt x="3599688" y="3810000"/>
                </a:lnTo>
                <a:lnTo>
                  <a:pt x="3599688" y="3823716"/>
                </a:lnTo>
                <a:close/>
              </a:path>
              <a:path w="4904740" h="3823970">
                <a:moveTo>
                  <a:pt x="3572256" y="3823716"/>
                </a:moveTo>
                <a:lnTo>
                  <a:pt x="3558539" y="3823716"/>
                </a:lnTo>
                <a:lnTo>
                  <a:pt x="3558539" y="3810000"/>
                </a:lnTo>
                <a:lnTo>
                  <a:pt x="3572256" y="3810000"/>
                </a:lnTo>
                <a:lnTo>
                  <a:pt x="3572256" y="3823716"/>
                </a:lnTo>
                <a:close/>
              </a:path>
              <a:path w="4904740" h="3823970">
                <a:moveTo>
                  <a:pt x="3544823" y="3823716"/>
                </a:moveTo>
                <a:lnTo>
                  <a:pt x="3529584" y="3823716"/>
                </a:lnTo>
                <a:lnTo>
                  <a:pt x="3529584" y="3810000"/>
                </a:lnTo>
                <a:lnTo>
                  <a:pt x="3544823" y="3810000"/>
                </a:lnTo>
                <a:lnTo>
                  <a:pt x="3544823" y="3823716"/>
                </a:lnTo>
                <a:close/>
              </a:path>
              <a:path w="4904740" h="3823970">
                <a:moveTo>
                  <a:pt x="3515868" y="3823716"/>
                </a:moveTo>
                <a:lnTo>
                  <a:pt x="3502152" y="3823716"/>
                </a:lnTo>
                <a:lnTo>
                  <a:pt x="3502152" y="3810000"/>
                </a:lnTo>
                <a:lnTo>
                  <a:pt x="3515868" y="3810000"/>
                </a:lnTo>
                <a:lnTo>
                  <a:pt x="3515868" y="3823716"/>
                </a:lnTo>
                <a:close/>
              </a:path>
              <a:path w="4904740" h="3823970">
                <a:moveTo>
                  <a:pt x="3488436" y="3823716"/>
                </a:moveTo>
                <a:lnTo>
                  <a:pt x="3474720" y="3823716"/>
                </a:lnTo>
                <a:lnTo>
                  <a:pt x="3474720" y="3810000"/>
                </a:lnTo>
                <a:lnTo>
                  <a:pt x="3488436" y="3810000"/>
                </a:lnTo>
                <a:lnTo>
                  <a:pt x="3488436" y="3823716"/>
                </a:lnTo>
                <a:close/>
              </a:path>
              <a:path w="4904740" h="3823970">
                <a:moveTo>
                  <a:pt x="3461004" y="3823716"/>
                </a:moveTo>
                <a:lnTo>
                  <a:pt x="3445764" y="3823716"/>
                </a:lnTo>
                <a:lnTo>
                  <a:pt x="3445764" y="3810000"/>
                </a:lnTo>
                <a:lnTo>
                  <a:pt x="3461004" y="3810000"/>
                </a:lnTo>
                <a:lnTo>
                  <a:pt x="3461004" y="3823716"/>
                </a:lnTo>
                <a:close/>
              </a:path>
              <a:path w="4904740" h="3823970">
                <a:moveTo>
                  <a:pt x="3432047" y="3823716"/>
                </a:moveTo>
                <a:lnTo>
                  <a:pt x="3418331" y="3823716"/>
                </a:lnTo>
                <a:lnTo>
                  <a:pt x="3418331" y="3810000"/>
                </a:lnTo>
                <a:lnTo>
                  <a:pt x="3432047" y="3810000"/>
                </a:lnTo>
                <a:lnTo>
                  <a:pt x="3432047" y="3823716"/>
                </a:lnTo>
                <a:close/>
              </a:path>
              <a:path w="4904740" h="3823970">
                <a:moveTo>
                  <a:pt x="3404616" y="3823716"/>
                </a:moveTo>
                <a:lnTo>
                  <a:pt x="3390900" y="3823716"/>
                </a:lnTo>
                <a:lnTo>
                  <a:pt x="3390900" y="3810000"/>
                </a:lnTo>
                <a:lnTo>
                  <a:pt x="3404616" y="3810000"/>
                </a:lnTo>
                <a:lnTo>
                  <a:pt x="3404616" y="3823716"/>
                </a:lnTo>
                <a:close/>
              </a:path>
              <a:path w="4904740" h="3823970">
                <a:moveTo>
                  <a:pt x="3375660" y="3823716"/>
                </a:moveTo>
                <a:lnTo>
                  <a:pt x="3361944" y="3823716"/>
                </a:lnTo>
                <a:lnTo>
                  <a:pt x="3361944" y="3810000"/>
                </a:lnTo>
                <a:lnTo>
                  <a:pt x="3375660" y="3810000"/>
                </a:lnTo>
                <a:lnTo>
                  <a:pt x="3375660" y="3823716"/>
                </a:lnTo>
                <a:close/>
              </a:path>
              <a:path w="4904740" h="3823970">
                <a:moveTo>
                  <a:pt x="3348228" y="3823716"/>
                </a:moveTo>
                <a:lnTo>
                  <a:pt x="3334512" y="3823716"/>
                </a:lnTo>
                <a:lnTo>
                  <a:pt x="3334512" y="3810000"/>
                </a:lnTo>
                <a:lnTo>
                  <a:pt x="3348228" y="3810000"/>
                </a:lnTo>
                <a:lnTo>
                  <a:pt x="3348228" y="3823716"/>
                </a:lnTo>
                <a:close/>
              </a:path>
              <a:path w="4904740" h="3823970">
                <a:moveTo>
                  <a:pt x="3320796" y="3823716"/>
                </a:moveTo>
                <a:lnTo>
                  <a:pt x="3305555" y="3823716"/>
                </a:lnTo>
                <a:lnTo>
                  <a:pt x="3305555" y="3810000"/>
                </a:lnTo>
                <a:lnTo>
                  <a:pt x="3320796" y="3810000"/>
                </a:lnTo>
                <a:lnTo>
                  <a:pt x="3320796" y="3823716"/>
                </a:lnTo>
                <a:close/>
              </a:path>
              <a:path w="4904740" h="3823970">
                <a:moveTo>
                  <a:pt x="3291839" y="3823716"/>
                </a:moveTo>
                <a:lnTo>
                  <a:pt x="3278123" y="3823716"/>
                </a:lnTo>
                <a:lnTo>
                  <a:pt x="3278123" y="3810000"/>
                </a:lnTo>
                <a:lnTo>
                  <a:pt x="3291839" y="3810000"/>
                </a:lnTo>
                <a:lnTo>
                  <a:pt x="3291839" y="3823716"/>
                </a:lnTo>
                <a:close/>
              </a:path>
              <a:path w="4904740" h="3823970">
                <a:moveTo>
                  <a:pt x="3264408" y="3823716"/>
                </a:moveTo>
                <a:lnTo>
                  <a:pt x="3250692" y="3823716"/>
                </a:lnTo>
                <a:lnTo>
                  <a:pt x="3250692" y="3810000"/>
                </a:lnTo>
                <a:lnTo>
                  <a:pt x="3264408" y="3810000"/>
                </a:lnTo>
                <a:lnTo>
                  <a:pt x="3264408" y="3823716"/>
                </a:lnTo>
                <a:close/>
              </a:path>
              <a:path w="4904740" h="3823970">
                <a:moveTo>
                  <a:pt x="3236976" y="3823716"/>
                </a:moveTo>
                <a:lnTo>
                  <a:pt x="3221736" y="3823716"/>
                </a:lnTo>
                <a:lnTo>
                  <a:pt x="3221736" y="3810000"/>
                </a:lnTo>
                <a:lnTo>
                  <a:pt x="3236976" y="3810000"/>
                </a:lnTo>
                <a:lnTo>
                  <a:pt x="3236976" y="3823716"/>
                </a:lnTo>
                <a:close/>
              </a:path>
              <a:path w="4904740" h="3823970">
                <a:moveTo>
                  <a:pt x="3208020" y="3823716"/>
                </a:moveTo>
                <a:lnTo>
                  <a:pt x="3194304" y="3823716"/>
                </a:lnTo>
                <a:lnTo>
                  <a:pt x="3194304" y="3810000"/>
                </a:lnTo>
                <a:lnTo>
                  <a:pt x="3208020" y="3810000"/>
                </a:lnTo>
                <a:lnTo>
                  <a:pt x="3208020" y="3823716"/>
                </a:lnTo>
                <a:close/>
              </a:path>
              <a:path w="4904740" h="3823970">
                <a:moveTo>
                  <a:pt x="3180588" y="3823716"/>
                </a:moveTo>
                <a:lnTo>
                  <a:pt x="3166872" y="3823716"/>
                </a:lnTo>
                <a:lnTo>
                  <a:pt x="3166872" y="3810000"/>
                </a:lnTo>
                <a:lnTo>
                  <a:pt x="3180588" y="3810000"/>
                </a:lnTo>
                <a:lnTo>
                  <a:pt x="3180588" y="3823716"/>
                </a:lnTo>
                <a:close/>
              </a:path>
              <a:path w="4904740" h="3823970">
                <a:moveTo>
                  <a:pt x="3151631" y="3823716"/>
                </a:moveTo>
                <a:lnTo>
                  <a:pt x="3137916" y="3823716"/>
                </a:lnTo>
                <a:lnTo>
                  <a:pt x="3137916" y="3810000"/>
                </a:lnTo>
                <a:lnTo>
                  <a:pt x="3151631" y="3810000"/>
                </a:lnTo>
                <a:lnTo>
                  <a:pt x="3151631" y="3823716"/>
                </a:lnTo>
                <a:close/>
              </a:path>
              <a:path w="4904740" h="3823970">
                <a:moveTo>
                  <a:pt x="3124200" y="3823716"/>
                </a:moveTo>
                <a:lnTo>
                  <a:pt x="3110484" y="3823716"/>
                </a:lnTo>
                <a:lnTo>
                  <a:pt x="3110484" y="3810000"/>
                </a:lnTo>
                <a:lnTo>
                  <a:pt x="3124200" y="3810000"/>
                </a:lnTo>
                <a:lnTo>
                  <a:pt x="3124200" y="3823716"/>
                </a:lnTo>
                <a:close/>
              </a:path>
              <a:path w="4904740" h="3823970">
                <a:moveTo>
                  <a:pt x="3096768" y="3823716"/>
                </a:moveTo>
                <a:lnTo>
                  <a:pt x="3081528" y="3823716"/>
                </a:lnTo>
                <a:lnTo>
                  <a:pt x="3081528" y="3810000"/>
                </a:lnTo>
                <a:lnTo>
                  <a:pt x="3096768" y="3810000"/>
                </a:lnTo>
                <a:lnTo>
                  <a:pt x="3096768" y="3823716"/>
                </a:lnTo>
                <a:close/>
              </a:path>
              <a:path w="4904740" h="3823970">
                <a:moveTo>
                  <a:pt x="3067812" y="3823716"/>
                </a:moveTo>
                <a:lnTo>
                  <a:pt x="3054096" y="3823716"/>
                </a:lnTo>
                <a:lnTo>
                  <a:pt x="3054096" y="3810000"/>
                </a:lnTo>
                <a:lnTo>
                  <a:pt x="3067812" y="3810000"/>
                </a:lnTo>
                <a:lnTo>
                  <a:pt x="3067812" y="3823716"/>
                </a:lnTo>
                <a:close/>
              </a:path>
              <a:path w="4904740" h="3823970">
                <a:moveTo>
                  <a:pt x="3040380" y="3823716"/>
                </a:moveTo>
                <a:lnTo>
                  <a:pt x="3026663" y="3823716"/>
                </a:lnTo>
                <a:lnTo>
                  <a:pt x="3026663" y="3810000"/>
                </a:lnTo>
                <a:lnTo>
                  <a:pt x="3040380" y="3810000"/>
                </a:lnTo>
                <a:lnTo>
                  <a:pt x="3040380" y="3823716"/>
                </a:lnTo>
                <a:close/>
              </a:path>
              <a:path w="4904740" h="3823970">
                <a:moveTo>
                  <a:pt x="3012947" y="3823716"/>
                </a:moveTo>
                <a:lnTo>
                  <a:pt x="2997708" y="3823716"/>
                </a:lnTo>
                <a:lnTo>
                  <a:pt x="2997708" y="3810000"/>
                </a:lnTo>
                <a:lnTo>
                  <a:pt x="3012947" y="3810000"/>
                </a:lnTo>
                <a:lnTo>
                  <a:pt x="3012947" y="3823716"/>
                </a:lnTo>
                <a:close/>
              </a:path>
              <a:path w="4904740" h="3823970">
                <a:moveTo>
                  <a:pt x="2983992" y="3823716"/>
                </a:moveTo>
                <a:lnTo>
                  <a:pt x="2970276" y="3823716"/>
                </a:lnTo>
                <a:lnTo>
                  <a:pt x="2970276" y="3810000"/>
                </a:lnTo>
                <a:lnTo>
                  <a:pt x="2983992" y="3810000"/>
                </a:lnTo>
                <a:lnTo>
                  <a:pt x="2983992" y="3823716"/>
                </a:lnTo>
                <a:close/>
              </a:path>
              <a:path w="4904740" h="3823970">
                <a:moveTo>
                  <a:pt x="2956560" y="3823716"/>
                </a:moveTo>
                <a:lnTo>
                  <a:pt x="2942844" y="3823716"/>
                </a:lnTo>
                <a:lnTo>
                  <a:pt x="2942844" y="3810000"/>
                </a:lnTo>
                <a:lnTo>
                  <a:pt x="2956560" y="3810000"/>
                </a:lnTo>
                <a:lnTo>
                  <a:pt x="2956560" y="3823716"/>
                </a:lnTo>
                <a:close/>
              </a:path>
              <a:path w="4904740" h="3823970">
                <a:moveTo>
                  <a:pt x="2927604" y="3823716"/>
                </a:moveTo>
                <a:lnTo>
                  <a:pt x="2913888" y="3823716"/>
                </a:lnTo>
                <a:lnTo>
                  <a:pt x="2913888" y="3810000"/>
                </a:lnTo>
                <a:lnTo>
                  <a:pt x="2927604" y="3810000"/>
                </a:lnTo>
                <a:lnTo>
                  <a:pt x="2927604" y="3823716"/>
                </a:lnTo>
                <a:close/>
              </a:path>
              <a:path w="4904740" h="3823970">
                <a:moveTo>
                  <a:pt x="2900172" y="3823716"/>
                </a:moveTo>
                <a:lnTo>
                  <a:pt x="2886455" y="3823716"/>
                </a:lnTo>
                <a:lnTo>
                  <a:pt x="2886455" y="3810000"/>
                </a:lnTo>
                <a:lnTo>
                  <a:pt x="2900172" y="3810000"/>
                </a:lnTo>
                <a:lnTo>
                  <a:pt x="2900172" y="3823716"/>
                </a:lnTo>
                <a:close/>
              </a:path>
              <a:path w="4904740" h="3823970">
                <a:moveTo>
                  <a:pt x="2872739" y="3823716"/>
                </a:moveTo>
                <a:lnTo>
                  <a:pt x="2857500" y="3823716"/>
                </a:lnTo>
                <a:lnTo>
                  <a:pt x="2857500" y="3810000"/>
                </a:lnTo>
                <a:lnTo>
                  <a:pt x="2872739" y="3810000"/>
                </a:lnTo>
                <a:lnTo>
                  <a:pt x="2872739" y="3823716"/>
                </a:lnTo>
                <a:close/>
              </a:path>
              <a:path w="4904740" h="3823970">
                <a:moveTo>
                  <a:pt x="2843784" y="3823716"/>
                </a:moveTo>
                <a:lnTo>
                  <a:pt x="2830068" y="3823716"/>
                </a:lnTo>
                <a:lnTo>
                  <a:pt x="2830068" y="3810000"/>
                </a:lnTo>
                <a:lnTo>
                  <a:pt x="2843784" y="3810000"/>
                </a:lnTo>
                <a:lnTo>
                  <a:pt x="2843784" y="3823716"/>
                </a:lnTo>
                <a:close/>
              </a:path>
              <a:path w="4904740" h="3823970">
                <a:moveTo>
                  <a:pt x="2816352" y="3823716"/>
                </a:moveTo>
                <a:lnTo>
                  <a:pt x="2802636" y="3823716"/>
                </a:lnTo>
                <a:lnTo>
                  <a:pt x="2802636" y="3810000"/>
                </a:lnTo>
                <a:lnTo>
                  <a:pt x="2816352" y="3810000"/>
                </a:lnTo>
                <a:lnTo>
                  <a:pt x="2816352" y="3823716"/>
                </a:lnTo>
                <a:close/>
              </a:path>
              <a:path w="4904740" h="3823970">
                <a:moveTo>
                  <a:pt x="2788920" y="3823716"/>
                </a:moveTo>
                <a:lnTo>
                  <a:pt x="2773680" y="3823716"/>
                </a:lnTo>
                <a:lnTo>
                  <a:pt x="2773680" y="3810000"/>
                </a:lnTo>
                <a:lnTo>
                  <a:pt x="2788920" y="3810000"/>
                </a:lnTo>
                <a:lnTo>
                  <a:pt x="2788920" y="3823716"/>
                </a:lnTo>
                <a:close/>
              </a:path>
              <a:path w="4904740" h="3823970">
                <a:moveTo>
                  <a:pt x="2759963" y="3823716"/>
                </a:moveTo>
                <a:lnTo>
                  <a:pt x="2746247" y="3823716"/>
                </a:lnTo>
                <a:lnTo>
                  <a:pt x="2746247" y="3810000"/>
                </a:lnTo>
                <a:lnTo>
                  <a:pt x="2759963" y="3810000"/>
                </a:lnTo>
                <a:lnTo>
                  <a:pt x="2759963" y="3823716"/>
                </a:lnTo>
                <a:close/>
              </a:path>
              <a:path w="4904740" h="3823970">
                <a:moveTo>
                  <a:pt x="2732531" y="3823716"/>
                </a:moveTo>
                <a:lnTo>
                  <a:pt x="2718816" y="3823716"/>
                </a:lnTo>
                <a:lnTo>
                  <a:pt x="2718816" y="3810000"/>
                </a:lnTo>
                <a:lnTo>
                  <a:pt x="2732531" y="3810000"/>
                </a:lnTo>
                <a:lnTo>
                  <a:pt x="2732531" y="3823716"/>
                </a:lnTo>
                <a:close/>
              </a:path>
              <a:path w="4904740" h="3823970">
                <a:moveTo>
                  <a:pt x="2703576" y="3823716"/>
                </a:moveTo>
                <a:lnTo>
                  <a:pt x="2689860" y="3823716"/>
                </a:lnTo>
                <a:lnTo>
                  <a:pt x="2689860" y="3810000"/>
                </a:lnTo>
                <a:lnTo>
                  <a:pt x="2703576" y="3810000"/>
                </a:lnTo>
                <a:lnTo>
                  <a:pt x="2703576" y="3823716"/>
                </a:lnTo>
                <a:close/>
              </a:path>
              <a:path w="4904740" h="3823970">
                <a:moveTo>
                  <a:pt x="2676144" y="3823716"/>
                </a:moveTo>
                <a:lnTo>
                  <a:pt x="2662428" y="3823716"/>
                </a:lnTo>
                <a:lnTo>
                  <a:pt x="2662428" y="3810000"/>
                </a:lnTo>
                <a:lnTo>
                  <a:pt x="2676144" y="3810000"/>
                </a:lnTo>
                <a:lnTo>
                  <a:pt x="2676144" y="3823716"/>
                </a:lnTo>
                <a:close/>
              </a:path>
              <a:path w="4904740" h="3823970">
                <a:moveTo>
                  <a:pt x="2648712" y="3823716"/>
                </a:moveTo>
                <a:lnTo>
                  <a:pt x="2633472" y="3823716"/>
                </a:lnTo>
                <a:lnTo>
                  <a:pt x="2633472" y="3810000"/>
                </a:lnTo>
                <a:lnTo>
                  <a:pt x="2648712" y="3810000"/>
                </a:lnTo>
                <a:lnTo>
                  <a:pt x="2648712" y="3823716"/>
                </a:lnTo>
                <a:close/>
              </a:path>
              <a:path w="4904740" h="3823970">
                <a:moveTo>
                  <a:pt x="2619755" y="3823716"/>
                </a:moveTo>
                <a:lnTo>
                  <a:pt x="2606039" y="3823716"/>
                </a:lnTo>
                <a:lnTo>
                  <a:pt x="2606039" y="3810000"/>
                </a:lnTo>
                <a:lnTo>
                  <a:pt x="2619755" y="3810000"/>
                </a:lnTo>
                <a:lnTo>
                  <a:pt x="2619755" y="3823716"/>
                </a:lnTo>
                <a:close/>
              </a:path>
              <a:path w="4904740" h="3823970">
                <a:moveTo>
                  <a:pt x="2592323" y="3823716"/>
                </a:moveTo>
                <a:lnTo>
                  <a:pt x="2578608" y="3823716"/>
                </a:lnTo>
                <a:lnTo>
                  <a:pt x="2578608" y="3810000"/>
                </a:lnTo>
                <a:lnTo>
                  <a:pt x="2592323" y="3810000"/>
                </a:lnTo>
                <a:lnTo>
                  <a:pt x="2592323" y="3823716"/>
                </a:lnTo>
                <a:close/>
              </a:path>
              <a:path w="4904740" h="3823970">
                <a:moveTo>
                  <a:pt x="2564892" y="3823716"/>
                </a:moveTo>
                <a:lnTo>
                  <a:pt x="2549652" y="3823716"/>
                </a:lnTo>
                <a:lnTo>
                  <a:pt x="2549652" y="3810000"/>
                </a:lnTo>
                <a:lnTo>
                  <a:pt x="2564892" y="3810000"/>
                </a:lnTo>
                <a:lnTo>
                  <a:pt x="2564892" y="3823716"/>
                </a:lnTo>
                <a:close/>
              </a:path>
              <a:path w="4904740" h="3823970">
                <a:moveTo>
                  <a:pt x="2535936" y="3823716"/>
                </a:moveTo>
                <a:lnTo>
                  <a:pt x="2522220" y="3823716"/>
                </a:lnTo>
                <a:lnTo>
                  <a:pt x="2522220" y="3810000"/>
                </a:lnTo>
                <a:lnTo>
                  <a:pt x="2535936" y="3810000"/>
                </a:lnTo>
                <a:lnTo>
                  <a:pt x="2535936" y="3823716"/>
                </a:lnTo>
                <a:close/>
              </a:path>
              <a:path w="4904740" h="3823970">
                <a:moveTo>
                  <a:pt x="2508504" y="3823716"/>
                </a:moveTo>
                <a:lnTo>
                  <a:pt x="2494788" y="3823716"/>
                </a:lnTo>
                <a:lnTo>
                  <a:pt x="2494788" y="3810000"/>
                </a:lnTo>
                <a:lnTo>
                  <a:pt x="2508504" y="3810000"/>
                </a:lnTo>
                <a:lnTo>
                  <a:pt x="2508504" y="3823716"/>
                </a:lnTo>
                <a:close/>
              </a:path>
              <a:path w="4904740" h="3823970">
                <a:moveTo>
                  <a:pt x="2479547" y="3823716"/>
                </a:moveTo>
                <a:lnTo>
                  <a:pt x="2465831" y="3823716"/>
                </a:lnTo>
                <a:lnTo>
                  <a:pt x="2465831" y="3810000"/>
                </a:lnTo>
                <a:lnTo>
                  <a:pt x="2479547" y="3810000"/>
                </a:lnTo>
                <a:lnTo>
                  <a:pt x="2479547" y="3823716"/>
                </a:lnTo>
                <a:close/>
              </a:path>
              <a:path w="4904740" h="3823970">
                <a:moveTo>
                  <a:pt x="2452116" y="3823716"/>
                </a:moveTo>
                <a:lnTo>
                  <a:pt x="2438400" y="3823716"/>
                </a:lnTo>
                <a:lnTo>
                  <a:pt x="2438400" y="3810000"/>
                </a:lnTo>
                <a:lnTo>
                  <a:pt x="2452116" y="3810000"/>
                </a:lnTo>
                <a:lnTo>
                  <a:pt x="2452116" y="3823716"/>
                </a:lnTo>
                <a:close/>
              </a:path>
              <a:path w="4904740" h="3823970">
                <a:moveTo>
                  <a:pt x="2424684" y="3823716"/>
                </a:moveTo>
                <a:lnTo>
                  <a:pt x="2409444" y="3823716"/>
                </a:lnTo>
                <a:lnTo>
                  <a:pt x="2409444" y="3810000"/>
                </a:lnTo>
                <a:lnTo>
                  <a:pt x="2424684" y="3810000"/>
                </a:lnTo>
                <a:lnTo>
                  <a:pt x="2424684" y="3823716"/>
                </a:lnTo>
                <a:close/>
              </a:path>
              <a:path w="4904740" h="3823970">
                <a:moveTo>
                  <a:pt x="2395728" y="3823716"/>
                </a:moveTo>
                <a:lnTo>
                  <a:pt x="2382012" y="3823716"/>
                </a:lnTo>
                <a:lnTo>
                  <a:pt x="2382012" y="3810000"/>
                </a:lnTo>
                <a:lnTo>
                  <a:pt x="2395728" y="3810000"/>
                </a:lnTo>
                <a:lnTo>
                  <a:pt x="2395728" y="3823716"/>
                </a:lnTo>
                <a:close/>
              </a:path>
              <a:path w="4904740" h="3823970">
                <a:moveTo>
                  <a:pt x="2368296" y="3823716"/>
                </a:moveTo>
                <a:lnTo>
                  <a:pt x="2354580" y="3823716"/>
                </a:lnTo>
                <a:lnTo>
                  <a:pt x="2354580" y="3810000"/>
                </a:lnTo>
                <a:lnTo>
                  <a:pt x="2368296" y="3810000"/>
                </a:lnTo>
                <a:lnTo>
                  <a:pt x="2368296" y="3823716"/>
                </a:lnTo>
                <a:close/>
              </a:path>
              <a:path w="4904740" h="3823970">
                <a:moveTo>
                  <a:pt x="2340863" y="3823716"/>
                </a:moveTo>
                <a:lnTo>
                  <a:pt x="2325623" y="3823716"/>
                </a:lnTo>
                <a:lnTo>
                  <a:pt x="2325623" y="3810000"/>
                </a:lnTo>
                <a:lnTo>
                  <a:pt x="2340863" y="3810000"/>
                </a:lnTo>
                <a:lnTo>
                  <a:pt x="2340863" y="3823716"/>
                </a:lnTo>
                <a:close/>
              </a:path>
              <a:path w="4904740" h="3823970">
                <a:moveTo>
                  <a:pt x="2311908" y="3823716"/>
                </a:moveTo>
                <a:lnTo>
                  <a:pt x="2298192" y="3823716"/>
                </a:lnTo>
                <a:lnTo>
                  <a:pt x="2298192" y="3810000"/>
                </a:lnTo>
                <a:lnTo>
                  <a:pt x="2311908" y="3810000"/>
                </a:lnTo>
                <a:lnTo>
                  <a:pt x="2311908" y="3823716"/>
                </a:lnTo>
                <a:close/>
              </a:path>
              <a:path w="4904740" h="3823970">
                <a:moveTo>
                  <a:pt x="2284476" y="3823716"/>
                </a:moveTo>
                <a:lnTo>
                  <a:pt x="2270760" y="3823716"/>
                </a:lnTo>
                <a:lnTo>
                  <a:pt x="2270760" y="3810000"/>
                </a:lnTo>
                <a:lnTo>
                  <a:pt x="2284476" y="3810000"/>
                </a:lnTo>
                <a:lnTo>
                  <a:pt x="2284476" y="3823716"/>
                </a:lnTo>
                <a:close/>
              </a:path>
              <a:path w="4904740" h="3823970">
                <a:moveTo>
                  <a:pt x="2255520" y="3823716"/>
                </a:moveTo>
                <a:lnTo>
                  <a:pt x="2241804" y="3823716"/>
                </a:lnTo>
                <a:lnTo>
                  <a:pt x="2241804" y="3810000"/>
                </a:lnTo>
                <a:lnTo>
                  <a:pt x="2255520" y="3810000"/>
                </a:lnTo>
                <a:lnTo>
                  <a:pt x="2255520" y="3823716"/>
                </a:lnTo>
                <a:close/>
              </a:path>
              <a:path w="4904740" h="3823970">
                <a:moveTo>
                  <a:pt x="2228088" y="3823716"/>
                </a:moveTo>
                <a:lnTo>
                  <a:pt x="2214371" y="3823716"/>
                </a:lnTo>
                <a:lnTo>
                  <a:pt x="2214371" y="3810000"/>
                </a:lnTo>
                <a:lnTo>
                  <a:pt x="2228088" y="3810000"/>
                </a:lnTo>
                <a:lnTo>
                  <a:pt x="2228088" y="3823716"/>
                </a:lnTo>
                <a:close/>
              </a:path>
              <a:path w="4904740" h="3823970">
                <a:moveTo>
                  <a:pt x="2200655" y="3823716"/>
                </a:moveTo>
                <a:lnTo>
                  <a:pt x="2185416" y="3823716"/>
                </a:lnTo>
                <a:lnTo>
                  <a:pt x="2185416" y="3810000"/>
                </a:lnTo>
                <a:lnTo>
                  <a:pt x="2200655" y="3810000"/>
                </a:lnTo>
                <a:lnTo>
                  <a:pt x="2200655" y="3823716"/>
                </a:lnTo>
                <a:close/>
              </a:path>
              <a:path w="4904740" h="3823970">
                <a:moveTo>
                  <a:pt x="2171700" y="3823716"/>
                </a:moveTo>
                <a:lnTo>
                  <a:pt x="2157984" y="3823716"/>
                </a:lnTo>
                <a:lnTo>
                  <a:pt x="2157984" y="3810000"/>
                </a:lnTo>
                <a:lnTo>
                  <a:pt x="2171700" y="3810000"/>
                </a:lnTo>
                <a:lnTo>
                  <a:pt x="2171700" y="3823716"/>
                </a:lnTo>
                <a:close/>
              </a:path>
              <a:path w="4904740" h="3823970">
                <a:moveTo>
                  <a:pt x="2144268" y="3823716"/>
                </a:moveTo>
                <a:lnTo>
                  <a:pt x="2130552" y="3823716"/>
                </a:lnTo>
                <a:lnTo>
                  <a:pt x="2130552" y="3810000"/>
                </a:lnTo>
                <a:lnTo>
                  <a:pt x="2144268" y="3810000"/>
                </a:lnTo>
                <a:lnTo>
                  <a:pt x="2144268" y="3823716"/>
                </a:lnTo>
                <a:close/>
              </a:path>
              <a:path w="4904740" h="3823970">
                <a:moveTo>
                  <a:pt x="2116836" y="3823716"/>
                </a:moveTo>
                <a:lnTo>
                  <a:pt x="2101596" y="3823716"/>
                </a:lnTo>
                <a:lnTo>
                  <a:pt x="2101596" y="3810000"/>
                </a:lnTo>
                <a:lnTo>
                  <a:pt x="2116836" y="3810000"/>
                </a:lnTo>
                <a:lnTo>
                  <a:pt x="2116836" y="3823716"/>
                </a:lnTo>
                <a:close/>
              </a:path>
              <a:path w="4904740" h="3823970">
                <a:moveTo>
                  <a:pt x="2087879" y="3823716"/>
                </a:moveTo>
                <a:lnTo>
                  <a:pt x="2074163" y="3823716"/>
                </a:lnTo>
                <a:lnTo>
                  <a:pt x="2074163" y="3810000"/>
                </a:lnTo>
                <a:lnTo>
                  <a:pt x="2087879" y="3810000"/>
                </a:lnTo>
                <a:lnTo>
                  <a:pt x="2087879" y="3823716"/>
                </a:lnTo>
                <a:close/>
              </a:path>
              <a:path w="4904740" h="3823970">
                <a:moveTo>
                  <a:pt x="2060447" y="3823716"/>
                </a:moveTo>
                <a:lnTo>
                  <a:pt x="2046731" y="3823716"/>
                </a:lnTo>
                <a:lnTo>
                  <a:pt x="2046731" y="3810000"/>
                </a:lnTo>
                <a:lnTo>
                  <a:pt x="2060447" y="3810000"/>
                </a:lnTo>
                <a:lnTo>
                  <a:pt x="2060447" y="3823716"/>
                </a:lnTo>
                <a:close/>
              </a:path>
              <a:path w="4904740" h="3823970">
                <a:moveTo>
                  <a:pt x="2031492" y="3823716"/>
                </a:moveTo>
                <a:lnTo>
                  <a:pt x="2017776" y="3823716"/>
                </a:lnTo>
                <a:lnTo>
                  <a:pt x="2017776" y="3810000"/>
                </a:lnTo>
                <a:lnTo>
                  <a:pt x="2031492" y="3810000"/>
                </a:lnTo>
                <a:lnTo>
                  <a:pt x="2031492" y="3823716"/>
                </a:lnTo>
                <a:close/>
              </a:path>
              <a:path w="4904740" h="3823970">
                <a:moveTo>
                  <a:pt x="2004060" y="3823716"/>
                </a:moveTo>
                <a:lnTo>
                  <a:pt x="1990344" y="3823716"/>
                </a:lnTo>
                <a:lnTo>
                  <a:pt x="1990344" y="3810000"/>
                </a:lnTo>
                <a:lnTo>
                  <a:pt x="2004060" y="3810000"/>
                </a:lnTo>
                <a:lnTo>
                  <a:pt x="2004060" y="3823716"/>
                </a:lnTo>
                <a:close/>
              </a:path>
              <a:path w="4904740" h="3823970">
                <a:moveTo>
                  <a:pt x="1976628" y="3823716"/>
                </a:moveTo>
                <a:lnTo>
                  <a:pt x="1961388" y="3823716"/>
                </a:lnTo>
                <a:lnTo>
                  <a:pt x="1961388" y="3810000"/>
                </a:lnTo>
                <a:lnTo>
                  <a:pt x="1976628" y="3810000"/>
                </a:lnTo>
                <a:lnTo>
                  <a:pt x="1976628" y="3823716"/>
                </a:lnTo>
                <a:close/>
              </a:path>
              <a:path w="4904740" h="3823970">
                <a:moveTo>
                  <a:pt x="1947671" y="3823716"/>
                </a:moveTo>
                <a:lnTo>
                  <a:pt x="1933956" y="3823716"/>
                </a:lnTo>
                <a:lnTo>
                  <a:pt x="1933956" y="3810000"/>
                </a:lnTo>
                <a:lnTo>
                  <a:pt x="1947671" y="3810000"/>
                </a:lnTo>
                <a:lnTo>
                  <a:pt x="1947671" y="3823716"/>
                </a:lnTo>
                <a:close/>
              </a:path>
              <a:path w="4904740" h="3823970">
                <a:moveTo>
                  <a:pt x="1920240" y="3823716"/>
                </a:moveTo>
                <a:lnTo>
                  <a:pt x="1906524" y="3823716"/>
                </a:lnTo>
                <a:lnTo>
                  <a:pt x="1906524" y="3810000"/>
                </a:lnTo>
                <a:lnTo>
                  <a:pt x="1920240" y="3810000"/>
                </a:lnTo>
                <a:lnTo>
                  <a:pt x="1920240" y="3823716"/>
                </a:lnTo>
                <a:close/>
              </a:path>
              <a:path w="4904740" h="3823970">
                <a:moveTo>
                  <a:pt x="1892808" y="3823716"/>
                </a:moveTo>
                <a:lnTo>
                  <a:pt x="1877568" y="3823716"/>
                </a:lnTo>
                <a:lnTo>
                  <a:pt x="1877568" y="3810000"/>
                </a:lnTo>
                <a:lnTo>
                  <a:pt x="1892808" y="3810000"/>
                </a:lnTo>
                <a:lnTo>
                  <a:pt x="1892808" y="3823716"/>
                </a:lnTo>
                <a:close/>
              </a:path>
              <a:path w="4904740" h="3823970">
                <a:moveTo>
                  <a:pt x="1863852" y="3823716"/>
                </a:moveTo>
                <a:lnTo>
                  <a:pt x="1850136" y="3823716"/>
                </a:lnTo>
                <a:lnTo>
                  <a:pt x="1850136" y="3810000"/>
                </a:lnTo>
                <a:lnTo>
                  <a:pt x="1863852" y="3810000"/>
                </a:lnTo>
                <a:lnTo>
                  <a:pt x="1863852" y="3823716"/>
                </a:lnTo>
                <a:close/>
              </a:path>
              <a:path w="4904740" h="3823970">
                <a:moveTo>
                  <a:pt x="1836420" y="3823716"/>
                </a:moveTo>
                <a:lnTo>
                  <a:pt x="1822704" y="3823716"/>
                </a:lnTo>
                <a:lnTo>
                  <a:pt x="1822704" y="3810000"/>
                </a:lnTo>
                <a:lnTo>
                  <a:pt x="1836420" y="3810000"/>
                </a:lnTo>
                <a:lnTo>
                  <a:pt x="1836420" y="3823716"/>
                </a:lnTo>
                <a:close/>
              </a:path>
              <a:path w="4904740" h="3823970">
                <a:moveTo>
                  <a:pt x="1807464" y="3823716"/>
                </a:moveTo>
                <a:lnTo>
                  <a:pt x="1793748" y="3823716"/>
                </a:lnTo>
                <a:lnTo>
                  <a:pt x="1793748" y="3810000"/>
                </a:lnTo>
                <a:lnTo>
                  <a:pt x="1807464" y="3810000"/>
                </a:lnTo>
                <a:lnTo>
                  <a:pt x="1807464" y="3823716"/>
                </a:lnTo>
                <a:close/>
              </a:path>
              <a:path w="4904740" h="3823970">
                <a:moveTo>
                  <a:pt x="1780032" y="3823716"/>
                </a:moveTo>
                <a:lnTo>
                  <a:pt x="1766316" y="3823716"/>
                </a:lnTo>
                <a:lnTo>
                  <a:pt x="1766316" y="3810000"/>
                </a:lnTo>
                <a:lnTo>
                  <a:pt x="1780032" y="3810000"/>
                </a:lnTo>
                <a:lnTo>
                  <a:pt x="1780032" y="3823716"/>
                </a:lnTo>
                <a:close/>
              </a:path>
              <a:path w="4904740" h="3823970">
                <a:moveTo>
                  <a:pt x="1752600" y="3823716"/>
                </a:moveTo>
                <a:lnTo>
                  <a:pt x="1737360" y="3823716"/>
                </a:lnTo>
                <a:lnTo>
                  <a:pt x="1737360" y="3810000"/>
                </a:lnTo>
                <a:lnTo>
                  <a:pt x="1752600" y="3810000"/>
                </a:lnTo>
                <a:lnTo>
                  <a:pt x="1752600" y="3823716"/>
                </a:lnTo>
                <a:close/>
              </a:path>
              <a:path w="4904740" h="3823970">
                <a:moveTo>
                  <a:pt x="1723644" y="3823716"/>
                </a:moveTo>
                <a:lnTo>
                  <a:pt x="1709928" y="3823716"/>
                </a:lnTo>
                <a:lnTo>
                  <a:pt x="1709928" y="3810000"/>
                </a:lnTo>
                <a:lnTo>
                  <a:pt x="1723644" y="3810000"/>
                </a:lnTo>
                <a:lnTo>
                  <a:pt x="1723644" y="3823716"/>
                </a:lnTo>
                <a:close/>
              </a:path>
              <a:path w="4904740" h="3823970">
                <a:moveTo>
                  <a:pt x="1696212" y="3823716"/>
                </a:moveTo>
                <a:lnTo>
                  <a:pt x="1682496" y="3823716"/>
                </a:lnTo>
                <a:lnTo>
                  <a:pt x="1682496" y="3810000"/>
                </a:lnTo>
                <a:lnTo>
                  <a:pt x="1696212" y="3810000"/>
                </a:lnTo>
                <a:lnTo>
                  <a:pt x="1696212" y="3823716"/>
                </a:lnTo>
                <a:close/>
              </a:path>
              <a:path w="4904740" h="3823970">
                <a:moveTo>
                  <a:pt x="1667256" y="3823716"/>
                </a:moveTo>
                <a:lnTo>
                  <a:pt x="1653540" y="3823716"/>
                </a:lnTo>
                <a:lnTo>
                  <a:pt x="1653540" y="3810000"/>
                </a:lnTo>
                <a:lnTo>
                  <a:pt x="1667256" y="3810000"/>
                </a:lnTo>
                <a:lnTo>
                  <a:pt x="1667256" y="3823716"/>
                </a:lnTo>
                <a:close/>
              </a:path>
              <a:path w="4904740" h="3823970">
                <a:moveTo>
                  <a:pt x="1639824" y="3823716"/>
                </a:moveTo>
                <a:lnTo>
                  <a:pt x="1626108" y="3823716"/>
                </a:lnTo>
                <a:lnTo>
                  <a:pt x="1626108" y="3810000"/>
                </a:lnTo>
                <a:lnTo>
                  <a:pt x="1639824" y="3810000"/>
                </a:lnTo>
                <a:lnTo>
                  <a:pt x="1639824" y="3823716"/>
                </a:lnTo>
                <a:close/>
              </a:path>
              <a:path w="4904740" h="3823970">
                <a:moveTo>
                  <a:pt x="1612392" y="3823716"/>
                </a:moveTo>
                <a:lnTo>
                  <a:pt x="1598675" y="3823716"/>
                </a:lnTo>
                <a:lnTo>
                  <a:pt x="1598675" y="3810000"/>
                </a:lnTo>
                <a:lnTo>
                  <a:pt x="1612392" y="3810000"/>
                </a:lnTo>
                <a:lnTo>
                  <a:pt x="1612392" y="3823716"/>
                </a:lnTo>
                <a:close/>
              </a:path>
              <a:path w="4904740" h="3823970">
                <a:moveTo>
                  <a:pt x="1583436" y="3823716"/>
                </a:moveTo>
                <a:lnTo>
                  <a:pt x="1569720" y="3823716"/>
                </a:lnTo>
                <a:lnTo>
                  <a:pt x="1569720" y="3810000"/>
                </a:lnTo>
                <a:lnTo>
                  <a:pt x="1583436" y="3810000"/>
                </a:lnTo>
                <a:lnTo>
                  <a:pt x="1583436" y="3823716"/>
                </a:lnTo>
                <a:close/>
              </a:path>
              <a:path w="4904740" h="3823970">
                <a:moveTo>
                  <a:pt x="1556004" y="3823716"/>
                </a:moveTo>
                <a:lnTo>
                  <a:pt x="1542287" y="3823716"/>
                </a:lnTo>
                <a:lnTo>
                  <a:pt x="1542287" y="3810000"/>
                </a:lnTo>
                <a:lnTo>
                  <a:pt x="1556004" y="3810000"/>
                </a:lnTo>
                <a:lnTo>
                  <a:pt x="1556004" y="3823716"/>
                </a:lnTo>
                <a:close/>
              </a:path>
              <a:path w="4904740" h="3823970">
                <a:moveTo>
                  <a:pt x="1528571" y="3823716"/>
                </a:moveTo>
                <a:lnTo>
                  <a:pt x="1513332" y="3823716"/>
                </a:lnTo>
                <a:lnTo>
                  <a:pt x="1513332" y="3810000"/>
                </a:lnTo>
                <a:lnTo>
                  <a:pt x="1528571" y="3810000"/>
                </a:lnTo>
                <a:lnTo>
                  <a:pt x="1528571" y="3823716"/>
                </a:lnTo>
                <a:close/>
              </a:path>
              <a:path w="4904740" h="3823970">
                <a:moveTo>
                  <a:pt x="1499616" y="3823716"/>
                </a:moveTo>
                <a:lnTo>
                  <a:pt x="1485900" y="3823716"/>
                </a:lnTo>
                <a:lnTo>
                  <a:pt x="1485900" y="3810000"/>
                </a:lnTo>
                <a:lnTo>
                  <a:pt x="1499616" y="3810000"/>
                </a:lnTo>
                <a:lnTo>
                  <a:pt x="1499616" y="3823716"/>
                </a:lnTo>
                <a:close/>
              </a:path>
              <a:path w="4904740" h="3823970">
                <a:moveTo>
                  <a:pt x="1472183" y="3823716"/>
                </a:moveTo>
                <a:lnTo>
                  <a:pt x="1458468" y="3823716"/>
                </a:lnTo>
                <a:lnTo>
                  <a:pt x="1458468" y="3810000"/>
                </a:lnTo>
                <a:lnTo>
                  <a:pt x="1472183" y="3810000"/>
                </a:lnTo>
                <a:lnTo>
                  <a:pt x="1472183" y="3823716"/>
                </a:lnTo>
                <a:close/>
              </a:path>
              <a:path w="4904740" h="3823970">
                <a:moveTo>
                  <a:pt x="1443228" y="3823716"/>
                </a:moveTo>
                <a:lnTo>
                  <a:pt x="1429512" y="3823716"/>
                </a:lnTo>
                <a:lnTo>
                  <a:pt x="1429512" y="3810000"/>
                </a:lnTo>
                <a:lnTo>
                  <a:pt x="1443228" y="3810000"/>
                </a:lnTo>
                <a:lnTo>
                  <a:pt x="1443228" y="3823716"/>
                </a:lnTo>
                <a:close/>
              </a:path>
              <a:path w="4904740" h="3823970">
                <a:moveTo>
                  <a:pt x="1415795" y="3823716"/>
                </a:moveTo>
                <a:lnTo>
                  <a:pt x="1402079" y="3823716"/>
                </a:lnTo>
                <a:lnTo>
                  <a:pt x="1402079" y="3810000"/>
                </a:lnTo>
                <a:lnTo>
                  <a:pt x="1415795" y="3810000"/>
                </a:lnTo>
                <a:lnTo>
                  <a:pt x="1415795" y="3823716"/>
                </a:lnTo>
                <a:close/>
              </a:path>
              <a:path w="4904740" h="3823970">
                <a:moveTo>
                  <a:pt x="1388364" y="3823716"/>
                </a:moveTo>
                <a:lnTo>
                  <a:pt x="1374648" y="3823716"/>
                </a:lnTo>
                <a:lnTo>
                  <a:pt x="1374648" y="3810000"/>
                </a:lnTo>
                <a:lnTo>
                  <a:pt x="1388364" y="3810000"/>
                </a:lnTo>
                <a:lnTo>
                  <a:pt x="1388364" y="3823716"/>
                </a:lnTo>
                <a:close/>
              </a:path>
              <a:path w="4904740" h="3823970">
                <a:moveTo>
                  <a:pt x="1359408" y="3823716"/>
                </a:moveTo>
                <a:lnTo>
                  <a:pt x="1345691" y="3823716"/>
                </a:lnTo>
                <a:lnTo>
                  <a:pt x="1345691" y="3810000"/>
                </a:lnTo>
                <a:lnTo>
                  <a:pt x="1359408" y="3810000"/>
                </a:lnTo>
                <a:lnTo>
                  <a:pt x="1359408" y="3823716"/>
                </a:lnTo>
                <a:close/>
              </a:path>
              <a:path w="4904740" h="3823970">
                <a:moveTo>
                  <a:pt x="1331975" y="3823716"/>
                </a:moveTo>
                <a:lnTo>
                  <a:pt x="1318260" y="3823716"/>
                </a:lnTo>
                <a:lnTo>
                  <a:pt x="1318260" y="3810000"/>
                </a:lnTo>
                <a:lnTo>
                  <a:pt x="1331975" y="3810000"/>
                </a:lnTo>
                <a:lnTo>
                  <a:pt x="1331975" y="3823716"/>
                </a:lnTo>
                <a:close/>
              </a:path>
              <a:path w="4904740" h="3823970">
                <a:moveTo>
                  <a:pt x="1304544" y="3823716"/>
                </a:moveTo>
                <a:lnTo>
                  <a:pt x="1289304" y="3823716"/>
                </a:lnTo>
                <a:lnTo>
                  <a:pt x="1289304" y="3810000"/>
                </a:lnTo>
                <a:lnTo>
                  <a:pt x="1304544" y="3810000"/>
                </a:lnTo>
                <a:lnTo>
                  <a:pt x="1304544" y="3823716"/>
                </a:lnTo>
                <a:close/>
              </a:path>
              <a:path w="4904740" h="3823970">
                <a:moveTo>
                  <a:pt x="1275587" y="3823716"/>
                </a:moveTo>
                <a:lnTo>
                  <a:pt x="1261871" y="3823716"/>
                </a:lnTo>
                <a:lnTo>
                  <a:pt x="1261871" y="3810000"/>
                </a:lnTo>
                <a:lnTo>
                  <a:pt x="1275587" y="3810000"/>
                </a:lnTo>
                <a:lnTo>
                  <a:pt x="1275587" y="3823716"/>
                </a:lnTo>
                <a:close/>
              </a:path>
              <a:path w="4904740" h="3823970">
                <a:moveTo>
                  <a:pt x="1248156" y="3823716"/>
                </a:moveTo>
                <a:lnTo>
                  <a:pt x="1234440" y="3823716"/>
                </a:lnTo>
                <a:lnTo>
                  <a:pt x="1234440" y="3810000"/>
                </a:lnTo>
                <a:lnTo>
                  <a:pt x="1248156" y="3810000"/>
                </a:lnTo>
                <a:lnTo>
                  <a:pt x="1248156" y="3823716"/>
                </a:lnTo>
                <a:close/>
              </a:path>
              <a:path w="4904740" h="3823970">
                <a:moveTo>
                  <a:pt x="1219199" y="3823716"/>
                </a:moveTo>
                <a:lnTo>
                  <a:pt x="1205483" y="3823716"/>
                </a:lnTo>
                <a:lnTo>
                  <a:pt x="1205483" y="3810000"/>
                </a:lnTo>
                <a:lnTo>
                  <a:pt x="1219199" y="3810000"/>
                </a:lnTo>
                <a:lnTo>
                  <a:pt x="1219199" y="3823716"/>
                </a:lnTo>
                <a:close/>
              </a:path>
              <a:path w="4904740" h="3823970">
                <a:moveTo>
                  <a:pt x="1191768" y="3823716"/>
                </a:moveTo>
                <a:lnTo>
                  <a:pt x="1178052" y="3823716"/>
                </a:lnTo>
                <a:lnTo>
                  <a:pt x="1178052" y="3810000"/>
                </a:lnTo>
                <a:lnTo>
                  <a:pt x="1191768" y="3810000"/>
                </a:lnTo>
                <a:lnTo>
                  <a:pt x="1191768" y="3823716"/>
                </a:lnTo>
                <a:close/>
              </a:path>
              <a:path w="4904740" h="3823970">
                <a:moveTo>
                  <a:pt x="1164336" y="3823716"/>
                </a:moveTo>
                <a:lnTo>
                  <a:pt x="1150620" y="3823716"/>
                </a:lnTo>
                <a:lnTo>
                  <a:pt x="1150620" y="3810000"/>
                </a:lnTo>
                <a:lnTo>
                  <a:pt x="1164336" y="3810000"/>
                </a:lnTo>
                <a:lnTo>
                  <a:pt x="1164336" y="3823716"/>
                </a:lnTo>
                <a:close/>
              </a:path>
              <a:path w="4904740" h="3823970">
                <a:moveTo>
                  <a:pt x="1135379" y="3823716"/>
                </a:moveTo>
                <a:lnTo>
                  <a:pt x="1121664" y="3823716"/>
                </a:lnTo>
                <a:lnTo>
                  <a:pt x="1121664" y="3810000"/>
                </a:lnTo>
                <a:lnTo>
                  <a:pt x="1135379" y="3810000"/>
                </a:lnTo>
                <a:lnTo>
                  <a:pt x="1135379" y="3823716"/>
                </a:lnTo>
                <a:close/>
              </a:path>
              <a:path w="4904740" h="3823970">
                <a:moveTo>
                  <a:pt x="1107948" y="3823716"/>
                </a:moveTo>
                <a:lnTo>
                  <a:pt x="1094232" y="3823716"/>
                </a:lnTo>
                <a:lnTo>
                  <a:pt x="1094232" y="3810000"/>
                </a:lnTo>
                <a:lnTo>
                  <a:pt x="1107948" y="3810000"/>
                </a:lnTo>
                <a:lnTo>
                  <a:pt x="1107948" y="3823716"/>
                </a:lnTo>
                <a:close/>
              </a:path>
              <a:path w="4904740" h="3823970">
                <a:moveTo>
                  <a:pt x="1080516" y="3823716"/>
                </a:moveTo>
                <a:lnTo>
                  <a:pt x="1065275" y="3823716"/>
                </a:lnTo>
                <a:lnTo>
                  <a:pt x="1065275" y="3810000"/>
                </a:lnTo>
                <a:lnTo>
                  <a:pt x="1080516" y="3810000"/>
                </a:lnTo>
                <a:lnTo>
                  <a:pt x="1080516" y="3823716"/>
                </a:lnTo>
                <a:close/>
              </a:path>
              <a:path w="4904740" h="3823970">
                <a:moveTo>
                  <a:pt x="1051560" y="3823716"/>
                </a:moveTo>
                <a:lnTo>
                  <a:pt x="1037844" y="3823716"/>
                </a:lnTo>
                <a:lnTo>
                  <a:pt x="1037844" y="3810000"/>
                </a:lnTo>
                <a:lnTo>
                  <a:pt x="1051560" y="3810000"/>
                </a:lnTo>
                <a:lnTo>
                  <a:pt x="1051560" y="3823716"/>
                </a:lnTo>
                <a:close/>
              </a:path>
              <a:path w="4904740" h="3823970">
                <a:moveTo>
                  <a:pt x="1024128" y="3823716"/>
                </a:moveTo>
                <a:lnTo>
                  <a:pt x="1010412" y="3823716"/>
                </a:lnTo>
                <a:lnTo>
                  <a:pt x="1010412" y="3810000"/>
                </a:lnTo>
                <a:lnTo>
                  <a:pt x="1024128" y="3810000"/>
                </a:lnTo>
                <a:lnTo>
                  <a:pt x="1024128" y="3823716"/>
                </a:lnTo>
                <a:close/>
              </a:path>
              <a:path w="4904740" h="3823970">
                <a:moveTo>
                  <a:pt x="995171" y="3823716"/>
                </a:moveTo>
                <a:lnTo>
                  <a:pt x="981456" y="3823716"/>
                </a:lnTo>
                <a:lnTo>
                  <a:pt x="981456" y="3810000"/>
                </a:lnTo>
                <a:lnTo>
                  <a:pt x="995171" y="3810000"/>
                </a:lnTo>
                <a:lnTo>
                  <a:pt x="995171" y="3823716"/>
                </a:lnTo>
                <a:close/>
              </a:path>
              <a:path w="4904740" h="3823970">
                <a:moveTo>
                  <a:pt x="967740" y="3823716"/>
                </a:moveTo>
                <a:lnTo>
                  <a:pt x="954024" y="3823716"/>
                </a:lnTo>
                <a:lnTo>
                  <a:pt x="954024" y="3810000"/>
                </a:lnTo>
                <a:lnTo>
                  <a:pt x="967740" y="3810000"/>
                </a:lnTo>
                <a:lnTo>
                  <a:pt x="967740" y="3823716"/>
                </a:lnTo>
                <a:close/>
              </a:path>
              <a:path w="4904740" h="3823970">
                <a:moveTo>
                  <a:pt x="940307" y="3823716"/>
                </a:moveTo>
                <a:lnTo>
                  <a:pt x="926591" y="3823716"/>
                </a:lnTo>
                <a:lnTo>
                  <a:pt x="926591" y="3810000"/>
                </a:lnTo>
                <a:lnTo>
                  <a:pt x="940307" y="3810000"/>
                </a:lnTo>
                <a:lnTo>
                  <a:pt x="940307" y="3823716"/>
                </a:lnTo>
                <a:close/>
              </a:path>
              <a:path w="4904740" h="3823970">
                <a:moveTo>
                  <a:pt x="911352" y="3823716"/>
                </a:moveTo>
                <a:lnTo>
                  <a:pt x="897636" y="3823716"/>
                </a:lnTo>
                <a:lnTo>
                  <a:pt x="897636" y="3810000"/>
                </a:lnTo>
                <a:lnTo>
                  <a:pt x="911352" y="3810000"/>
                </a:lnTo>
                <a:lnTo>
                  <a:pt x="911352" y="3823716"/>
                </a:lnTo>
                <a:close/>
              </a:path>
              <a:path w="4904740" h="3823970">
                <a:moveTo>
                  <a:pt x="883920" y="3823716"/>
                </a:moveTo>
                <a:lnTo>
                  <a:pt x="870203" y="3823716"/>
                </a:lnTo>
                <a:lnTo>
                  <a:pt x="870203" y="3810000"/>
                </a:lnTo>
                <a:lnTo>
                  <a:pt x="883920" y="3810000"/>
                </a:lnTo>
                <a:lnTo>
                  <a:pt x="883920" y="3823716"/>
                </a:lnTo>
                <a:close/>
              </a:path>
              <a:path w="4904740" h="3823970">
                <a:moveTo>
                  <a:pt x="856487" y="3823716"/>
                </a:moveTo>
                <a:lnTo>
                  <a:pt x="841248" y="3823716"/>
                </a:lnTo>
                <a:lnTo>
                  <a:pt x="841248" y="3810000"/>
                </a:lnTo>
                <a:lnTo>
                  <a:pt x="856487" y="3810000"/>
                </a:lnTo>
                <a:lnTo>
                  <a:pt x="856487" y="3823716"/>
                </a:lnTo>
                <a:close/>
              </a:path>
              <a:path w="4904740" h="3823970">
                <a:moveTo>
                  <a:pt x="827532" y="3823716"/>
                </a:moveTo>
                <a:lnTo>
                  <a:pt x="813816" y="3823716"/>
                </a:lnTo>
                <a:lnTo>
                  <a:pt x="813816" y="3810000"/>
                </a:lnTo>
                <a:lnTo>
                  <a:pt x="827532" y="3810000"/>
                </a:lnTo>
                <a:lnTo>
                  <a:pt x="827532" y="3823716"/>
                </a:lnTo>
                <a:close/>
              </a:path>
              <a:path w="4904740" h="3823970">
                <a:moveTo>
                  <a:pt x="800099" y="3823716"/>
                </a:moveTo>
                <a:lnTo>
                  <a:pt x="786383" y="3823716"/>
                </a:lnTo>
                <a:lnTo>
                  <a:pt x="786383" y="3810000"/>
                </a:lnTo>
                <a:lnTo>
                  <a:pt x="800099" y="3810000"/>
                </a:lnTo>
                <a:lnTo>
                  <a:pt x="800099" y="3823716"/>
                </a:lnTo>
                <a:close/>
              </a:path>
              <a:path w="4904740" h="3823970">
                <a:moveTo>
                  <a:pt x="771144" y="3823716"/>
                </a:moveTo>
                <a:lnTo>
                  <a:pt x="757428" y="3823716"/>
                </a:lnTo>
                <a:lnTo>
                  <a:pt x="757428" y="3810000"/>
                </a:lnTo>
                <a:lnTo>
                  <a:pt x="771144" y="3810000"/>
                </a:lnTo>
                <a:lnTo>
                  <a:pt x="771144" y="3823716"/>
                </a:lnTo>
                <a:close/>
              </a:path>
              <a:path w="4904740" h="3823970">
                <a:moveTo>
                  <a:pt x="743712" y="3823716"/>
                </a:moveTo>
                <a:lnTo>
                  <a:pt x="729995" y="3823716"/>
                </a:lnTo>
                <a:lnTo>
                  <a:pt x="729995" y="3810000"/>
                </a:lnTo>
                <a:lnTo>
                  <a:pt x="743712" y="3810000"/>
                </a:lnTo>
                <a:lnTo>
                  <a:pt x="743712" y="3823716"/>
                </a:lnTo>
                <a:close/>
              </a:path>
              <a:path w="4904740" h="3823970">
                <a:moveTo>
                  <a:pt x="716280" y="3823716"/>
                </a:moveTo>
                <a:lnTo>
                  <a:pt x="702564" y="3823716"/>
                </a:lnTo>
                <a:lnTo>
                  <a:pt x="702564" y="3810000"/>
                </a:lnTo>
                <a:lnTo>
                  <a:pt x="716280" y="3810000"/>
                </a:lnTo>
                <a:lnTo>
                  <a:pt x="716280" y="3823716"/>
                </a:lnTo>
                <a:close/>
              </a:path>
              <a:path w="4904740" h="3823970">
                <a:moveTo>
                  <a:pt x="687324" y="3823716"/>
                </a:moveTo>
                <a:lnTo>
                  <a:pt x="673607" y="3823716"/>
                </a:lnTo>
                <a:lnTo>
                  <a:pt x="673607" y="3810000"/>
                </a:lnTo>
                <a:lnTo>
                  <a:pt x="687324" y="3810000"/>
                </a:lnTo>
                <a:lnTo>
                  <a:pt x="687324" y="3823716"/>
                </a:lnTo>
                <a:close/>
              </a:path>
              <a:path w="4904740" h="3823970">
                <a:moveTo>
                  <a:pt x="659892" y="3823716"/>
                </a:moveTo>
                <a:lnTo>
                  <a:pt x="646176" y="3823716"/>
                </a:lnTo>
                <a:lnTo>
                  <a:pt x="646176" y="3810000"/>
                </a:lnTo>
                <a:lnTo>
                  <a:pt x="659892" y="3810000"/>
                </a:lnTo>
                <a:lnTo>
                  <a:pt x="659892" y="3823716"/>
                </a:lnTo>
                <a:close/>
              </a:path>
              <a:path w="4904740" h="3823970">
                <a:moveTo>
                  <a:pt x="632459" y="3823716"/>
                </a:moveTo>
                <a:lnTo>
                  <a:pt x="617220" y="3823716"/>
                </a:lnTo>
                <a:lnTo>
                  <a:pt x="617220" y="3810000"/>
                </a:lnTo>
                <a:lnTo>
                  <a:pt x="632459" y="3810000"/>
                </a:lnTo>
                <a:lnTo>
                  <a:pt x="632459" y="3823716"/>
                </a:lnTo>
                <a:close/>
              </a:path>
              <a:path w="4904740" h="3823970">
                <a:moveTo>
                  <a:pt x="603503" y="3823716"/>
                </a:moveTo>
                <a:lnTo>
                  <a:pt x="589788" y="3823716"/>
                </a:lnTo>
                <a:lnTo>
                  <a:pt x="589788" y="3810000"/>
                </a:lnTo>
                <a:lnTo>
                  <a:pt x="603503" y="3810000"/>
                </a:lnTo>
                <a:lnTo>
                  <a:pt x="603503" y="3823716"/>
                </a:lnTo>
                <a:close/>
              </a:path>
              <a:path w="4904740" h="3823970">
                <a:moveTo>
                  <a:pt x="576072" y="3823716"/>
                </a:moveTo>
                <a:lnTo>
                  <a:pt x="562355" y="3823716"/>
                </a:lnTo>
                <a:lnTo>
                  <a:pt x="562355" y="3810000"/>
                </a:lnTo>
                <a:lnTo>
                  <a:pt x="576072" y="3810000"/>
                </a:lnTo>
                <a:lnTo>
                  <a:pt x="576072" y="3823716"/>
                </a:lnTo>
                <a:close/>
              </a:path>
              <a:path w="4904740" h="3823970">
                <a:moveTo>
                  <a:pt x="547115" y="3823716"/>
                </a:moveTo>
                <a:lnTo>
                  <a:pt x="533399" y="3823716"/>
                </a:lnTo>
                <a:lnTo>
                  <a:pt x="533399" y="3810000"/>
                </a:lnTo>
                <a:lnTo>
                  <a:pt x="547115" y="3810000"/>
                </a:lnTo>
                <a:lnTo>
                  <a:pt x="547115" y="3823716"/>
                </a:lnTo>
                <a:close/>
              </a:path>
              <a:path w="4904740" h="3823970">
                <a:moveTo>
                  <a:pt x="519684" y="3823716"/>
                </a:moveTo>
                <a:lnTo>
                  <a:pt x="505968" y="3823716"/>
                </a:lnTo>
                <a:lnTo>
                  <a:pt x="505968" y="3810000"/>
                </a:lnTo>
                <a:lnTo>
                  <a:pt x="519684" y="3810000"/>
                </a:lnTo>
                <a:lnTo>
                  <a:pt x="519684" y="3823716"/>
                </a:lnTo>
                <a:close/>
              </a:path>
              <a:path w="4904740" h="3823970">
                <a:moveTo>
                  <a:pt x="492251" y="3823716"/>
                </a:moveTo>
                <a:lnTo>
                  <a:pt x="478536" y="3823716"/>
                </a:lnTo>
                <a:lnTo>
                  <a:pt x="478536" y="3810000"/>
                </a:lnTo>
                <a:lnTo>
                  <a:pt x="492251" y="3810000"/>
                </a:lnTo>
                <a:lnTo>
                  <a:pt x="492251" y="3823716"/>
                </a:lnTo>
                <a:close/>
              </a:path>
              <a:path w="4904740" h="3823970">
                <a:moveTo>
                  <a:pt x="463295" y="3823716"/>
                </a:moveTo>
                <a:lnTo>
                  <a:pt x="449580" y="3823716"/>
                </a:lnTo>
                <a:lnTo>
                  <a:pt x="449580" y="3810000"/>
                </a:lnTo>
                <a:lnTo>
                  <a:pt x="463295" y="3810000"/>
                </a:lnTo>
                <a:lnTo>
                  <a:pt x="463295" y="3823716"/>
                </a:lnTo>
                <a:close/>
              </a:path>
              <a:path w="4904740" h="3823970">
                <a:moveTo>
                  <a:pt x="435863" y="3823716"/>
                </a:moveTo>
                <a:lnTo>
                  <a:pt x="422147" y="3823716"/>
                </a:lnTo>
                <a:lnTo>
                  <a:pt x="422147" y="3810000"/>
                </a:lnTo>
                <a:lnTo>
                  <a:pt x="435863" y="3810000"/>
                </a:lnTo>
                <a:lnTo>
                  <a:pt x="435863" y="3823716"/>
                </a:lnTo>
                <a:close/>
              </a:path>
              <a:path w="4904740" h="3823970">
                <a:moveTo>
                  <a:pt x="408432" y="3823716"/>
                </a:moveTo>
                <a:lnTo>
                  <a:pt x="393192" y="3823716"/>
                </a:lnTo>
                <a:lnTo>
                  <a:pt x="393192" y="3810000"/>
                </a:lnTo>
                <a:lnTo>
                  <a:pt x="408432" y="3810000"/>
                </a:lnTo>
                <a:lnTo>
                  <a:pt x="408432" y="3823716"/>
                </a:lnTo>
                <a:close/>
              </a:path>
              <a:path w="4904740" h="3823970">
                <a:moveTo>
                  <a:pt x="379476" y="3823716"/>
                </a:moveTo>
                <a:lnTo>
                  <a:pt x="365759" y="3823716"/>
                </a:lnTo>
                <a:lnTo>
                  <a:pt x="365759" y="3810000"/>
                </a:lnTo>
                <a:lnTo>
                  <a:pt x="379476" y="3810000"/>
                </a:lnTo>
                <a:lnTo>
                  <a:pt x="379476" y="3823716"/>
                </a:lnTo>
                <a:close/>
              </a:path>
              <a:path w="4904740" h="3823970">
                <a:moveTo>
                  <a:pt x="352044" y="3823716"/>
                </a:moveTo>
                <a:lnTo>
                  <a:pt x="338328" y="3823716"/>
                </a:lnTo>
                <a:lnTo>
                  <a:pt x="338328" y="3810000"/>
                </a:lnTo>
                <a:lnTo>
                  <a:pt x="352044" y="3810000"/>
                </a:lnTo>
                <a:lnTo>
                  <a:pt x="352044" y="3823716"/>
                </a:lnTo>
                <a:close/>
              </a:path>
              <a:path w="4904740" h="3823970">
                <a:moveTo>
                  <a:pt x="323088" y="3823716"/>
                </a:moveTo>
                <a:lnTo>
                  <a:pt x="309371" y="3823716"/>
                </a:lnTo>
                <a:lnTo>
                  <a:pt x="309371" y="3810000"/>
                </a:lnTo>
                <a:lnTo>
                  <a:pt x="323088" y="3810000"/>
                </a:lnTo>
                <a:lnTo>
                  <a:pt x="323088" y="3823716"/>
                </a:lnTo>
                <a:close/>
              </a:path>
              <a:path w="4904740" h="3823970">
                <a:moveTo>
                  <a:pt x="295655" y="3823716"/>
                </a:moveTo>
                <a:lnTo>
                  <a:pt x="281940" y="3823716"/>
                </a:lnTo>
                <a:lnTo>
                  <a:pt x="281940" y="3810000"/>
                </a:lnTo>
                <a:lnTo>
                  <a:pt x="295655" y="3810000"/>
                </a:lnTo>
                <a:lnTo>
                  <a:pt x="295655" y="3823716"/>
                </a:lnTo>
                <a:close/>
              </a:path>
              <a:path w="4904740" h="3823970">
                <a:moveTo>
                  <a:pt x="268224" y="3823716"/>
                </a:moveTo>
                <a:lnTo>
                  <a:pt x="254507" y="3823716"/>
                </a:lnTo>
                <a:lnTo>
                  <a:pt x="254507" y="3810000"/>
                </a:lnTo>
                <a:lnTo>
                  <a:pt x="268224" y="3810000"/>
                </a:lnTo>
                <a:lnTo>
                  <a:pt x="268224" y="3823716"/>
                </a:lnTo>
                <a:close/>
              </a:path>
              <a:path w="4904740" h="3823970">
                <a:moveTo>
                  <a:pt x="239267" y="3823716"/>
                </a:moveTo>
                <a:lnTo>
                  <a:pt x="225551" y="3823716"/>
                </a:lnTo>
                <a:lnTo>
                  <a:pt x="225551" y="3810000"/>
                </a:lnTo>
                <a:lnTo>
                  <a:pt x="239267" y="3810000"/>
                </a:lnTo>
                <a:lnTo>
                  <a:pt x="239267" y="3823716"/>
                </a:lnTo>
                <a:close/>
              </a:path>
              <a:path w="4904740" h="3823970">
                <a:moveTo>
                  <a:pt x="211836" y="3823716"/>
                </a:moveTo>
                <a:lnTo>
                  <a:pt x="198119" y="3823716"/>
                </a:lnTo>
                <a:lnTo>
                  <a:pt x="198119" y="3810000"/>
                </a:lnTo>
                <a:lnTo>
                  <a:pt x="211836" y="3810000"/>
                </a:lnTo>
                <a:lnTo>
                  <a:pt x="211836" y="3823716"/>
                </a:lnTo>
                <a:close/>
              </a:path>
              <a:path w="4904740" h="3823970">
                <a:moveTo>
                  <a:pt x="184403" y="3823716"/>
                </a:moveTo>
                <a:lnTo>
                  <a:pt x="169163" y="3823716"/>
                </a:lnTo>
                <a:lnTo>
                  <a:pt x="169163" y="3810000"/>
                </a:lnTo>
                <a:lnTo>
                  <a:pt x="184403" y="3810000"/>
                </a:lnTo>
                <a:lnTo>
                  <a:pt x="184403" y="3823716"/>
                </a:lnTo>
                <a:close/>
              </a:path>
              <a:path w="4904740" h="3823970">
                <a:moveTo>
                  <a:pt x="155447" y="3823716"/>
                </a:moveTo>
                <a:lnTo>
                  <a:pt x="141732" y="3823716"/>
                </a:lnTo>
                <a:lnTo>
                  <a:pt x="141732" y="3810000"/>
                </a:lnTo>
                <a:lnTo>
                  <a:pt x="155447" y="3810000"/>
                </a:lnTo>
                <a:lnTo>
                  <a:pt x="155447" y="3823716"/>
                </a:lnTo>
                <a:close/>
              </a:path>
              <a:path w="4904740" h="3823970">
                <a:moveTo>
                  <a:pt x="128015" y="3823716"/>
                </a:moveTo>
                <a:lnTo>
                  <a:pt x="114300" y="3823716"/>
                </a:lnTo>
                <a:lnTo>
                  <a:pt x="114300" y="3810000"/>
                </a:lnTo>
                <a:lnTo>
                  <a:pt x="128015" y="3810000"/>
                </a:lnTo>
                <a:lnTo>
                  <a:pt x="128015" y="3823716"/>
                </a:lnTo>
                <a:close/>
              </a:path>
              <a:path w="4904740" h="3823970">
                <a:moveTo>
                  <a:pt x="99059" y="3823716"/>
                </a:moveTo>
                <a:lnTo>
                  <a:pt x="85343" y="3823716"/>
                </a:lnTo>
                <a:lnTo>
                  <a:pt x="85343" y="3810000"/>
                </a:lnTo>
                <a:lnTo>
                  <a:pt x="99059" y="3810000"/>
                </a:lnTo>
                <a:lnTo>
                  <a:pt x="99059" y="3823716"/>
                </a:lnTo>
                <a:close/>
              </a:path>
              <a:path w="4904740" h="3823970">
                <a:moveTo>
                  <a:pt x="71628" y="3823716"/>
                </a:moveTo>
                <a:lnTo>
                  <a:pt x="57911" y="3823716"/>
                </a:lnTo>
                <a:lnTo>
                  <a:pt x="57911" y="3810000"/>
                </a:lnTo>
                <a:lnTo>
                  <a:pt x="71628" y="3810000"/>
                </a:lnTo>
                <a:lnTo>
                  <a:pt x="71628" y="3823716"/>
                </a:lnTo>
                <a:close/>
              </a:path>
              <a:path w="4904740" h="3823970">
                <a:moveTo>
                  <a:pt x="44195" y="3823716"/>
                </a:moveTo>
                <a:lnTo>
                  <a:pt x="30480" y="3823716"/>
                </a:lnTo>
                <a:lnTo>
                  <a:pt x="30480" y="3810000"/>
                </a:lnTo>
                <a:lnTo>
                  <a:pt x="44195" y="3810000"/>
                </a:lnTo>
                <a:lnTo>
                  <a:pt x="44195" y="3823716"/>
                </a:lnTo>
                <a:close/>
              </a:path>
            </a:pathLst>
          </a:custGeom>
          <a:solidFill>
            <a:srgbClr val="000000"/>
          </a:solidFill>
        </p:spPr>
        <p:txBody>
          <a:bodyPr wrap="square" lIns="0" tIns="0" rIns="0" bIns="0" rtlCol="0"/>
          <a:lstStyle/>
          <a:p>
            <a:endParaRPr sz="1749"/>
          </a:p>
        </p:txBody>
      </p:sp>
      <p:sp>
        <p:nvSpPr>
          <p:cNvPr id="36" name="object 36"/>
          <p:cNvSpPr txBox="1"/>
          <p:nvPr/>
        </p:nvSpPr>
        <p:spPr>
          <a:xfrm>
            <a:off x="469146" y="1039940"/>
            <a:ext cx="8205165" cy="353557"/>
          </a:xfrm>
          <a:prstGeom prst="rect">
            <a:avLst/>
          </a:prstGeom>
          <a:solidFill>
            <a:srgbClr val="FBE4D6"/>
          </a:solidFill>
          <a:ln w="10667">
            <a:solidFill>
              <a:srgbClr val="000000"/>
            </a:solidFill>
          </a:ln>
        </p:spPr>
        <p:txBody>
          <a:bodyPr vert="horz" wrap="square" lIns="0" tIns="122173" rIns="0" bIns="0" rtlCol="0">
            <a:spAutoFit/>
          </a:bodyPr>
          <a:lstStyle/>
          <a:p>
            <a:pPr marL="85792">
              <a:spcBef>
                <a:spcPts val="962"/>
              </a:spcBef>
            </a:pPr>
            <a:r>
              <a:rPr sz="1496" spc="-13" dirty="0">
                <a:latin typeface="ＭＳ Ｐゴシック"/>
                <a:cs typeface="ＭＳ Ｐゴシック"/>
              </a:rPr>
              <a:t>論点：如何にしてアドバイザーの人材を確保・育成するべきか。</a:t>
            </a:r>
            <a:endParaRPr sz="1496">
              <a:latin typeface="ＭＳ Ｐゴシック"/>
              <a:cs typeface="ＭＳ Ｐゴシック"/>
            </a:endParaRPr>
          </a:p>
        </p:txBody>
      </p:sp>
      <p:sp>
        <p:nvSpPr>
          <p:cNvPr id="37" name="object 37"/>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54</a:t>
            </a:fld>
            <a:endParaRPr spc="-21" dirty="0"/>
          </a:p>
        </p:txBody>
      </p:sp>
    </p:spTree>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397470" y="3372637"/>
            <a:ext cx="3179766" cy="2445423"/>
          </a:xfrm>
          <a:custGeom>
            <a:avLst/>
            <a:gdLst/>
            <a:ahLst/>
            <a:cxnLst/>
            <a:rect l="l" t="t" r="r" b="b"/>
            <a:pathLst>
              <a:path w="3586479" h="2219325">
                <a:moveTo>
                  <a:pt x="0" y="0"/>
                </a:moveTo>
                <a:lnTo>
                  <a:pt x="3585972" y="0"/>
                </a:lnTo>
                <a:lnTo>
                  <a:pt x="3585972" y="2218943"/>
                </a:lnTo>
                <a:lnTo>
                  <a:pt x="0" y="2218943"/>
                </a:lnTo>
                <a:lnTo>
                  <a:pt x="0" y="0"/>
                </a:lnTo>
                <a:close/>
              </a:path>
            </a:pathLst>
          </a:custGeom>
          <a:ln w="21336">
            <a:solidFill>
              <a:srgbClr val="7E7E7E"/>
            </a:solidFill>
          </a:ln>
        </p:spPr>
        <p:txBody>
          <a:bodyPr wrap="square" lIns="0" tIns="0" rIns="0" bIns="0" rtlCol="0"/>
          <a:lstStyle/>
          <a:p>
            <a:endParaRPr sz="1749"/>
          </a:p>
        </p:txBody>
      </p:sp>
      <p:sp>
        <p:nvSpPr>
          <p:cNvPr id="3" name="object 3"/>
          <p:cNvSpPr txBox="1"/>
          <p:nvPr/>
        </p:nvSpPr>
        <p:spPr>
          <a:xfrm>
            <a:off x="534304" y="3664550"/>
            <a:ext cx="638560" cy="173847"/>
          </a:xfrm>
          <a:prstGeom prst="rect">
            <a:avLst/>
          </a:prstGeom>
          <a:solidFill>
            <a:srgbClr val="003B83"/>
          </a:solidFill>
          <a:ln w="10668">
            <a:solidFill>
              <a:srgbClr val="000000"/>
            </a:solidFill>
          </a:ln>
        </p:spPr>
        <p:txBody>
          <a:bodyPr vert="horz" wrap="square" lIns="0" tIns="61358" rIns="0" bIns="0" rtlCol="0">
            <a:spAutoFit/>
          </a:bodyPr>
          <a:lstStyle/>
          <a:p>
            <a:pPr marL="205793">
              <a:spcBef>
                <a:spcPts val="483"/>
              </a:spcBef>
            </a:pPr>
            <a:r>
              <a:rPr sz="727" b="1" spc="-68" dirty="0">
                <a:solidFill>
                  <a:srgbClr val="FFFFFF"/>
                </a:solidFill>
                <a:latin typeface="メイリオ"/>
                <a:cs typeface="メイリオ"/>
              </a:rPr>
              <a:t>DB</a:t>
            </a:r>
            <a:r>
              <a:rPr sz="727" b="1" spc="-43" dirty="0">
                <a:solidFill>
                  <a:srgbClr val="FFFFFF"/>
                </a:solidFill>
                <a:latin typeface="メイリオ"/>
                <a:cs typeface="メイリオ"/>
              </a:rPr>
              <a:t>化</a:t>
            </a:r>
            <a:endParaRPr sz="727">
              <a:latin typeface="メイリオ"/>
              <a:cs typeface="メイリオ"/>
            </a:endParaRPr>
          </a:p>
        </p:txBody>
      </p:sp>
      <p:sp>
        <p:nvSpPr>
          <p:cNvPr id="4" name="object 4"/>
          <p:cNvSpPr txBox="1"/>
          <p:nvPr/>
        </p:nvSpPr>
        <p:spPr>
          <a:xfrm>
            <a:off x="470448" y="3618939"/>
            <a:ext cx="2936505" cy="207842"/>
          </a:xfrm>
          <a:prstGeom prst="rect">
            <a:avLst/>
          </a:prstGeom>
          <a:solidFill>
            <a:srgbClr val="EBF2FD"/>
          </a:solidFill>
        </p:spPr>
        <p:txBody>
          <a:bodyPr vert="horz" wrap="square" lIns="0" tIns="95024" rIns="0" bIns="0" rtlCol="0">
            <a:spAutoFit/>
          </a:bodyPr>
          <a:lstStyle/>
          <a:p>
            <a:pPr marL="733577">
              <a:spcBef>
                <a:spcPts val="748"/>
              </a:spcBef>
            </a:pPr>
            <a:r>
              <a:rPr sz="727" spc="-4" dirty="0">
                <a:latin typeface="ＭＳ Ｐゴシック"/>
                <a:cs typeface="ＭＳ Ｐゴシック"/>
              </a:rPr>
              <a:t>事例集や業務マニュアルのデータベース化</a:t>
            </a:r>
            <a:endParaRPr sz="727" dirty="0">
              <a:latin typeface="ＭＳ Ｐゴシック"/>
              <a:cs typeface="ＭＳ Ｐゴシック"/>
            </a:endParaRPr>
          </a:p>
        </p:txBody>
      </p:sp>
      <p:sp>
        <p:nvSpPr>
          <p:cNvPr id="5" name="object 5"/>
          <p:cNvSpPr txBox="1"/>
          <p:nvPr/>
        </p:nvSpPr>
        <p:spPr>
          <a:xfrm>
            <a:off x="546034" y="4097206"/>
            <a:ext cx="627157" cy="231962"/>
          </a:xfrm>
          <a:prstGeom prst="rect">
            <a:avLst/>
          </a:prstGeom>
          <a:solidFill>
            <a:srgbClr val="319A72"/>
          </a:solidFill>
          <a:ln w="10668">
            <a:solidFill>
              <a:srgbClr val="000000"/>
            </a:solidFill>
          </a:ln>
        </p:spPr>
        <p:txBody>
          <a:bodyPr vert="horz" wrap="square" lIns="0" tIns="86336" rIns="0" bIns="0" rtlCol="0">
            <a:spAutoFit/>
          </a:bodyPr>
          <a:lstStyle/>
          <a:p>
            <a:pPr marL="137919">
              <a:spcBef>
                <a:spcPts val="680"/>
              </a:spcBef>
            </a:pPr>
            <a:r>
              <a:rPr sz="941" b="1" spc="-174" dirty="0">
                <a:solidFill>
                  <a:srgbClr val="FFFFFF"/>
                </a:solidFill>
                <a:latin typeface="メイリオ"/>
                <a:cs typeface="メイリオ"/>
              </a:rPr>
              <a:t>AI</a:t>
            </a:r>
            <a:r>
              <a:rPr sz="941" b="1" spc="-21" dirty="0">
                <a:solidFill>
                  <a:srgbClr val="FFFFFF"/>
                </a:solidFill>
                <a:latin typeface="メイリオ"/>
                <a:cs typeface="メイリオ"/>
              </a:rPr>
              <a:t>活用</a:t>
            </a:r>
            <a:endParaRPr sz="941">
              <a:latin typeface="メイリオ"/>
              <a:cs typeface="メイリオ"/>
            </a:endParaRPr>
          </a:p>
        </p:txBody>
      </p:sp>
      <p:sp>
        <p:nvSpPr>
          <p:cNvPr id="6" name="object 6"/>
          <p:cNvSpPr txBox="1"/>
          <p:nvPr/>
        </p:nvSpPr>
        <p:spPr>
          <a:xfrm>
            <a:off x="473056" y="4033351"/>
            <a:ext cx="2937591" cy="263804"/>
          </a:xfrm>
          <a:prstGeom prst="rect">
            <a:avLst/>
          </a:prstGeom>
          <a:solidFill>
            <a:srgbClr val="E4F6EF"/>
          </a:solidFill>
        </p:spPr>
        <p:txBody>
          <a:bodyPr vert="horz" wrap="square" lIns="0" tIns="39638" rIns="0" bIns="0" rtlCol="0">
            <a:spAutoFit/>
          </a:bodyPr>
          <a:lstStyle/>
          <a:p>
            <a:pPr>
              <a:spcBef>
                <a:spcPts val="312"/>
              </a:spcBef>
            </a:pPr>
            <a:endParaRPr sz="727">
              <a:latin typeface="Times New Roman"/>
              <a:cs typeface="Times New Roman"/>
            </a:endParaRPr>
          </a:p>
          <a:p>
            <a:pPr marL="756926"/>
            <a:r>
              <a:rPr sz="727" dirty="0">
                <a:latin typeface="ＭＳ Ｐゴシック"/>
                <a:cs typeface="ＭＳ Ｐゴシック"/>
              </a:rPr>
              <a:t>対話型AI</a:t>
            </a:r>
            <a:r>
              <a:rPr sz="727" spc="21" dirty="0">
                <a:latin typeface="ＭＳ Ｐゴシック"/>
                <a:cs typeface="ＭＳ Ｐゴシック"/>
              </a:rPr>
              <a:t>によるニーズを踏まえた情報収集  等</a:t>
            </a:r>
            <a:endParaRPr sz="727">
              <a:latin typeface="ＭＳ Ｐゴシック"/>
              <a:cs typeface="ＭＳ Ｐゴシック"/>
            </a:endParaRPr>
          </a:p>
        </p:txBody>
      </p:sp>
      <p:sp>
        <p:nvSpPr>
          <p:cNvPr id="7" name="object 7"/>
          <p:cNvSpPr txBox="1"/>
          <p:nvPr/>
        </p:nvSpPr>
        <p:spPr>
          <a:xfrm>
            <a:off x="534304" y="4640635"/>
            <a:ext cx="638560" cy="371513"/>
          </a:xfrm>
          <a:prstGeom prst="rect">
            <a:avLst/>
          </a:prstGeom>
          <a:solidFill>
            <a:srgbClr val="DBA000"/>
          </a:solidFill>
          <a:ln w="10668">
            <a:solidFill>
              <a:srgbClr val="000000"/>
            </a:solidFill>
          </a:ln>
        </p:spPr>
        <p:txBody>
          <a:bodyPr vert="horz" wrap="square" lIns="0" tIns="26607" rIns="0" bIns="0" rtlCol="0">
            <a:spAutoFit/>
          </a:bodyPr>
          <a:lstStyle/>
          <a:p>
            <a:pPr>
              <a:spcBef>
                <a:spcPts val="209"/>
              </a:spcBef>
            </a:pPr>
            <a:endParaRPr sz="727">
              <a:latin typeface="Times New Roman"/>
              <a:cs typeface="Times New Roman"/>
            </a:endParaRPr>
          </a:p>
          <a:p>
            <a:pPr marL="219910" marR="217738" algn="ctr">
              <a:lnSpc>
                <a:spcPct val="103699"/>
              </a:lnSpc>
            </a:pPr>
            <a:r>
              <a:rPr sz="727" b="1" spc="-21" dirty="0">
                <a:solidFill>
                  <a:srgbClr val="FFFFFF"/>
                </a:solidFill>
                <a:latin typeface="メイリオ"/>
                <a:cs typeface="メイリオ"/>
              </a:rPr>
              <a:t>知識醸成</a:t>
            </a:r>
            <a:endParaRPr sz="727">
              <a:latin typeface="メイリオ"/>
              <a:cs typeface="メイリオ"/>
            </a:endParaRPr>
          </a:p>
        </p:txBody>
      </p:sp>
      <p:sp>
        <p:nvSpPr>
          <p:cNvPr id="8" name="object 8"/>
          <p:cNvSpPr txBox="1"/>
          <p:nvPr/>
        </p:nvSpPr>
        <p:spPr>
          <a:xfrm>
            <a:off x="470449" y="4572868"/>
            <a:ext cx="2940306" cy="624784"/>
          </a:xfrm>
          <a:prstGeom prst="rect">
            <a:avLst/>
          </a:prstGeom>
          <a:solidFill>
            <a:srgbClr val="FFF4D8"/>
          </a:solidFill>
        </p:spPr>
        <p:txBody>
          <a:bodyPr vert="horz" wrap="square" lIns="0" tIns="4887" rIns="0" bIns="0" rtlCol="0">
            <a:spAutoFit/>
          </a:bodyPr>
          <a:lstStyle/>
          <a:p>
            <a:pPr>
              <a:spcBef>
                <a:spcPts val="38"/>
              </a:spcBef>
            </a:pPr>
            <a:endParaRPr sz="727" dirty="0">
              <a:latin typeface="Times New Roman"/>
              <a:cs typeface="Times New Roman"/>
            </a:endParaRPr>
          </a:p>
          <a:p>
            <a:pPr marL="768872" marR="230770">
              <a:lnSpc>
                <a:spcPct val="156400"/>
              </a:lnSpc>
            </a:pPr>
            <a:r>
              <a:rPr sz="727" spc="9" dirty="0">
                <a:latin typeface="ＭＳ Ｐゴシック"/>
                <a:cs typeface="ＭＳ Ｐゴシック"/>
              </a:rPr>
              <a:t>課題、取組共有のためのオンラインコミュニティ </a:t>
            </a:r>
            <a:r>
              <a:rPr sz="727" spc="13" dirty="0">
                <a:latin typeface="ＭＳ Ｐゴシック"/>
                <a:cs typeface="ＭＳ Ｐゴシック"/>
              </a:rPr>
              <a:t>e-</a:t>
            </a:r>
            <a:r>
              <a:rPr sz="727" spc="9" dirty="0">
                <a:latin typeface="ＭＳ Ｐゴシック"/>
                <a:cs typeface="ＭＳ Ｐゴシック"/>
              </a:rPr>
              <a:t>learning等によるオンデマンド学習機会の提供</a:t>
            </a:r>
            <a:endParaRPr sz="727" dirty="0">
              <a:latin typeface="ＭＳ Ｐゴシック"/>
              <a:cs typeface="ＭＳ Ｐゴシック"/>
            </a:endParaRPr>
          </a:p>
        </p:txBody>
      </p:sp>
      <p:sp>
        <p:nvSpPr>
          <p:cNvPr id="9" name="object 9"/>
          <p:cNvSpPr txBox="1"/>
          <p:nvPr/>
        </p:nvSpPr>
        <p:spPr>
          <a:xfrm>
            <a:off x="437869" y="3416945"/>
            <a:ext cx="2936505" cy="164522"/>
          </a:xfrm>
          <a:prstGeom prst="rect">
            <a:avLst/>
          </a:prstGeom>
          <a:solidFill>
            <a:srgbClr val="F2F2F2"/>
          </a:solidFill>
          <a:ln w="21335">
            <a:solidFill>
              <a:srgbClr val="000000"/>
            </a:solidFill>
          </a:ln>
        </p:spPr>
        <p:txBody>
          <a:bodyPr vert="horz" wrap="square" lIns="0" tIns="19548" rIns="0" bIns="0" rtlCol="0">
            <a:spAutoFit/>
          </a:bodyPr>
          <a:lstStyle/>
          <a:p>
            <a:pPr marL="759641">
              <a:spcBef>
                <a:spcPts val="154"/>
              </a:spcBef>
            </a:pPr>
            <a:r>
              <a:rPr sz="941" b="1" spc="-34" dirty="0">
                <a:latin typeface="メイリオ"/>
                <a:cs typeface="メイリオ"/>
              </a:rPr>
              <a:t>DX</a:t>
            </a:r>
            <a:r>
              <a:rPr sz="941" b="1" spc="51" dirty="0">
                <a:latin typeface="メイリオ"/>
                <a:cs typeface="メイリオ"/>
              </a:rPr>
              <a:t>ツール機能</a:t>
            </a:r>
            <a:r>
              <a:rPr sz="941" b="1" spc="-470" dirty="0">
                <a:latin typeface="メイリオ"/>
                <a:cs typeface="メイリオ"/>
              </a:rPr>
              <a:t>（</a:t>
            </a:r>
            <a:r>
              <a:rPr sz="941" b="1" spc="-81" dirty="0">
                <a:latin typeface="メイリオ"/>
                <a:cs typeface="メイリオ"/>
              </a:rPr>
              <a:t> イメージ</a:t>
            </a:r>
            <a:r>
              <a:rPr sz="941" b="1" spc="-513" dirty="0">
                <a:latin typeface="メイリオ"/>
                <a:cs typeface="メイリオ"/>
              </a:rPr>
              <a:t>）</a:t>
            </a:r>
            <a:endParaRPr sz="941">
              <a:latin typeface="メイリオ"/>
              <a:cs typeface="メイリオ"/>
            </a:endParaRPr>
          </a:p>
        </p:txBody>
      </p:sp>
      <p:grpSp>
        <p:nvGrpSpPr>
          <p:cNvPr id="10" name="object 10"/>
          <p:cNvGrpSpPr/>
          <p:nvPr/>
        </p:nvGrpSpPr>
        <p:grpSpPr>
          <a:xfrm>
            <a:off x="3668459" y="2998623"/>
            <a:ext cx="8145" cy="2774694"/>
            <a:chOff x="4290059" y="3278123"/>
            <a:chExt cx="9525" cy="3244850"/>
          </a:xfrm>
        </p:grpSpPr>
        <p:sp>
          <p:nvSpPr>
            <p:cNvPr id="11" name="object 11"/>
            <p:cNvSpPr/>
            <p:nvPr/>
          </p:nvSpPr>
          <p:spPr>
            <a:xfrm>
              <a:off x="4294631" y="3278123"/>
              <a:ext cx="0" cy="3202305"/>
            </a:xfrm>
            <a:custGeom>
              <a:avLst/>
              <a:gdLst/>
              <a:ahLst/>
              <a:cxnLst/>
              <a:rect l="l" t="t" r="r" b="b"/>
              <a:pathLst>
                <a:path h="3202304">
                  <a:moveTo>
                    <a:pt x="0" y="0"/>
                  </a:moveTo>
                  <a:lnTo>
                    <a:pt x="0" y="3201923"/>
                  </a:lnTo>
                </a:path>
              </a:pathLst>
            </a:custGeom>
            <a:ln w="9144">
              <a:solidFill>
                <a:srgbClr val="000000"/>
              </a:solidFill>
              <a:prstDash val="sysDash"/>
            </a:ln>
          </p:spPr>
          <p:txBody>
            <a:bodyPr wrap="square" lIns="0" tIns="0" rIns="0" bIns="0" rtlCol="0"/>
            <a:lstStyle/>
            <a:p>
              <a:endParaRPr sz="1749"/>
            </a:p>
          </p:txBody>
        </p:sp>
        <p:sp>
          <p:nvSpPr>
            <p:cNvPr id="12" name="object 12"/>
            <p:cNvSpPr/>
            <p:nvPr/>
          </p:nvSpPr>
          <p:spPr>
            <a:xfrm>
              <a:off x="4290059" y="6512051"/>
              <a:ext cx="9525" cy="10795"/>
            </a:xfrm>
            <a:custGeom>
              <a:avLst/>
              <a:gdLst/>
              <a:ahLst/>
              <a:cxnLst/>
              <a:rect l="l" t="t" r="r" b="b"/>
              <a:pathLst>
                <a:path w="9525" h="10795">
                  <a:moveTo>
                    <a:pt x="9144" y="10667"/>
                  </a:moveTo>
                  <a:lnTo>
                    <a:pt x="0" y="10667"/>
                  </a:lnTo>
                  <a:lnTo>
                    <a:pt x="0" y="0"/>
                  </a:lnTo>
                  <a:lnTo>
                    <a:pt x="9144" y="0"/>
                  </a:lnTo>
                  <a:lnTo>
                    <a:pt x="9144" y="10667"/>
                  </a:lnTo>
                  <a:close/>
                </a:path>
              </a:pathLst>
            </a:custGeom>
            <a:solidFill>
              <a:srgbClr val="000000"/>
            </a:solidFill>
          </p:spPr>
          <p:txBody>
            <a:bodyPr wrap="square" lIns="0" tIns="0" rIns="0" bIns="0" rtlCol="0"/>
            <a:lstStyle/>
            <a:p>
              <a:endParaRPr sz="1749"/>
            </a:p>
          </p:txBody>
        </p:sp>
      </p:grpSp>
      <p:grpSp>
        <p:nvGrpSpPr>
          <p:cNvPr id="13" name="object 13"/>
          <p:cNvGrpSpPr/>
          <p:nvPr/>
        </p:nvGrpSpPr>
        <p:grpSpPr>
          <a:xfrm>
            <a:off x="6234427" y="2999927"/>
            <a:ext cx="9231" cy="2773608"/>
            <a:chOff x="7290816" y="3279648"/>
            <a:chExt cx="10795" cy="3243580"/>
          </a:xfrm>
        </p:grpSpPr>
        <p:sp>
          <p:nvSpPr>
            <p:cNvPr id="14" name="object 14"/>
            <p:cNvSpPr/>
            <p:nvPr/>
          </p:nvSpPr>
          <p:spPr>
            <a:xfrm>
              <a:off x="7290816" y="3279648"/>
              <a:ext cx="10795" cy="41275"/>
            </a:xfrm>
            <a:custGeom>
              <a:avLst/>
              <a:gdLst/>
              <a:ahLst/>
              <a:cxnLst/>
              <a:rect l="l" t="t" r="r" b="b"/>
              <a:pathLst>
                <a:path w="10795" h="41275">
                  <a:moveTo>
                    <a:pt x="10668" y="41148"/>
                  </a:moveTo>
                  <a:lnTo>
                    <a:pt x="0" y="41148"/>
                  </a:lnTo>
                  <a:lnTo>
                    <a:pt x="0" y="0"/>
                  </a:lnTo>
                  <a:lnTo>
                    <a:pt x="10668" y="0"/>
                  </a:lnTo>
                  <a:lnTo>
                    <a:pt x="10668" y="41148"/>
                  </a:lnTo>
                  <a:close/>
                </a:path>
              </a:pathLst>
            </a:custGeom>
            <a:solidFill>
              <a:srgbClr val="000000"/>
            </a:solidFill>
          </p:spPr>
          <p:txBody>
            <a:bodyPr wrap="square" lIns="0" tIns="0" rIns="0" bIns="0" rtlCol="0"/>
            <a:lstStyle/>
            <a:p>
              <a:endParaRPr sz="1749"/>
            </a:p>
          </p:txBody>
        </p:sp>
        <p:sp>
          <p:nvSpPr>
            <p:cNvPr id="15" name="object 15"/>
            <p:cNvSpPr/>
            <p:nvPr/>
          </p:nvSpPr>
          <p:spPr>
            <a:xfrm>
              <a:off x="7296150" y="3352800"/>
              <a:ext cx="0" cy="3130550"/>
            </a:xfrm>
            <a:custGeom>
              <a:avLst/>
              <a:gdLst/>
              <a:ahLst/>
              <a:cxnLst/>
              <a:rect l="l" t="t" r="r" b="b"/>
              <a:pathLst>
                <a:path h="3130550">
                  <a:moveTo>
                    <a:pt x="0" y="0"/>
                  </a:moveTo>
                  <a:lnTo>
                    <a:pt x="0" y="3130296"/>
                  </a:lnTo>
                </a:path>
              </a:pathLst>
            </a:custGeom>
            <a:ln w="10668">
              <a:solidFill>
                <a:srgbClr val="000000"/>
              </a:solidFill>
              <a:prstDash val="sysDash"/>
            </a:ln>
          </p:spPr>
          <p:txBody>
            <a:bodyPr wrap="square" lIns="0" tIns="0" rIns="0" bIns="0" rtlCol="0"/>
            <a:lstStyle/>
            <a:p>
              <a:endParaRPr sz="1749"/>
            </a:p>
          </p:txBody>
        </p:sp>
        <p:sp>
          <p:nvSpPr>
            <p:cNvPr id="16" name="object 16"/>
            <p:cNvSpPr/>
            <p:nvPr/>
          </p:nvSpPr>
          <p:spPr>
            <a:xfrm>
              <a:off x="7290816" y="6513576"/>
              <a:ext cx="10795" cy="9525"/>
            </a:xfrm>
            <a:custGeom>
              <a:avLst/>
              <a:gdLst/>
              <a:ahLst/>
              <a:cxnLst/>
              <a:rect l="l" t="t" r="r" b="b"/>
              <a:pathLst>
                <a:path w="10795" h="9525">
                  <a:moveTo>
                    <a:pt x="10668" y="9144"/>
                  </a:moveTo>
                  <a:lnTo>
                    <a:pt x="0" y="9144"/>
                  </a:lnTo>
                  <a:lnTo>
                    <a:pt x="0" y="0"/>
                  </a:lnTo>
                  <a:lnTo>
                    <a:pt x="10668" y="0"/>
                  </a:lnTo>
                  <a:lnTo>
                    <a:pt x="10668" y="9144"/>
                  </a:lnTo>
                  <a:close/>
                </a:path>
              </a:pathLst>
            </a:custGeom>
            <a:solidFill>
              <a:srgbClr val="000000"/>
            </a:solidFill>
          </p:spPr>
          <p:txBody>
            <a:bodyPr wrap="square" lIns="0" tIns="0" rIns="0" bIns="0" rtlCol="0"/>
            <a:lstStyle/>
            <a:p>
              <a:endParaRPr sz="1749"/>
            </a:p>
          </p:txBody>
        </p:sp>
      </p:grpSp>
      <p:sp>
        <p:nvSpPr>
          <p:cNvPr id="17" name="object 17"/>
          <p:cNvSpPr txBox="1"/>
          <p:nvPr/>
        </p:nvSpPr>
        <p:spPr>
          <a:xfrm>
            <a:off x="523344" y="2888674"/>
            <a:ext cx="3105644" cy="184296"/>
          </a:xfrm>
          <a:prstGeom prst="rect">
            <a:avLst/>
          </a:prstGeom>
        </p:spPr>
        <p:txBody>
          <a:bodyPr vert="horz" wrap="square" lIns="0" tIns="13032" rIns="0" bIns="0" rtlCol="0">
            <a:spAutoFit/>
          </a:bodyPr>
          <a:lstStyle/>
          <a:p>
            <a:pPr marL="10860">
              <a:spcBef>
                <a:spcPts val="103"/>
              </a:spcBef>
            </a:pPr>
            <a:r>
              <a:rPr sz="1112" dirty="0">
                <a:latin typeface="ＭＳ Ｐゴシック"/>
                <a:cs typeface="ＭＳ Ｐゴシック"/>
              </a:rPr>
              <a:t>業務支援ツール（DXツール）</a:t>
            </a:r>
            <a:r>
              <a:rPr sz="1112" spc="-9" dirty="0">
                <a:latin typeface="ＭＳ Ｐゴシック"/>
                <a:cs typeface="ＭＳ Ｐゴシック"/>
              </a:rPr>
              <a:t>の機能イメージ</a:t>
            </a:r>
            <a:endParaRPr sz="1112" dirty="0">
              <a:latin typeface="ＭＳ Ｐゴシック"/>
              <a:cs typeface="ＭＳ Ｐゴシック"/>
            </a:endParaRPr>
          </a:p>
        </p:txBody>
      </p:sp>
      <p:sp>
        <p:nvSpPr>
          <p:cNvPr id="18" name="object 18"/>
          <p:cNvSpPr txBox="1">
            <a:spLocks noGrp="1"/>
          </p:cNvSpPr>
          <p:nvPr>
            <p:ph type="title"/>
          </p:nvPr>
        </p:nvSpPr>
        <p:spPr>
          <a:xfrm>
            <a:off x="335644" y="247617"/>
            <a:ext cx="5657986" cy="236092"/>
          </a:xfrm>
          <a:prstGeom prst="rect">
            <a:avLst/>
          </a:prstGeom>
        </p:spPr>
        <p:txBody>
          <a:bodyPr vert="horz" wrap="square" lIns="0" tIns="10860" rIns="0" bIns="0" rtlCol="0">
            <a:spAutoFit/>
          </a:bodyPr>
          <a:lstStyle/>
          <a:p>
            <a:pPr marL="10860">
              <a:lnSpc>
                <a:spcPct val="100000"/>
              </a:lnSpc>
              <a:spcBef>
                <a:spcPts val="86"/>
              </a:spcBef>
              <a:tabLst>
                <a:tab pos="1220095" algn="l"/>
              </a:tabLst>
            </a:pPr>
            <a:r>
              <a:rPr spc="-47" dirty="0"/>
              <a:t>テ</a:t>
            </a:r>
            <a:r>
              <a:rPr spc="-145" dirty="0"/>
              <a:t>ー</a:t>
            </a:r>
            <a:r>
              <a:rPr spc="-68" dirty="0"/>
              <a:t>マ</a:t>
            </a:r>
            <a:r>
              <a:rPr spc="-43" dirty="0"/>
              <a:t>①</a:t>
            </a:r>
            <a:r>
              <a:rPr dirty="0"/>
              <a:t>	</a:t>
            </a:r>
            <a:r>
              <a:rPr spc="51" dirty="0"/>
              <a:t>ア</a:t>
            </a:r>
            <a:r>
              <a:rPr spc="196" dirty="0"/>
              <a:t>ド</a:t>
            </a:r>
            <a:r>
              <a:rPr spc="-17" dirty="0"/>
              <a:t>バ</a:t>
            </a:r>
            <a:r>
              <a:rPr spc="509" dirty="0"/>
              <a:t>イ</a:t>
            </a:r>
            <a:r>
              <a:rPr spc="-43" dirty="0"/>
              <a:t>ザ</a:t>
            </a:r>
            <a:r>
              <a:rPr spc="-171" dirty="0"/>
              <a:t>ー</a:t>
            </a:r>
            <a:r>
              <a:rPr spc="107" dirty="0"/>
              <a:t>の</a:t>
            </a:r>
            <a:r>
              <a:rPr dirty="0"/>
              <a:t>人材確保・育成</a:t>
            </a:r>
            <a:r>
              <a:rPr spc="107" dirty="0"/>
              <a:t>の</a:t>
            </a:r>
            <a:r>
              <a:rPr dirty="0"/>
              <a:t>手</a:t>
            </a:r>
            <a:r>
              <a:rPr spc="-43" dirty="0"/>
              <a:t>法</a:t>
            </a:r>
          </a:p>
        </p:txBody>
      </p:sp>
      <p:grpSp>
        <p:nvGrpSpPr>
          <p:cNvPr id="19" name="object 19"/>
          <p:cNvGrpSpPr/>
          <p:nvPr/>
        </p:nvGrpSpPr>
        <p:grpSpPr>
          <a:xfrm>
            <a:off x="6911964" y="3745999"/>
            <a:ext cx="1303183" cy="1850520"/>
            <a:chOff x="8166354" y="3688841"/>
            <a:chExt cx="1524000" cy="2164080"/>
          </a:xfrm>
        </p:grpSpPr>
        <p:pic>
          <p:nvPicPr>
            <p:cNvPr id="20" name="object 20"/>
            <p:cNvPicPr/>
            <p:nvPr/>
          </p:nvPicPr>
          <p:blipFill>
            <a:blip r:embed="rId2" cstate="print"/>
            <a:stretch>
              <a:fillRect/>
            </a:stretch>
          </p:blipFill>
          <p:spPr>
            <a:xfrm>
              <a:off x="8377234" y="4165694"/>
              <a:ext cx="1130218" cy="1329778"/>
            </a:xfrm>
            <a:prstGeom prst="rect">
              <a:avLst/>
            </a:prstGeom>
          </p:spPr>
        </p:pic>
        <p:sp>
          <p:nvSpPr>
            <p:cNvPr id="21" name="object 21"/>
            <p:cNvSpPr/>
            <p:nvPr/>
          </p:nvSpPr>
          <p:spPr>
            <a:xfrm>
              <a:off x="8173212" y="3695699"/>
              <a:ext cx="1510665" cy="2150745"/>
            </a:xfrm>
            <a:custGeom>
              <a:avLst/>
              <a:gdLst/>
              <a:ahLst/>
              <a:cxnLst/>
              <a:rect l="l" t="t" r="r" b="b"/>
              <a:pathLst>
                <a:path w="1510665" h="2150745">
                  <a:moveTo>
                    <a:pt x="0" y="0"/>
                  </a:moveTo>
                  <a:lnTo>
                    <a:pt x="1510283" y="0"/>
                  </a:lnTo>
                  <a:lnTo>
                    <a:pt x="1510283" y="2150364"/>
                  </a:lnTo>
                  <a:lnTo>
                    <a:pt x="0" y="2150364"/>
                  </a:lnTo>
                  <a:lnTo>
                    <a:pt x="0" y="0"/>
                  </a:lnTo>
                  <a:close/>
                </a:path>
              </a:pathLst>
            </a:custGeom>
            <a:ln w="13716">
              <a:solidFill>
                <a:srgbClr val="000000"/>
              </a:solidFill>
            </a:ln>
          </p:spPr>
          <p:txBody>
            <a:bodyPr wrap="square" lIns="0" tIns="0" rIns="0" bIns="0" rtlCol="0"/>
            <a:lstStyle/>
            <a:p>
              <a:endParaRPr sz="1749"/>
            </a:p>
          </p:txBody>
        </p:sp>
      </p:grpSp>
      <p:grpSp>
        <p:nvGrpSpPr>
          <p:cNvPr id="22" name="object 22"/>
          <p:cNvGrpSpPr/>
          <p:nvPr/>
        </p:nvGrpSpPr>
        <p:grpSpPr>
          <a:xfrm>
            <a:off x="4277383" y="3680080"/>
            <a:ext cx="1358025" cy="1921109"/>
            <a:chOff x="5010150" y="3691890"/>
            <a:chExt cx="1588135" cy="2246630"/>
          </a:xfrm>
        </p:grpSpPr>
        <p:pic>
          <p:nvPicPr>
            <p:cNvPr id="23" name="object 23"/>
            <p:cNvPicPr/>
            <p:nvPr/>
          </p:nvPicPr>
          <p:blipFill>
            <a:blip r:embed="rId3" cstate="print"/>
            <a:stretch>
              <a:fillRect/>
            </a:stretch>
          </p:blipFill>
          <p:spPr>
            <a:xfrm>
              <a:off x="5213588" y="3899703"/>
              <a:ext cx="1197767" cy="1628687"/>
            </a:xfrm>
            <a:prstGeom prst="rect">
              <a:avLst/>
            </a:prstGeom>
          </p:spPr>
        </p:pic>
        <p:sp>
          <p:nvSpPr>
            <p:cNvPr id="24" name="object 24"/>
            <p:cNvSpPr/>
            <p:nvPr/>
          </p:nvSpPr>
          <p:spPr>
            <a:xfrm>
              <a:off x="5015483" y="3697224"/>
              <a:ext cx="1577340" cy="2235835"/>
            </a:xfrm>
            <a:custGeom>
              <a:avLst/>
              <a:gdLst/>
              <a:ahLst/>
              <a:cxnLst/>
              <a:rect l="l" t="t" r="r" b="b"/>
              <a:pathLst>
                <a:path w="1577340" h="2235835">
                  <a:moveTo>
                    <a:pt x="0" y="0"/>
                  </a:moveTo>
                  <a:lnTo>
                    <a:pt x="1577339" y="0"/>
                  </a:lnTo>
                  <a:lnTo>
                    <a:pt x="1577339" y="2235708"/>
                  </a:lnTo>
                  <a:lnTo>
                    <a:pt x="0" y="2235708"/>
                  </a:lnTo>
                  <a:lnTo>
                    <a:pt x="0" y="0"/>
                  </a:lnTo>
                  <a:close/>
                </a:path>
              </a:pathLst>
            </a:custGeom>
            <a:ln w="10668">
              <a:solidFill>
                <a:srgbClr val="000000"/>
              </a:solidFill>
            </a:ln>
          </p:spPr>
          <p:txBody>
            <a:bodyPr wrap="square" lIns="0" tIns="0" rIns="0" bIns="0" rtlCol="0"/>
            <a:lstStyle/>
            <a:p>
              <a:endParaRPr sz="1749"/>
            </a:p>
          </p:txBody>
        </p:sp>
      </p:grpSp>
      <p:sp>
        <p:nvSpPr>
          <p:cNvPr id="25" name="object 25"/>
          <p:cNvSpPr txBox="1"/>
          <p:nvPr/>
        </p:nvSpPr>
        <p:spPr>
          <a:xfrm>
            <a:off x="397470" y="2161981"/>
            <a:ext cx="3179766" cy="252152"/>
          </a:xfrm>
          <a:prstGeom prst="rect">
            <a:avLst/>
          </a:prstGeom>
          <a:ln w="13716">
            <a:solidFill>
              <a:srgbClr val="000000"/>
            </a:solidFill>
          </a:ln>
        </p:spPr>
        <p:txBody>
          <a:bodyPr vert="horz" wrap="square" lIns="0" tIns="47783" rIns="0" bIns="0" rtlCol="0">
            <a:spAutoFit/>
          </a:bodyPr>
          <a:lstStyle/>
          <a:p>
            <a:pPr marL="1015931">
              <a:spcBef>
                <a:spcPts val="376"/>
              </a:spcBef>
            </a:pPr>
            <a:r>
              <a:rPr sz="1325" spc="-30" dirty="0">
                <a:latin typeface="ＭＳ Ｐゴシック"/>
                <a:cs typeface="ＭＳ Ｐゴシック"/>
              </a:rPr>
              <a:t>業務支援ツール</a:t>
            </a:r>
            <a:endParaRPr sz="1325">
              <a:latin typeface="ＭＳ Ｐゴシック"/>
              <a:cs typeface="ＭＳ Ｐゴシック"/>
            </a:endParaRPr>
          </a:p>
        </p:txBody>
      </p:sp>
      <p:sp>
        <p:nvSpPr>
          <p:cNvPr id="31" name="object 31"/>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55</a:t>
            </a:fld>
            <a:endParaRPr spc="-21" dirty="0"/>
          </a:p>
        </p:txBody>
      </p:sp>
      <p:sp>
        <p:nvSpPr>
          <p:cNvPr id="26" name="object 26"/>
          <p:cNvSpPr txBox="1"/>
          <p:nvPr/>
        </p:nvSpPr>
        <p:spPr>
          <a:xfrm>
            <a:off x="4100765" y="2797508"/>
            <a:ext cx="1883633" cy="489196"/>
          </a:xfrm>
          <a:prstGeom prst="rect">
            <a:avLst/>
          </a:prstGeom>
        </p:spPr>
        <p:txBody>
          <a:bodyPr vert="horz" wrap="square" lIns="0" tIns="9231" rIns="0" bIns="0" rtlCol="0">
            <a:spAutoFit/>
          </a:bodyPr>
          <a:lstStyle/>
          <a:p>
            <a:pPr marL="250318" marR="4344" indent="-240001">
              <a:lnSpc>
                <a:spcPct val="101600"/>
              </a:lnSpc>
              <a:spcBef>
                <a:spcPts val="73"/>
              </a:spcBef>
            </a:pPr>
            <a:r>
              <a:rPr sz="1026" dirty="0">
                <a:latin typeface="ＭＳ Ｐゴシック"/>
                <a:cs typeface="ＭＳ Ｐゴシック"/>
              </a:rPr>
              <a:t>例）</a:t>
            </a:r>
            <a:r>
              <a:rPr sz="1026" spc="-13" dirty="0">
                <a:latin typeface="ＭＳ Ｐゴシック"/>
                <a:cs typeface="ＭＳ Ｐゴシック"/>
              </a:rPr>
              <a:t>インフラ維持管理における</a:t>
            </a:r>
            <a:r>
              <a:rPr sz="1026" spc="-9" dirty="0">
                <a:latin typeface="ＭＳ Ｐゴシック"/>
                <a:cs typeface="ＭＳ Ｐゴシック"/>
              </a:rPr>
              <a:t>新技術導入の手引き</a:t>
            </a:r>
            <a:endParaRPr sz="1026" dirty="0">
              <a:latin typeface="ＭＳ Ｐゴシック"/>
              <a:cs typeface="ＭＳ Ｐゴシック"/>
            </a:endParaRPr>
          </a:p>
          <a:p>
            <a:pPr marL="29864">
              <a:spcBef>
                <a:spcPts val="13"/>
              </a:spcBef>
            </a:pPr>
            <a:r>
              <a:rPr sz="1026" dirty="0">
                <a:latin typeface="ＭＳ Ｐゴシック"/>
                <a:cs typeface="ＭＳ Ｐゴシック"/>
              </a:rPr>
              <a:t>～</a:t>
            </a:r>
            <a:r>
              <a:rPr sz="1026" spc="-9" dirty="0">
                <a:latin typeface="ＭＳ Ｐゴシック"/>
                <a:cs typeface="ＭＳ Ｐゴシック"/>
              </a:rPr>
              <a:t>新技術導入は難しくない</a:t>
            </a:r>
            <a:r>
              <a:rPr sz="1026" spc="-43" dirty="0">
                <a:latin typeface="ＭＳ Ｐゴシック"/>
                <a:cs typeface="ＭＳ Ｐゴシック"/>
              </a:rPr>
              <a:t>～</a:t>
            </a:r>
            <a:endParaRPr sz="1026" dirty="0">
              <a:latin typeface="ＭＳ Ｐゴシック"/>
              <a:cs typeface="ＭＳ Ｐゴシック"/>
            </a:endParaRPr>
          </a:p>
        </p:txBody>
      </p:sp>
      <p:sp>
        <p:nvSpPr>
          <p:cNvPr id="27" name="object 27"/>
          <p:cNvSpPr txBox="1"/>
          <p:nvPr/>
        </p:nvSpPr>
        <p:spPr>
          <a:xfrm>
            <a:off x="6653500" y="2778998"/>
            <a:ext cx="1967156" cy="331332"/>
          </a:xfrm>
          <a:prstGeom prst="rect">
            <a:avLst/>
          </a:prstGeom>
        </p:spPr>
        <p:txBody>
          <a:bodyPr vert="horz" wrap="square" lIns="0" tIns="9231" rIns="0" bIns="0" rtlCol="0">
            <a:spAutoFit/>
          </a:bodyPr>
          <a:lstStyle/>
          <a:p>
            <a:pPr marL="197104" marR="4344" indent="-186788">
              <a:lnSpc>
                <a:spcPct val="101899"/>
              </a:lnSpc>
              <a:spcBef>
                <a:spcPts val="73"/>
              </a:spcBef>
            </a:pPr>
            <a:r>
              <a:rPr sz="1026" dirty="0">
                <a:latin typeface="ＭＳ Ｐゴシック"/>
                <a:cs typeface="ＭＳ Ｐゴシック"/>
              </a:rPr>
              <a:t>例）</a:t>
            </a:r>
            <a:r>
              <a:rPr sz="1026" spc="-13" dirty="0">
                <a:latin typeface="ＭＳ Ｐゴシック"/>
                <a:cs typeface="ＭＳ Ｐゴシック"/>
              </a:rPr>
              <a:t>インフラメンテナンスにおける</a:t>
            </a:r>
            <a:r>
              <a:rPr sz="1026" spc="-4" dirty="0">
                <a:latin typeface="ＭＳ Ｐゴシック"/>
                <a:cs typeface="ＭＳ Ｐゴシック"/>
              </a:rPr>
              <a:t>包括的民間委託の手引き</a:t>
            </a:r>
            <a:endParaRPr sz="1026" dirty="0">
              <a:latin typeface="ＭＳ Ｐゴシック"/>
              <a:cs typeface="ＭＳ Ｐゴシック"/>
            </a:endParaRPr>
          </a:p>
        </p:txBody>
      </p:sp>
      <p:sp>
        <p:nvSpPr>
          <p:cNvPr id="28" name="object 28"/>
          <p:cNvSpPr txBox="1"/>
          <p:nvPr/>
        </p:nvSpPr>
        <p:spPr>
          <a:xfrm>
            <a:off x="3741437" y="2161981"/>
            <a:ext cx="2384825" cy="252152"/>
          </a:xfrm>
          <a:prstGeom prst="rect">
            <a:avLst/>
          </a:prstGeom>
          <a:ln w="13715">
            <a:solidFill>
              <a:srgbClr val="000000"/>
            </a:solidFill>
          </a:ln>
        </p:spPr>
        <p:txBody>
          <a:bodyPr vert="horz" wrap="square" lIns="0" tIns="47783" rIns="0" bIns="0" rtlCol="0">
            <a:spAutoFit/>
          </a:bodyPr>
          <a:lstStyle/>
          <a:p>
            <a:pPr marL="204164">
              <a:spcBef>
                <a:spcPts val="376"/>
              </a:spcBef>
            </a:pPr>
            <a:r>
              <a:rPr sz="1325" spc="-30" dirty="0">
                <a:latin typeface="ＭＳ Ｐゴシック"/>
                <a:cs typeface="ＭＳ Ｐゴシック"/>
              </a:rPr>
              <a:t>新技術導入に関する事例集</a:t>
            </a:r>
            <a:endParaRPr sz="1325">
              <a:latin typeface="ＭＳ Ｐゴシック"/>
              <a:cs typeface="ＭＳ Ｐゴシック"/>
            </a:endParaRPr>
          </a:p>
        </p:txBody>
      </p:sp>
      <p:sp>
        <p:nvSpPr>
          <p:cNvPr id="29" name="object 29"/>
          <p:cNvSpPr txBox="1"/>
          <p:nvPr/>
        </p:nvSpPr>
        <p:spPr>
          <a:xfrm>
            <a:off x="6269613" y="2161981"/>
            <a:ext cx="2532519" cy="456054"/>
          </a:xfrm>
          <a:prstGeom prst="rect">
            <a:avLst/>
          </a:prstGeom>
          <a:ln w="13715">
            <a:solidFill>
              <a:srgbClr val="000000"/>
            </a:solidFill>
          </a:ln>
        </p:spPr>
        <p:txBody>
          <a:bodyPr vert="horz" wrap="square" lIns="0" tIns="47783" rIns="0" bIns="0" rtlCol="0">
            <a:spAutoFit/>
          </a:bodyPr>
          <a:lstStyle/>
          <a:p>
            <a:pPr marL="77647">
              <a:spcBef>
                <a:spcPts val="376"/>
              </a:spcBef>
            </a:pPr>
            <a:r>
              <a:rPr sz="1325" spc="-30" dirty="0">
                <a:latin typeface="ＭＳ Ｐゴシック"/>
                <a:cs typeface="ＭＳ Ｐゴシック"/>
              </a:rPr>
              <a:t>ハンズオン支援事業のマニュアル</a:t>
            </a:r>
            <a:endParaRPr sz="1325">
              <a:latin typeface="ＭＳ Ｐゴシック"/>
              <a:cs typeface="ＭＳ Ｐゴシック"/>
            </a:endParaRPr>
          </a:p>
        </p:txBody>
      </p:sp>
      <p:sp>
        <p:nvSpPr>
          <p:cNvPr id="30" name="object 30"/>
          <p:cNvSpPr txBox="1"/>
          <p:nvPr/>
        </p:nvSpPr>
        <p:spPr>
          <a:xfrm>
            <a:off x="469146" y="1039940"/>
            <a:ext cx="8205165" cy="353557"/>
          </a:xfrm>
          <a:prstGeom prst="rect">
            <a:avLst/>
          </a:prstGeom>
          <a:solidFill>
            <a:srgbClr val="FBE4D6"/>
          </a:solidFill>
          <a:ln w="10667">
            <a:solidFill>
              <a:srgbClr val="000000"/>
            </a:solidFill>
          </a:ln>
        </p:spPr>
        <p:txBody>
          <a:bodyPr vert="horz" wrap="square" lIns="0" tIns="122173" rIns="0" bIns="0" rtlCol="0">
            <a:spAutoFit/>
          </a:bodyPr>
          <a:lstStyle/>
          <a:p>
            <a:pPr marL="85792">
              <a:spcBef>
                <a:spcPts val="962"/>
              </a:spcBef>
            </a:pPr>
            <a:r>
              <a:rPr sz="1496" spc="-13" dirty="0">
                <a:latin typeface="ＭＳ Ｐゴシック"/>
                <a:cs typeface="ＭＳ Ｐゴシック"/>
              </a:rPr>
              <a:t>論点：如何にしてアドバイザーの人材を確保・育成するべきか。</a:t>
            </a:r>
            <a:endParaRPr sz="1496">
              <a:latin typeface="ＭＳ Ｐゴシック"/>
              <a:cs typeface="ＭＳ Ｐゴシック"/>
            </a:endParaRPr>
          </a:p>
        </p:txBody>
      </p:sp>
    </p:spTree>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flipH="1">
            <a:off x="-1" y="195478"/>
            <a:ext cx="7294363" cy="236092"/>
          </a:xfrm>
          <a:prstGeom prst="rect">
            <a:avLst/>
          </a:prstGeom>
        </p:spPr>
        <p:txBody>
          <a:bodyPr vert="horz" wrap="square" lIns="0" tIns="10860" rIns="0" bIns="0" rtlCol="0">
            <a:spAutoFit/>
          </a:bodyPr>
          <a:lstStyle/>
          <a:p>
            <a:pPr marL="10860">
              <a:lnSpc>
                <a:spcPct val="100000"/>
              </a:lnSpc>
              <a:spcBef>
                <a:spcPts val="86"/>
              </a:spcBef>
            </a:pPr>
            <a:r>
              <a:rPr spc="-56" dirty="0"/>
              <a:t>テーマ②【</a:t>
            </a:r>
            <a:r>
              <a:rPr dirty="0">
                <a:solidFill>
                  <a:srgbClr val="FFBF00"/>
                </a:solidFill>
              </a:rPr>
              <a:t>産</a:t>
            </a:r>
            <a:r>
              <a:rPr spc="43" dirty="0"/>
              <a:t>との連携】 関係機関との連携</a:t>
            </a:r>
          </a:p>
        </p:txBody>
      </p:sp>
      <p:sp>
        <p:nvSpPr>
          <p:cNvPr id="3" name="object 3"/>
          <p:cNvSpPr txBox="1"/>
          <p:nvPr/>
        </p:nvSpPr>
        <p:spPr>
          <a:xfrm>
            <a:off x="3797474" y="1432197"/>
            <a:ext cx="4821777" cy="1760649"/>
          </a:xfrm>
          <a:prstGeom prst="rect">
            <a:avLst/>
          </a:prstGeom>
          <a:solidFill>
            <a:srgbClr val="FFF2CC"/>
          </a:solidFill>
        </p:spPr>
        <p:txBody>
          <a:bodyPr vert="horz" wrap="square" lIns="0" tIns="75476" rIns="0" bIns="0" rtlCol="0">
            <a:spAutoFit/>
          </a:bodyPr>
          <a:lstStyle/>
          <a:p>
            <a:pPr marL="32036">
              <a:spcBef>
                <a:spcPts val="594"/>
              </a:spcBef>
            </a:pPr>
            <a:r>
              <a:rPr sz="1496" dirty="0">
                <a:latin typeface="ＭＳ Ｐゴシック"/>
                <a:cs typeface="ＭＳ Ｐゴシック"/>
              </a:rPr>
              <a:t>【連携内容（</a:t>
            </a:r>
            <a:r>
              <a:rPr sz="1496" spc="-4" dirty="0">
                <a:latin typeface="ＭＳ Ｐゴシック"/>
                <a:cs typeface="ＭＳ Ｐゴシック"/>
              </a:rPr>
              <a:t>イメージ</a:t>
            </a:r>
            <a:r>
              <a:rPr sz="1496" dirty="0">
                <a:latin typeface="ＭＳ Ｐゴシック"/>
                <a:cs typeface="ＭＳ Ｐゴシック"/>
              </a:rPr>
              <a:t>）</a:t>
            </a:r>
            <a:r>
              <a:rPr sz="1496" spc="-43" dirty="0">
                <a:latin typeface="ＭＳ Ｐゴシック"/>
                <a:cs typeface="ＭＳ Ｐゴシック"/>
              </a:rPr>
              <a:t>】</a:t>
            </a:r>
            <a:endParaRPr sz="1496">
              <a:latin typeface="ＭＳ Ｐゴシック"/>
              <a:cs typeface="ＭＳ Ｐゴシック"/>
            </a:endParaRPr>
          </a:p>
          <a:p>
            <a:pPr marL="32036">
              <a:spcBef>
                <a:spcPts val="552"/>
              </a:spcBef>
            </a:pPr>
            <a:r>
              <a:rPr sz="1325" spc="-21" dirty="0">
                <a:latin typeface="ＭＳ Ｐゴシック"/>
                <a:cs typeface="ＭＳ Ｐゴシック"/>
              </a:rPr>
              <a:t>〇</a:t>
            </a:r>
            <a:r>
              <a:rPr sz="1325" u="sng" spc="-34" dirty="0">
                <a:uFill>
                  <a:solidFill>
                    <a:srgbClr val="000000"/>
                  </a:solidFill>
                </a:uFill>
                <a:latin typeface="ＭＳ Ｐゴシック"/>
                <a:cs typeface="ＭＳ Ｐゴシック"/>
              </a:rPr>
              <a:t>インフラメンテナンス、新技術に関する情報共有</a:t>
            </a:r>
            <a:endParaRPr sz="1325">
              <a:latin typeface="ＭＳ Ｐゴシック"/>
              <a:cs typeface="ＭＳ Ｐゴシック"/>
            </a:endParaRPr>
          </a:p>
          <a:p>
            <a:pPr marL="142806">
              <a:spcBef>
                <a:spcPts val="278"/>
              </a:spcBef>
            </a:pPr>
            <a:r>
              <a:rPr sz="1325" spc="-30" dirty="0">
                <a:latin typeface="ＭＳ Ｐゴシック"/>
                <a:cs typeface="ＭＳ Ｐゴシック"/>
              </a:rPr>
              <a:t>インフラメンテナンス国民会議、建設コンサルタント関係協会 等</a:t>
            </a:r>
            <a:endParaRPr sz="1325">
              <a:latin typeface="ＭＳ Ｐゴシック"/>
              <a:cs typeface="ＭＳ Ｐゴシック"/>
            </a:endParaRPr>
          </a:p>
          <a:p>
            <a:pPr marL="32036">
              <a:spcBef>
                <a:spcPts val="564"/>
              </a:spcBef>
            </a:pPr>
            <a:r>
              <a:rPr sz="1325" spc="-21" dirty="0">
                <a:latin typeface="ＭＳ Ｐゴシック"/>
                <a:cs typeface="ＭＳ Ｐゴシック"/>
              </a:rPr>
              <a:t>〇</a:t>
            </a:r>
            <a:r>
              <a:rPr sz="1325" u="sng" spc="-21" dirty="0">
                <a:uFill>
                  <a:solidFill>
                    <a:srgbClr val="000000"/>
                  </a:solidFill>
                </a:uFill>
                <a:latin typeface="ＭＳ Ｐゴシック"/>
                <a:cs typeface="ＭＳ Ｐゴシック"/>
              </a:rPr>
              <a:t>民間企業のアドバイザー</a:t>
            </a:r>
            <a:r>
              <a:rPr sz="1325" spc="-30" dirty="0">
                <a:latin typeface="ＭＳ Ｐゴシック"/>
                <a:cs typeface="ＭＳ Ｐゴシック"/>
              </a:rPr>
              <a:t>の紹介</a:t>
            </a:r>
            <a:endParaRPr sz="1325">
              <a:latin typeface="ＭＳ Ｐゴシック"/>
              <a:cs typeface="ＭＳ Ｐゴシック"/>
            </a:endParaRPr>
          </a:p>
          <a:p>
            <a:pPr marL="142806">
              <a:spcBef>
                <a:spcPts val="278"/>
              </a:spcBef>
            </a:pPr>
            <a:r>
              <a:rPr sz="1325" spc="-30" dirty="0">
                <a:latin typeface="ＭＳ Ｐゴシック"/>
                <a:cs typeface="ＭＳ Ｐゴシック"/>
              </a:rPr>
              <a:t>インフラメンテナンス国民会議、建設コンサルタント関係協会 等</a:t>
            </a:r>
            <a:endParaRPr sz="1325">
              <a:latin typeface="ＭＳ Ｐゴシック"/>
              <a:cs typeface="ＭＳ Ｐゴシック"/>
            </a:endParaRPr>
          </a:p>
        </p:txBody>
      </p:sp>
      <p:sp>
        <p:nvSpPr>
          <p:cNvPr id="4" name="object 4"/>
          <p:cNvSpPr txBox="1"/>
          <p:nvPr/>
        </p:nvSpPr>
        <p:spPr>
          <a:xfrm>
            <a:off x="454811" y="1432197"/>
            <a:ext cx="3202029" cy="1129258"/>
          </a:xfrm>
          <a:prstGeom prst="rect">
            <a:avLst/>
          </a:prstGeom>
          <a:solidFill>
            <a:srgbClr val="FFF2CC"/>
          </a:solidFill>
        </p:spPr>
        <p:txBody>
          <a:bodyPr vert="horz" wrap="square" lIns="0" tIns="75476" rIns="0" bIns="0" rtlCol="0">
            <a:spAutoFit/>
          </a:bodyPr>
          <a:lstStyle/>
          <a:p>
            <a:pPr marL="32036">
              <a:spcBef>
                <a:spcPts val="594"/>
              </a:spcBef>
            </a:pPr>
            <a:r>
              <a:rPr sz="1496" spc="-9" dirty="0">
                <a:latin typeface="ＭＳ Ｐゴシック"/>
                <a:cs typeface="ＭＳ Ｐゴシック"/>
              </a:rPr>
              <a:t>【関係機関】</a:t>
            </a:r>
            <a:endParaRPr sz="1496">
              <a:latin typeface="ＭＳ Ｐゴシック"/>
              <a:cs typeface="ＭＳ Ｐゴシック"/>
            </a:endParaRPr>
          </a:p>
          <a:p>
            <a:pPr marL="32036">
              <a:spcBef>
                <a:spcPts val="552"/>
              </a:spcBef>
            </a:pPr>
            <a:r>
              <a:rPr sz="1325" spc="-30" dirty="0">
                <a:latin typeface="ＭＳ Ｐゴシック"/>
                <a:cs typeface="ＭＳ Ｐゴシック"/>
              </a:rPr>
              <a:t>〇インフラメンテナンス国民会議</a:t>
            </a:r>
            <a:endParaRPr sz="1325">
              <a:latin typeface="ＭＳ Ｐゴシック"/>
              <a:cs typeface="ＭＳ Ｐゴシック"/>
            </a:endParaRPr>
          </a:p>
          <a:p>
            <a:pPr marL="32036">
              <a:spcBef>
                <a:spcPts val="569"/>
              </a:spcBef>
            </a:pPr>
            <a:r>
              <a:rPr sz="1325" spc="-26" dirty="0">
                <a:latin typeface="ＭＳ Ｐゴシック"/>
                <a:cs typeface="ＭＳ Ｐゴシック"/>
              </a:rPr>
              <a:t>〇建設コンサルタント関係協会</a:t>
            </a:r>
            <a:r>
              <a:rPr sz="1325" spc="-9" dirty="0">
                <a:latin typeface="ＭＳ Ｐゴシック"/>
                <a:cs typeface="ＭＳ Ｐゴシック"/>
              </a:rPr>
              <a:t>（</a:t>
            </a:r>
            <a:r>
              <a:rPr sz="1325" spc="-30" dirty="0">
                <a:latin typeface="ＭＳ Ｐゴシック"/>
                <a:cs typeface="ＭＳ Ｐゴシック"/>
              </a:rPr>
              <a:t>支部</a:t>
            </a:r>
            <a:r>
              <a:rPr sz="1325" spc="-43" dirty="0">
                <a:latin typeface="ＭＳ Ｐゴシック"/>
                <a:cs typeface="ＭＳ Ｐゴシック"/>
              </a:rPr>
              <a:t>）</a:t>
            </a:r>
            <a:endParaRPr sz="1325">
              <a:latin typeface="ＭＳ Ｐゴシック"/>
              <a:cs typeface="ＭＳ Ｐゴシック"/>
            </a:endParaRPr>
          </a:p>
          <a:p>
            <a:pPr marL="3014129">
              <a:spcBef>
                <a:spcPts val="586"/>
              </a:spcBef>
            </a:pPr>
            <a:r>
              <a:rPr sz="1197" spc="-43" dirty="0">
                <a:latin typeface="ＭＳ Ｐゴシック"/>
                <a:cs typeface="ＭＳ Ｐゴシック"/>
              </a:rPr>
              <a:t>等</a:t>
            </a:r>
            <a:endParaRPr sz="1197">
              <a:latin typeface="ＭＳ Ｐゴシック"/>
              <a:cs typeface="ＭＳ Ｐゴシック"/>
            </a:endParaRPr>
          </a:p>
        </p:txBody>
      </p:sp>
      <p:sp>
        <p:nvSpPr>
          <p:cNvPr id="5" name="object 5"/>
          <p:cNvSpPr txBox="1"/>
          <p:nvPr/>
        </p:nvSpPr>
        <p:spPr>
          <a:xfrm>
            <a:off x="884519" y="3220533"/>
            <a:ext cx="6552838" cy="875780"/>
          </a:xfrm>
          <a:prstGeom prst="rect">
            <a:avLst/>
          </a:prstGeom>
        </p:spPr>
        <p:txBody>
          <a:bodyPr vert="horz" wrap="square" lIns="0" tIns="84164" rIns="0" bIns="0" rtlCol="0">
            <a:spAutoFit/>
          </a:bodyPr>
          <a:lstStyle/>
          <a:p>
            <a:pPr marL="33665">
              <a:spcBef>
                <a:spcPts val="663"/>
              </a:spcBef>
            </a:pPr>
            <a:r>
              <a:rPr sz="1325" b="1" spc="-239" dirty="0">
                <a:latin typeface="メイリオ"/>
                <a:cs typeface="メイリオ"/>
              </a:rPr>
              <a:t>【インフラメンテナンス国民会議】</a:t>
            </a:r>
            <a:endParaRPr sz="1325">
              <a:latin typeface="メイリオ"/>
              <a:cs typeface="メイリオ"/>
            </a:endParaRPr>
          </a:p>
          <a:p>
            <a:pPr marL="10860" marR="4344" algn="just">
              <a:lnSpc>
                <a:spcPct val="102000"/>
              </a:lnSpc>
              <a:spcBef>
                <a:spcPts val="483"/>
              </a:spcBef>
            </a:pPr>
            <a:r>
              <a:rPr sz="1112" spc="-13" dirty="0">
                <a:latin typeface="ＭＳ Ｐゴシック"/>
                <a:cs typeface="ＭＳ Ｐゴシック"/>
              </a:rPr>
              <a:t>インフラを良好な状態で持続的に活用するために、産学官民が一丸となってメンテナンスに取り組む社会の実現に向けて、インフラメンテナンスの理念の普及、課題の解決及びイノベーションの推進を図り、活力ある社会</a:t>
            </a:r>
            <a:r>
              <a:rPr sz="1112" spc="-4" dirty="0">
                <a:latin typeface="ＭＳ Ｐゴシック"/>
                <a:cs typeface="ＭＳ Ｐゴシック"/>
              </a:rPr>
              <a:t>の維持に寄与することを目的に設立。</a:t>
            </a:r>
            <a:endParaRPr sz="1112">
              <a:latin typeface="ＭＳ Ｐゴシック"/>
              <a:cs typeface="ＭＳ Ｐゴシック"/>
            </a:endParaRPr>
          </a:p>
        </p:txBody>
      </p:sp>
      <p:grpSp>
        <p:nvGrpSpPr>
          <p:cNvPr id="6" name="object 6"/>
          <p:cNvGrpSpPr/>
          <p:nvPr/>
        </p:nvGrpSpPr>
        <p:grpSpPr>
          <a:xfrm>
            <a:off x="1092067" y="4386514"/>
            <a:ext cx="2819219" cy="2123102"/>
            <a:chOff x="1277112" y="4901184"/>
            <a:chExt cx="3296920" cy="2482850"/>
          </a:xfrm>
        </p:grpSpPr>
        <p:sp>
          <p:nvSpPr>
            <p:cNvPr id="7" name="object 7"/>
            <p:cNvSpPr/>
            <p:nvPr/>
          </p:nvSpPr>
          <p:spPr>
            <a:xfrm>
              <a:off x="1277112" y="4901184"/>
              <a:ext cx="3296920" cy="2482850"/>
            </a:xfrm>
            <a:custGeom>
              <a:avLst/>
              <a:gdLst/>
              <a:ahLst/>
              <a:cxnLst/>
              <a:rect l="l" t="t" r="r" b="b"/>
              <a:pathLst>
                <a:path w="3296920" h="2482850">
                  <a:moveTo>
                    <a:pt x="3296412" y="2482596"/>
                  </a:moveTo>
                  <a:lnTo>
                    <a:pt x="0" y="2482596"/>
                  </a:lnTo>
                  <a:lnTo>
                    <a:pt x="0" y="0"/>
                  </a:lnTo>
                  <a:lnTo>
                    <a:pt x="3296412" y="0"/>
                  </a:lnTo>
                  <a:lnTo>
                    <a:pt x="3296412" y="2482596"/>
                  </a:lnTo>
                  <a:close/>
                </a:path>
              </a:pathLst>
            </a:custGeom>
            <a:solidFill>
              <a:srgbClr val="FDE9DA"/>
            </a:solidFill>
          </p:spPr>
          <p:txBody>
            <a:bodyPr wrap="square" lIns="0" tIns="0" rIns="0" bIns="0" rtlCol="0"/>
            <a:lstStyle/>
            <a:p>
              <a:endParaRPr sz="1749"/>
            </a:p>
          </p:txBody>
        </p:sp>
        <p:pic>
          <p:nvPicPr>
            <p:cNvPr id="8" name="object 8"/>
            <p:cNvPicPr/>
            <p:nvPr/>
          </p:nvPicPr>
          <p:blipFill>
            <a:blip r:embed="rId2" cstate="print"/>
            <a:stretch>
              <a:fillRect/>
            </a:stretch>
          </p:blipFill>
          <p:spPr>
            <a:xfrm>
              <a:off x="1347216" y="5126736"/>
              <a:ext cx="1476755" cy="1002791"/>
            </a:xfrm>
            <a:prstGeom prst="rect">
              <a:avLst/>
            </a:prstGeom>
          </p:spPr>
        </p:pic>
        <p:pic>
          <p:nvPicPr>
            <p:cNvPr id="9" name="object 9"/>
            <p:cNvPicPr/>
            <p:nvPr/>
          </p:nvPicPr>
          <p:blipFill>
            <a:blip r:embed="rId3" cstate="print"/>
            <a:stretch>
              <a:fillRect/>
            </a:stretch>
          </p:blipFill>
          <p:spPr>
            <a:xfrm>
              <a:off x="1347216" y="6228588"/>
              <a:ext cx="1351787" cy="1040891"/>
            </a:xfrm>
            <a:prstGeom prst="rect">
              <a:avLst/>
            </a:prstGeom>
          </p:spPr>
        </p:pic>
        <p:pic>
          <p:nvPicPr>
            <p:cNvPr id="10" name="object 10"/>
            <p:cNvPicPr/>
            <p:nvPr/>
          </p:nvPicPr>
          <p:blipFill>
            <a:blip r:embed="rId4" cstate="print"/>
            <a:stretch>
              <a:fillRect/>
            </a:stretch>
          </p:blipFill>
          <p:spPr>
            <a:xfrm>
              <a:off x="2782824" y="6228588"/>
              <a:ext cx="1694687" cy="1040891"/>
            </a:xfrm>
            <a:prstGeom prst="rect">
              <a:avLst/>
            </a:prstGeom>
          </p:spPr>
        </p:pic>
        <p:pic>
          <p:nvPicPr>
            <p:cNvPr id="11" name="object 11"/>
            <p:cNvPicPr/>
            <p:nvPr/>
          </p:nvPicPr>
          <p:blipFill>
            <a:blip r:embed="rId5" cstate="print"/>
            <a:stretch>
              <a:fillRect/>
            </a:stretch>
          </p:blipFill>
          <p:spPr>
            <a:xfrm>
              <a:off x="2915411" y="5126736"/>
              <a:ext cx="1562100" cy="1002791"/>
            </a:xfrm>
            <a:prstGeom prst="rect">
              <a:avLst/>
            </a:prstGeom>
          </p:spPr>
        </p:pic>
        <p:pic>
          <p:nvPicPr>
            <p:cNvPr id="12" name="object 12"/>
            <p:cNvPicPr/>
            <p:nvPr/>
          </p:nvPicPr>
          <p:blipFill>
            <a:blip r:embed="rId6" cstate="print"/>
            <a:stretch>
              <a:fillRect/>
            </a:stretch>
          </p:blipFill>
          <p:spPr>
            <a:xfrm>
              <a:off x="2737103" y="6202680"/>
              <a:ext cx="1725167" cy="269748"/>
            </a:xfrm>
            <a:prstGeom prst="rect">
              <a:avLst/>
            </a:prstGeom>
          </p:spPr>
        </p:pic>
      </p:grpSp>
      <p:sp>
        <p:nvSpPr>
          <p:cNvPr id="13" name="object 13"/>
          <p:cNvSpPr txBox="1"/>
          <p:nvPr/>
        </p:nvSpPr>
        <p:spPr>
          <a:xfrm>
            <a:off x="2405241" y="5543305"/>
            <a:ext cx="1342278" cy="111227"/>
          </a:xfrm>
          <a:prstGeom prst="rect">
            <a:avLst/>
          </a:prstGeom>
        </p:spPr>
        <p:txBody>
          <a:bodyPr vert="horz" wrap="square" lIns="0" tIns="12488" rIns="0" bIns="0" rtlCol="0">
            <a:spAutoFit/>
          </a:bodyPr>
          <a:lstStyle/>
          <a:p>
            <a:pPr marL="10860">
              <a:spcBef>
                <a:spcPts val="97"/>
              </a:spcBef>
            </a:pPr>
            <a:r>
              <a:rPr sz="641" spc="-4" dirty="0">
                <a:latin typeface="ＭＳ Ｐゴシック"/>
                <a:cs typeface="ＭＳ Ｐゴシック"/>
              </a:rPr>
              <a:t>自治体の課題解決に向けた意見交換</a:t>
            </a:r>
            <a:endParaRPr sz="641">
              <a:latin typeface="ＭＳ Ｐゴシック"/>
              <a:cs typeface="ＭＳ Ｐゴシック"/>
            </a:endParaRPr>
          </a:p>
        </p:txBody>
      </p:sp>
      <p:grpSp>
        <p:nvGrpSpPr>
          <p:cNvPr id="14" name="object 14"/>
          <p:cNvGrpSpPr/>
          <p:nvPr/>
        </p:nvGrpSpPr>
        <p:grpSpPr>
          <a:xfrm>
            <a:off x="1114221" y="4553320"/>
            <a:ext cx="1045261" cy="1177209"/>
            <a:chOff x="1303019" y="5096255"/>
            <a:chExt cx="1222375" cy="1376680"/>
          </a:xfrm>
        </p:grpSpPr>
        <p:pic>
          <p:nvPicPr>
            <p:cNvPr id="15" name="object 15"/>
            <p:cNvPicPr/>
            <p:nvPr/>
          </p:nvPicPr>
          <p:blipFill>
            <a:blip r:embed="rId7" cstate="print"/>
            <a:stretch>
              <a:fillRect/>
            </a:stretch>
          </p:blipFill>
          <p:spPr>
            <a:xfrm>
              <a:off x="1307591" y="5096255"/>
              <a:ext cx="1217675" cy="269748"/>
            </a:xfrm>
            <a:prstGeom prst="rect">
              <a:avLst/>
            </a:prstGeom>
          </p:spPr>
        </p:pic>
        <p:pic>
          <p:nvPicPr>
            <p:cNvPr id="16" name="object 16"/>
            <p:cNvPicPr/>
            <p:nvPr/>
          </p:nvPicPr>
          <p:blipFill>
            <a:blip r:embed="rId8" cstate="print"/>
            <a:stretch>
              <a:fillRect/>
            </a:stretch>
          </p:blipFill>
          <p:spPr>
            <a:xfrm>
              <a:off x="1303019" y="6202680"/>
              <a:ext cx="1150620" cy="269748"/>
            </a:xfrm>
            <a:prstGeom prst="rect">
              <a:avLst/>
            </a:prstGeom>
          </p:spPr>
        </p:pic>
      </p:grpSp>
      <p:sp>
        <p:nvSpPr>
          <p:cNvPr id="17" name="object 17"/>
          <p:cNvSpPr txBox="1"/>
          <p:nvPr/>
        </p:nvSpPr>
        <p:spPr>
          <a:xfrm>
            <a:off x="1180250" y="5543305"/>
            <a:ext cx="851956" cy="111227"/>
          </a:xfrm>
          <a:prstGeom prst="rect">
            <a:avLst/>
          </a:prstGeom>
        </p:spPr>
        <p:txBody>
          <a:bodyPr vert="horz" wrap="square" lIns="0" tIns="12488" rIns="0" bIns="0" rtlCol="0">
            <a:spAutoFit/>
          </a:bodyPr>
          <a:lstStyle/>
          <a:p>
            <a:pPr marL="10860">
              <a:spcBef>
                <a:spcPts val="97"/>
              </a:spcBef>
            </a:pPr>
            <a:r>
              <a:rPr sz="641" spc="-4" dirty="0">
                <a:latin typeface="ＭＳ Ｐゴシック"/>
                <a:cs typeface="ＭＳ Ｐゴシック"/>
              </a:rPr>
              <a:t>自治体職員向け勉強会</a:t>
            </a:r>
            <a:endParaRPr sz="641">
              <a:latin typeface="ＭＳ Ｐゴシック"/>
              <a:cs typeface="ＭＳ Ｐゴシック"/>
            </a:endParaRPr>
          </a:p>
        </p:txBody>
      </p:sp>
      <p:grpSp>
        <p:nvGrpSpPr>
          <p:cNvPr id="18" name="object 18"/>
          <p:cNvGrpSpPr/>
          <p:nvPr/>
        </p:nvGrpSpPr>
        <p:grpSpPr>
          <a:xfrm>
            <a:off x="1153317" y="4300504"/>
            <a:ext cx="2697589" cy="483807"/>
            <a:chOff x="1348740" y="4800600"/>
            <a:chExt cx="3154680" cy="565785"/>
          </a:xfrm>
        </p:grpSpPr>
        <p:pic>
          <p:nvPicPr>
            <p:cNvPr id="19" name="object 19"/>
            <p:cNvPicPr/>
            <p:nvPr/>
          </p:nvPicPr>
          <p:blipFill>
            <a:blip r:embed="rId9" cstate="print"/>
            <a:stretch>
              <a:fillRect/>
            </a:stretch>
          </p:blipFill>
          <p:spPr>
            <a:xfrm>
              <a:off x="2891027" y="5096255"/>
              <a:ext cx="868679" cy="269748"/>
            </a:xfrm>
            <a:prstGeom prst="rect">
              <a:avLst/>
            </a:prstGeom>
          </p:spPr>
        </p:pic>
        <p:sp>
          <p:nvSpPr>
            <p:cNvPr id="20" name="object 20"/>
            <p:cNvSpPr/>
            <p:nvPr/>
          </p:nvSpPr>
          <p:spPr>
            <a:xfrm>
              <a:off x="1348740" y="4800600"/>
              <a:ext cx="3154680" cy="212090"/>
            </a:xfrm>
            <a:custGeom>
              <a:avLst/>
              <a:gdLst/>
              <a:ahLst/>
              <a:cxnLst/>
              <a:rect l="l" t="t" r="r" b="b"/>
              <a:pathLst>
                <a:path w="3154679" h="212089">
                  <a:moveTo>
                    <a:pt x="3154679" y="211835"/>
                  </a:moveTo>
                  <a:lnTo>
                    <a:pt x="0" y="211835"/>
                  </a:lnTo>
                  <a:lnTo>
                    <a:pt x="0" y="0"/>
                  </a:lnTo>
                  <a:lnTo>
                    <a:pt x="3154679" y="0"/>
                  </a:lnTo>
                  <a:lnTo>
                    <a:pt x="3154679" y="211835"/>
                  </a:lnTo>
                  <a:close/>
                </a:path>
              </a:pathLst>
            </a:custGeom>
            <a:solidFill>
              <a:srgbClr val="F69546"/>
            </a:solidFill>
          </p:spPr>
          <p:txBody>
            <a:bodyPr wrap="square" lIns="0" tIns="0" rIns="0" bIns="0" rtlCol="0"/>
            <a:lstStyle/>
            <a:p>
              <a:endParaRPr sz="1749"/>
            </a:p>
          </p:txBody>
        </p:sp>
      </p:grpSp>
      <p:sp>
        <p:nvSpPr>
          <p:cNvPr id="21" name="object 21"/>
          <p:cNvSpPr txBox="1"/>
          <p:nvPr/>
        </p:nvSpPr>
        <p:spPr>
          <a:xfrm>
            <a:off x="1175017" y="4314392"/>
            <a:ext cx="2656864" cy="401907"/>
          </a:xfrm>
          <a:prstGeom prst="rect">
            <a:avLst/>
          </a:prstGeom>
        </p:spPr>
        <p:txBody>
          <a:bodyPr vert="horz" wrap="square" lIns="0" tIns="10860" rIns="0" bIns="0" rtlCol="0">
            <a:spAutoFit/>
          </a:bodyPr>
          <a:lstStyle/>
          <a:p>
            <a:pPr marL="10860">
              <a:spcBef>
                <a:spcPts val="86"/>
              </a:spcBef>
            </a:pPr>
            <a:r>
              <a:rPr sz="983" b="1" spc="-4" dirty="0">
                <a:solidFill>
                  <a:srgbClr val="FFFFFF"/>
                </a:solidFill>
                <a:latin typeface="UD デジタル 教科書体 NK-B"/>
                <a:cs typeface="UD デジタル 教科書体 NK-B"/>
              </a:rPr>
              <a:t>革新的技術の実装／企業等の連携／自治体支援</a:t>
            </a:r>
            <a:endParaRPr sz="983">
              <a:latin typeface="UD デジタル 教科書体 NK-B"/>
              <a:cs typeface="UD デジタル 教科書体 NK-B"/>
            </a:endParaRPr>
          </a:p>
          <a:p>
            <a:pPr marL="18462">
              <a:spcBef>
                <a:spcPts val="1073"/>
              </a:spcBef>
              <a:tabLst>
                <a:tab pos="1376476" algn="l"/>
              </a:tabLst>
            </a:pPr>
            <a:r>
              <a:rPr sz="641" dirty="0">
                <a:latin typeface="ＭＳ Ｐゴシック"/>
                <a:cs typeface="ＭＳ Ｐゴシック"/>
              </a:rPr>
              <a:t>マッチングイベ</a:t>
            </a:r>
            <a:r>
              <a:rPr sz="641" spc="-9" dirty="0">
                <a:latin typeface="ＭＳ Ｐゴシック"/>
                <a:cs typeface="ＭＳ Ｐゴシック"/>
              </a:rPr>
              <a:t>ン</a:t>
            </a:r>
            <a:r>
              <a:rPr sz="641" dirty="0">
                <a:latin typeface="ＭＳ Ｐゴシック"/>
                <a:cs typeface="ＭＳ Ｐゴシック"/>
              </a:rPr>
              <a:t>トの開</a:t>
            </a:r>
            <a:r>
              <a:rPr sz="641" spc="-43" dirty="0">
                <a:latin typeface="ＭＳ Ｐゴシック"/>
                <a:cs typeface="ＭＳ Ｐゴシック"/>
              </a:rPr>
              <a:t>催</a:t>
            </a:r>
            <a:r>
              <a:rPr sz="641" dirty="0">
                <a:latin typeface="ＭＳ Ｐゴシック"/>
                <a:cs typeface="ＭＳ Ｐゴシック"/>
              </a:rPr>
              <a:t>	実証実験の実</a:t>
            </a:r>
            <a:r>
              <a:rPr sz="641" spc="-43" dirty="0">
                <a:latin typeface="ＭＳ Ｐゴシック"/>
                <a:cs typeface="ＭＳ Ｐゴシック"/>
              </a:rPr>
              <a:t>施</a:t>
            </a:r>
            <a:endParaRPr sz="641">
              <a:latin typeface="ＭＳ Ｐゴシック"/>
              <a:cs typeface="ＭＳ Ｐゴシック"/>
            </a:endParaRPr>
          </a:p>
        </p:txBody>
      </p:sp>
      <p:grpSp>
        <p:nvGrpSpPr>
          <p:cNvPr id="22" name="object 22"/>
          <p:cNvGrpSpPr/>
          <p:nvPr/>
        </p:nvGrpSpPr>
        <p:grpSpPr>
          <a:xfrm>
            <a:off x="5116295" y="4258802"/>
            <a:ext cx="2537406" cy="2267538"/>
            <a:chOff x="5983223" y="4751832"/>
            <a:chExt cx="2967355" cy="2651760"/>
          </a:xfrm>
        </p:grpSpPr>
        <p:sp>
          <p:nvSpPr>
            <p:cNvPr id="23" name="object 23"/>
            <p:cNvSpPr/>
            <p:nvPr/>
          </p:nvSpPr>
          <p:spPr>
            <a:xfrm>
              <a:off x="5983223" y="4826508"/>
              <a:ext cx="2967355" cy="2577465"/>
            </a:xfrm>
            <a:custGeom>
              <a:avLst/>
              <a:gdLst/>
              <a:ahLst/>
              <a:cxnLst/>
              <a:rect l="l" t="t" r="r" b="b"/>
              <a:pathLst>
                <a:path w="2967354" h="2577465">
                  <a:moveTo>
                    <a:pt x="2967228" y="2577084"/>
                  </a:moveTo>
                  <a:lnTo>
                    <a:pt x="0" y="2577084"/>
                  </a:lnTo>
                  <a:lnTo>
                    <a:pt x="0" y="0"/>
                  </a:lnTo>
                  <a:lnTo>
                    <a:pt x="2967228" y="0"/>
                  </a:lnTo>
                  <a:lnTo>
                    <a:pt x="2967228" y="2577084"/>
                  </a:lnTo>
                  <a:close/>
                </a:path>
              </a:pathLst>
            </a:custGeom>
            <a:solidFill>
              <a:srgbClr val="FDE9DA"/>
            </a:solidFill>
          </p:spPr>
          <p:txBody>
            <a:bodyPr wrap="square" lIns="0" tIns="0" rIns="0" bIns="0" rtlCol="0"/>
            <a:lstStyle/>
            <a:p>
              <a:endParaRPr sz="1749"/>
            </a:p>
          </p:txBody>
        </p:sp>
        <p:pic>
          <p:nvPicPr>
            <p:cNvPr id="24" name="object 24"/>
            <p:cNvPicPr/>
            <p:nvPr/>
          </p:nvPicPr>
          <p:blipFill>
            <a:blip r:embed="rId10" cstate="print"/>
            <a:stretch>
              <a:fillRect/>
            </a:stretch>
          </p:blipFill>
          <p:spPr>
            <a:xfrm>
              <a:off x="6056376" y="5023104"/>
              <a:ext cx="1548383" cy="1124712"/>
            </a:xfrm>
            <a:prstGeom prst="rect">
              <a:avLst/>
            </a:prstGeom>
          </p:spPr>
        </p:pic>
        <p:pic>
          <p:nvPicPr>
            <p:cNvPr id="25" name="object 25"/>
            <p:cNvPicPr/>
            <p:nvPr/>
          </p:nvPicPr>
          <p:blipFill>
            <a:blip r:embed="rId11" cstate="print"/>
            <a:stretch>
              <a:fillRect/>
            </a:stretch>
          </p:blipFill>
          <p:spPr>
            <a:xfrm>
              <a:off x="6082283" y="6185916"/>
              <a:ext cx="2066544" cy="1138427"/>
            </a:xfrm>
            <a:prstGeom prst="rect">
              <a:avLst/>
            </a:prstGeom>
          </p:spPr>
        </p:pic>
        <p:sp>
          <p:nvSpPr>
            <p:cNvPr id="26" name="object 26"/>
            <p:cNvSpPr/>
            <p:nvPr/>
          </p:nvSpPr>
          <p:spPr>
            <a:xfrm>
              <a:off x="6234683" y="4751832"/>
              <a:ext cx="2388235" cy="212090"/>
            </a:xfrm>
            <a:custGeom>
              <a:avLst/>
              <a:gdLst/>
              <a:ahLst/>
              <a:cxnLst/>
              <a:rect l="l" t="t" r="r" b="b"/>
              <a:pathLst>
                <a:path w="2388234" h="212089">
                  <a:moveTo>
                    <a:pt x="2388108" y="211835"/>
                  </a:moveTo>
                  <a:lnTo>
                    <a:pt x="0" y="211835"/>
                  </a:lnTo>
                  <a:lnTo>
                    <a:pt x="0" y="0"/>
                  </a:lnTo>
                  <a:lnTo>
                    <a:pt x="2388108" y="0"/>
                  </a:lnTo>
                  <a:lnTo>
                    <a:pt x="2388108" y="211835"/>
                  </a:lnTo>
                  <a:close/>
                </a:path>
              </a:pathLst>
            </a:custGeom>
            <a:solidFill>
              <a:srgbClr val="F69546"/>
            </a:solidFill>
          </p:spPr>
          <p:txBody>
            <a:bodyPr wrap="square" lIns="0" tIns="0" rIns="0" bIns="0" rtlCol="0"/>
            <a:lstStyle/>
            <a:p>
              <a:endParaRPr sz="1749"/>
            </a:p>
          </p:txBody>
        </p:sp>
      </p:grpSp>
      <p:sp>
        <p:nvSpPr>
          <p:cNvPr id="27" name="object 27"/>
          <p:cNvSpPr txBox="1"/>
          <p:nvPr/>
        </p:nvSpPr>
        <p:spPr>
          <a:xfrm>
            <a:off x="5409092" y="4270100"/>
            <a:ext cx="1885271" cy="184296"/>
          </a:xfrm>
          <a:prstGeom prst="rect">
            <a:avLst/>
          </a:prstGeom>
        </p:spPr>
        <p:txBody>
          <a:bodyPr vert="horz" wrap="square" lIns="0" tIns="13032" rIns="0" bIns="0" rtlCol="0">
            <a:spAutoFit/>
          </a:bodyPr>
          <a:lstStyle/>
          <a:p>
            <a:pPr marL="10860">
              <a:spcBef>
                <a:spcPts val="103"/>
              </a:spcBef>
            </a:pPr>
            <a:r>
              <a:rPr sz="1112" b="1" spc="-4" dirty="0">
                <a:solidFill>
                  <a:srgbClr val="FFFFFF"/>
                </a:solidFill>
                <a:latin typeface="UD デジタル 教科書体 NK-B"/>
                <a:cs typeface="UD デジタル 教科書体 NK-B"/>
              </a:rPr>
              <a:t>理念の普及／市民参画の推進</a:t>
            </a:r>
            <a:endParaRPr sz="1112">
              <a:latin typeface="UD デジタル 教科書体 NK-B"/>
              <a:cs typeface="UD デジタル 教科書体 NK-B"/>
            </a:endParaRPr>
          </a:p>
        </p:txBody>
      </p:sp>
      <p:pic>
        <p:nvPicPr>
          <p:cNvPr id="28" name="object 28"/>
          <p:cNvPicPr/>
          <p:nvPr/>
        </p:nvPicPr>
        <p:blipFill>
          <a:blip r:embed="rId12" cstate="print"/>
          <a:stretch>
            <a:fillRect/>
          </a:stretch>
        </p:blipFill>
        <p:spPr>
          <a:xfrm>
            <a:off x="5126721" y="5225763"/>
            <a:ext cx="1168955" cy="294518"/>
          </a:xfrm>
          <a:prstGeom prst="rect">
            <a:avLst/>
          </a:prstGeom>
        </p:spPr>
      </p:pic>
      <p:sp>
        <p:nvSpPr>
          <p:cNvPr id="29" name="object 29"/>
          <p:cNvSpPr txBox="1"/>
          <p:nvPr/>
        </p:nvSpPr>
        <p:spPr>
          <a:xfrm>
            <a:off x="5212291" y="5283971"/>
            <a:ext cx="995306" cy="141992"/>
          </a:xfrm>
          <a:prstGeom prst="rect">
            <a:avLst/>
          </a:prstGeom>
        </p:spPr>
        <p:txBody>
          <a:bodyPr vert="horz" wrap="square" lIns="0" tIns="10317" rIns="0" bIns="0" rtlCol="0">
            <a:spAutoFit/>
          </a:bodyPr>
          <a:lstStyle/>
          <a:p>
            <a:pPr marL="10860">
              <a:spcBef>
                <a:spcPts val="81"/>
              </a:spcBef>
            </a:pPr>
            <a:r>
              <a:rPr sz="855" spc="-13" dirty="0">
                <a:latin typeface="ＭＳ Ｐゴシック"/>
                <a:cs typeface="ＭＳ Ｐゴシック"/>
              </a:rPr>
              <a:t>学生の道路点検体験</a:t>
            </a:r>
            <a:endParaRPr sz="855">
              <a:latin typeface="ＭＳ Ｐゴシック"/>
              <a:cs typeface="ＭＳ Ｐゴシック"/>
            </a:endParaRPr>
          </a:p>
        </p:txBody>
      </p:sp>
      <p:pic>
        <p:nvPicPr>
          <p:cNvPr id="30" name="object 30"/>
          <p:cNvPicPr/>
          <p:nvPr/>
        </p:nvPicPr>
        <p:blipFill>
          <a:blip r:embed="rId13" cstate="print"/>
          <a:stretch>
            <a:fillRect/>
          </a:stretch>
        </p:blipFill>
        <p:spPr>
          <a:xfrm>
            <a:off x="5165816" y="6227911"/>
            <a:ext cx="899196" cy="290609"/>
          </a:xfrm>
          <a:prstGeom prst="rect">
            <a:avLst/>
          </a:prstGeom>
        </p:spPr>
      </p:pic>
      <p:sp>
        <p:nvSpPr>
          <p:cNvPr id="31" name="object 31"/>
          <p:cNvSpPr txBox="1"/>
          <p:nvPr/>
        </p:nvSpPr>
        <p:spPr>
          <a:xfrm>
            <a:off x="5254120" y="6284913"/>
            <a:ext cx="722724" cy="273567"/>
          </a:xfrm>
          <a:prstGeom prst="rect">
            <a:avLst/>
          </a:prstGeom>
        </p:spPr>
        <p:txBody>
          <a:bodyPr vert="horz" wrap="square" lIns="0" tIns="10317" rIns="0" bIns="0" rtlCol="0">
            <a:spAutoFit/>
          </a:bodyPr>
          <a:lstStyle/>
          <a:p>
            <a:pPr marL="10860">
              <a:spcBef>
                <a:spcPts val="81"/>
              </a:spcBef>
            </a:pPr>
            <a:r>
              <a:rPr sz="855" spc="-17" dirty="0">
                <a:latin typeface="ＭＳ Ｐゴシック"/>
                <a:cs typeface="ＭＳ Ｐゴシック"/>
              </a:rPr>
              <a:t>セミナーの開催</a:t>
            </a:r>
            <a:endParaRPr sz="855">
              <a:latin typeface="ＭＳ Ｐゴシック"/>
              <a:cs typeface="ＭＳ Ｐゴシック"/>
            </a:endParaRPr>
          </a:p>
        </p:txBody>
      </p:sp>
      <p:grpSp>
        <p:nvGrpSpPr>
          <p:cNvPr id="32" name="object 32"/>
          <p:cNvGrpSpPr/>
          <p:nvPr/>
        </p:nvGrpSpPr>
        <p:grpSpPr>
          <a:xfrm>
            <a:off x="6488548" y="4490768"/>
            <a:ext cx="1040374" cy="1029514"/>
            <a:chOff x="7587996" y="5023103"/>
            <a:chExt cx="1216660" cy="1203960"/>
          </a:xfrm>
        </p:grpSpPr>
        <p:pic>
          <p:nvPicPr>
            <p:cNvPr id="33" name="object 33"/>
            <p:cNvPicPr/>
            <p:nvPr/>
          </p:nvPicPr>
          <p:blipFill>
            <a:blip r:embed="rId14" cstate="print"/>
            <a:stretch>
              <a:fillRect/>
            </a:stretch>
          </p:blipFill>
          <p:spPr>
            <a:xfrm>
              <a:off x="7652004" y="5023103"/>
              <a:ext cx="1152143" cy="1109471"/>
            </a:xfrm>
            <a:prstGeom prst="rect">
              <a:avLst/>
            </a:prstGeom>
          </p:spPr>
        </p:pic>
        <p:pic>
          <p:nvPicPr>
            <p:cNvPr id="34" name="object 34"/>
            <p:cNvPicPr/>
            <p:nvPr/>
          </p:nvPicPr>
          <p:blipFill>
            <a:blip r:embed="rId15" cstate="print"/>
            <a:stretch>
              <a:fillRect/>
            </a:stretch>
          </p:blipFill>
          <p:spPr>
            <a:xfrm>
              <a:off x="7587996" y="5882639"/>
              <a:ext cx="1117091" cy="344423"/>
            </a:xfrm>
            <a:prstGeom prst="rect">
              <a:avLst/>
            </a:prstGeom>
          </p:spPr>
        </p:pic>
      </p:grpSp>
      <p:sp>
        <p:nvSpPr>
          <p:cNvPr id="35" name="object 35"/>
          <p:cNvSpPr txBox="1"/>
          <p:nvPr/>
        </p:nvSpPr>
        <p:spPr>
          <a:xfrm>
            <a:off x="6575330" y="5283971"/>
            <a:ext cx="779195" cy="141992"/>
          </a:xfrm>
          <a:prstGeom prst="rect">
            <a:avLst/>
          </a:prstGeom>
        </p:spPr>
        <p:txBody>
          <a:bodyPr vert="horz" wrap="square" lIns="0" tIns="10317" rIns="0" bIns="0" rtlCol="0">
            <a:spAutoFit/>
          </a:bodyPr>
          <a:lstStyle/>
          <a:p>
            <a:pPr marL="10860">
              <a:spcBef>
                <a:spcPts val="81"/>
              </a:spcBef>
            </a:pPr>
            <a:r>
              <a:rPr sz="855" spc="-17" dirty="0">
                <a:latin typeface="ＭＳ Ｐゴシック"/>
                <a:cs typeface="ＭＳ Ｐゴシック"/>
              </a:rPr>
              <a:t>展示会への出展</a:t>
            </a:r>
            <a:endParaRPr sz="855">
              <a:latin typeface="ＭＳ Ｐゴシック"/>
              <a:cs typeface="ＭＳ Ｐゴシック"/>
            </a:endParaRPr>
          </a:p>
        </p:txBody>
      </p:sp>
      <p:sp>
        <p:nvSpPr>
          <p:cNvPr id="37" name="object 37"/>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56</a:t>
            </a:fld>
            <a:endParaRPr spc="-21" dirty="0"/>
          </a:p>
        </p:txBody>
      </p:sp>
      <p:sp>
        <p:nvSpPr>
          <p:cNvPr id="36" name="object 36"/>
          <p:cNvSpPr txBox="1"/>
          <p:nvPr/>
        </p:nvSpPr>
        <p:spPr>
          <a:xfrm>
            <a:off x="430050" y="858798"/>
            <a:ext cx="8205165" cy="353009"/>
          </a:xfrm>
          <a:prstGeom prst="rect">
            <a:avLst/>
          </a:prstGeom>
          <a:solidFill>
            <a:srgbClr val="FBE4D6"/>
          </a:solidFill>
          <a:ln w="10667">
            <a:solidFill>
              <a:srgbClr val="000000"/>
            </a:solidFill>
          </a:ln>
        </p:spPr>
        <p:txBody>
          <a:bodyPr vert="horz" wrap="square" lIns="0" tIns="121630" rIns="0" bIns="0" rtlCol="0">
            <a:spAutoFit/>
          </a:bodyPr>
          <a:lstStyle/>
          <a:p>
            <a:pPr marL="85792">
              <a:spcBef>
                <a:spcPts val="958"/>
              </a:spcBef>
            </a:pPr>
            <a:r>
              <a:rPr sz="1496" spc="-17" dirty="0">
                <a:latin typeface="ＭＳ Ｐゴシック"/>
                <a:cs typeface="ＭＳ Ｐゴシック"/>
              </a:rPr>
              <a:t>論点：ニーズに対応するために産学官の多様な主体を巻き込むべきではないか。</a:t>
            </a:r>
            <a:endParaRPr sz="1496">
              <a:latin typeface="ＭＳ Ｐゴシック"/>
              <a:cs typeface="ＭＳ Ｐゴシック"/>
            </a:endParaRPr>
          </a:p>
        </p:txBody>
      </p:sp>
    </p:spTree>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flipH="1">
            <a:off x="-1" y="195478"/>
            <a:ext cx="5678129" cy="236092"/>
          </a:xfrm>
          <a:prstGeom prst="rect">
            <a:avLst/>
          </a:prstGeom>
        </p:spPr>
        <p:txBody>
          <a:bodyPr vert="horz" wrap="square" lIns="0" tIns="10860" rIns="0" bIns="0" rtlCol="0">
            <a:spAutoFit/>
          </a:bodyPr>
          <a:lstStyle/>
          <a:p>
            <a:pPr marL="10860">
              <a:lnSpc>
                <a:spcPct val="100000"/>
              </a:lnSpc>
              <a:spcBef>
                <a:spcPts val="86"/>
              </a:spcBef>
            </a:pPr>
            <a:r>
              <a:rPr spc="-56" dirty="0"/>
              <a:t>テーマ②【</a:t>
            </a:r>
            <a:r>
              <a:rPr dirty="0">
                <a:solidFill>
                  <a:srgbClr val="FFBF00"/>
                </a:solidFill>
              </a:rPr>
              <a:t>産</a:t>
            </a:r>
            <a:r>
              <a:rPr spc="43" dirty="0"/>
              <a:t>との連携】 関係機関との連携</a:t>
            </a:r>
          </a:p>
        </p:txBody>
      </p:sp>
      <p:sp>
        <p:nvSpPr>
          <p:cNvPr id="3" name="object 3"/>
          <p:cNvSpPr txBox="1"/>
          <p:nvPr/>
        </p:nvSpPr>
        <p:spPr>
          <a:xfrm>
            <a:off x="3797474" y="1432197"/>
            <a:ext cx="4821777" cy="1760649"/>
          </a:xfrm>
          <a:prstGeom prst="rect">
            <a:avLst/>
          </a:prstGeom>
          <a:solidFill>
            <a:srgbClr val="FFF2CC"/>
          </a:solidFill>
        </p:spPr>
        <p:txBody>
          <a:bodyPr vert="horz" wrap="square" lIns="0" tIns="75476" rIns="0" bIns="0" rtlCol="0">
            <a:spAutoFit/>
          </a:bodyPr>
          <a:lstStyle/>
          <a:p>
            <a:pPr marL="32036">
              <a:spcBef>
                <a:spcPts val="594"/>
              </a:spcBef>
            </a:pPr>
            <a:r>
              <a:rPr sz="1496" dirty="0">
                <a:latin typeface="ＭＳ Ｐゴシック"/>
                <a:cs typeface="ＭＳ Ｐゴシック"/>
              </a:rPr>
              <a:t>【連携内容（</a:t>
            </a:r>
            <a:r>
              <a:rPr sz="1496" spc="-4" dirty="0">
                <a:latin typeface="ＭＳ Ｐゴシック"/>
                <a:cs typeface="ＭＳ Ｐゴシック"/>
              </a:rPr>
              <a:t>イメージ</a:t>
            </a:r>
            <a:r>
              <a:rPr sz="1496" dirty="0">
                <a:latin typeface="ＭＳ Ｐゴシック"/>
                <a:cs typeface="ＭＳ Ｐゴシック"/>
              </a:rPr>
              <a:t>）</a:t>
            </a:r>
            <a:r>
              <a:rPr sz="1496" spc="-43" dirty="0">
                <a:latin typeface="ＭＳ Ｐゴシック"/>
                <a:cs typeface="ＭＳ Ｐゴシック"/>
              </a:rPr>
              <a:t>】</a:t>
            </a:r>
            <a:endParaRPr sz="1496">
              <a:latin typeface="ＭＳ Ｐゴシック"/>
              <a:cs typeface="ＭＳ Ｐゴシック"/>
            </a:endParaRPr>
          </a:p>
          <a:p>
            <a:pPr marL="32036">
              <a:spcBef>
                <a:spcPts val="552"/>
              </a:spcBef>
            </a:pPr>
            <a:r>
              <a:rPr sz="1325" spc="-21" dirty="0">
                <a:latin typeface="ＭＳ Ｐゴシック"/>
                <a:cs typeface="ＭＳ Ｐゴシック"/>
              </a:rPr>
              <a:t>〇</a:t>
            </a:r>
            <a:r>
              <a:rPr sz="1325" u="sng" spc="-34" dirty="0">
                <a:uFill>
                  <a:solidFill>
                    <a:srgbClr val="000000"/>
                  </a:solidFill>
                </a:uFill>
                <a:latin typeface="ＭＳ Ｐゴシック"/>
                <a:cs typeface="ＭＳ Ｐゴシック"/>
              </a:rPr>
              <a:t>インフラメンテナンス、新技術に関する情報共有</a:t>
            </a:r>
            <a:endParaRPr sz="1325">
              <a:latin typeface="ＭＳ Ｐゴシック"/>
              <a:cs typeface="ＭＳ Ｐゴシック"/>
            </a:endParaRPr>
          </a:p>
          <a:p>
            <a:pPr marL="142806">
              <a:spcBef>
                <a:spcPts val="278"/>
              </a:spcBef>
            </a:pPr>
            <a:r>
              <a:rPr sz="1325" spc="-30" dirty="0">
                <a:latin typeface="ＭＳ Ｐゴシック"/>
                <a:cs typeface="ＭＳ Ｐゴシック"/>
              </a:rPr>
              <a:t>インフラメンテナンス国民会議、建設コンサルタント関係協会 等</a:t>
            </a:r>
            <a:endParaRPr sz="1325">
              <a:latin typeface="ＭＳ Ｐゴシック"/>
              <a:cs typeface="ＭＳ Ｐゴシック"/>
            </a:endParaRPr>
          </a:p>
          <a:p>
            <a:pPr marL="32036">
              <a:spcBef>
                <a:spcPts val="564"/>
              </a:spcBef>
            </a:pPr>
            <a:r>
              <a:rPr sz="1325" spc="-21" dirty="0">
                <a:latin typeface="ＭＳ Ｐゴシック"/>
                <a:cs typeface="ＭＳ Ｐゴシック"/>
              </a:rPr>
              <a:t>〇</a:t>
            </a:r>
            <a:r>
              <a:rPr sz="1325" u="sng" spc="-21" dirty="0">
                <a:uFill>
                  <a:solidFill>
                    <a:srgbClr val="000000"/>
                  </a:solidFill>
                </a:uFill>
                <a:latin typeface="ＭＳ Ｐゴシック"/>
                <a:cs typeface="ＭＳ Ｐゴシック"/>
              </a:rPr>
              <a:t>民間企業のアドバイザー</a:t>
            </a:r>
            <a:r>
              <a:rPr sz="1325" spc="-30" dirty="0">
                <a:latin typeface="ＭＳ Ｐゴシック"/>
                <a:cs typeface="ＭＳ Ｐゴシック"/>
              </a:rPr>
              <a:t>の紹介</a:t>
            </a:r>
            <a:endParaRPr sz="1325">
              <a:latin typeface="ＭＳ Ｐゴシック"/>
              <a:cs typeface="ＭＳ Ｐゴシック"/>
            </a:endParaRPr>
          </a:p>
          <a:p>
            <a:pPr marL="142806">
              <a:spcBef>
                <a:spcPts val="278"/>
              </a:spcBef>
            </a:pPr>
            <a:r>
              <a:rPr sz="1325" spc="-30" dirty="0">
                <a:latin typeface="ＭＳ Ｐゴシック"/>
                <a:cs typeface="ＭＳ Ｐゴシック"/>
              </a:rPr>
              <a:t>インフラメンテナンス国民会議、建設コンサルタント関係協会 等</a:t>
            </a:r>
            <a:endParaRPr sz="1325">
              <a:latin typeface="ＭＳ Ｐゴシック"/>
              <a:cs typeface="ＭＳ Ｐゴシック"/>
            </a:endParaRPr>
          </a:p>
        </p:txBody>
      </p:sp>
      <p:sp>
        <p:nvSpPr>
          <p:cNvPr id="4" name="object 4"/>
          <p:cNvSpPr txBox="1"/>
          <p:nvPr/>
        </p:nvSpPr>
        <p:spPr>
          <a:xfrm>
            <a:off x="454811" y="1432197"/>
            <a:ext cx="3202029" cy="1129258"/>
          </a:xfrm>
          <a:prstGeom prst="rect">
            <a:avLst/>
          </a:prstGeom>
          <a:solidFill>
            <a:srgbClr val="FFF2CC"/>
          </a:solidFill>
        </p:spPr>
        <p:txBody>
          <a:bodyPr vert="horz" wrap="square" lIns="0" tIns="75476" rIns="0" bIns="0" rtlCol="0">
            <a:spAutoFit/>
          </a:bodyPr>
          <a:lstStyle/>
          <a:p>
            <a:pPr marL="32036">
              <a:spcBef>
                <a:spcPts val="594"/>
              </a:spcBef>
            </a:pPr>
            <a:r>
              <a:rPr sz="1496" spc="-9" dirty="0">
                <a:latin typeface="ＭＳ Ｐゴシック"/>
                <a:cs typeface="ＭＳ Ｐゴシック"/>
              </a:rPr>
              <a:t>【関係機関】</a:t>
            </a:r>
            <a:endParaRPr sz="1496">
              <a:latin typeface="ＭＳ Ｐゴシック"/>
              <a:cs typeface="ＭＳ Ｐゴシック"/>
            </a:endParaRPr>
          </a:p>
          <a:p>
            <a:pPr marL="32036">
              <a:spcBef>
                <a:spcPts val="552"/>
              </a:spcBef>
            </a:pPr>
            <a:r>
              <a:rPr sz="1325" spc="-30" dirty="0">
                <a:latin typeface="ＭＳ Ｐゴシック"/>
                <a:cs typeface="ＭＳ Ｐゴシック"/>
              </a:rPr>
              <a:t>〇インフラメンテナンス国民会議</a:t>
            </a:r>
            <a:endParaRPr sz="1325">
              <a:latin typeface="ＭＳ Ｐゴシック"/>
              <a:cs typeface="ＭＳ Ｐゴシック"/>
            </a:endParaRPr>
          </a:p>
          <a:p>
            <a:pPr marL="32036">
              <a:spcBef>
                <a:spcPts val="569"/>
              </a:spcBef>
            </a:pPr>
            <a:r>
              <a:rPr sz="1325" spc="-26" dirty="0">
                <a:latin typeface="ＭＳ Ｐゴシック"/>
                <a:cs typeface="ＭＳ Ｐゴシック"/>
              </a:rPr>
              <a:t>〇建設コンサルタント関係協会</a:t>
            </a:r>
            <a:r>
              <a:rPr sz="1325" spc="-9" dirty="0">
                <a:latin typeface="ＭＳ Ｐゴシック"/>
                <a:cs typeface="ＭＳ Ｐゴシック"/>
              </a:rPr>
              <a:t>（</a:t>
            </a:r>
            <a:r>
              <a:rPr sz="1325" spc="-30" dirty="0">
                <a:latin typeface="ＭＳ Ｐゴシック"/>
                <a:cs typeface="ＭＳ Ｐゴシック"/>
              </a:rPr>
              <a:t>支部</a:t>
            </a:r>
            <a:r>
              <a:rPr sz="1325" spc="-43" dirty="0">
                <a:latin typeface="ＭＳ Ｐゴシック"/>
                <a:cs typeface="ＭＳ Ｐゴシック"/>
              </a:rPr>
              <a:t>）</a:t>
            </a:r>
            <a:endParaRPr sz="1325">
              <a:latin typeface="ＭＳ Ｐゴシック"/>
              <a:cs typeface="ＭＳ Ｐゴシック"/>
            </a:endParaRPr>
          </a:p>
          <a:p>
            <a:pPr marL="3014129">
              <a:spcBef>
                <a:spcPts val="586"/>
              </a:spcBef>
            </a:pPr>
            <a:r>
              <a:rPr sz="1197" spc="-43" dirty="0">
                <a:latin typeface="ＭＳ Ｐゴシック"/>
                <a:cs typeface="ＭＳ Ｐゴシック"/>
              </a:rPr>
              <a:t>等</a:t>
            </a:r>
            <a:endParaRPr sz="1197">
              <a:latin typeface="ＭＳ Ｐゴシック"/>
              <a:cs typeface="ＭＳ Ｐゴシック"/>
            </a:endParaRPr>
          </a:p>
        </p:txBody>
      </p:sp>
      <p:sp>
        <p:nvSpPr>
          <p:cNvPr id="5" name="object 5"/>
          <p:cNvSpPr txBox="1"/>
          <p:nvPr/>
        </p:nvSpPr>
        <p:spPr>
          <a:xfrm>
            <a:off x="884519" y="3220533"/>
            <a:ext cx="6552838" cy="875780"/>
          </a:xfrm>
          <a:prstGeom prst="rect">
            <a:avLst/>
          </a:prstGeom>
        </p:spPr>
        <p:txBody>
          <a:bodyPr vert="horz" wrap="square" lIns="0" tIns="84164" rIns="0" bIns="0" rtlCol="0">
            <a:spAutoFit/>
          </a:bodyPr>
          <a:lstStyle/>
          <a:p>
            <a:pPr marL="33665">
              <a:spcBef>
                <a:spcPts val="663"/>
              </a:spcBef>
            </a:pPr>
            <a:r>
              <a:rPr sz="1325" b="1" spc="-239" dirty="0">
                <a:latin typeface="メイリオ"/>
                <a:cs typeface="メイリオ"/>
              </a:rPr>
              <a:t>【インフラメンテナンス国民会議】</a:t>
            </a:r>
            <a:endParaRPr sz="1325">
              <a:latin typeface="メイリオ"/>
              <a:cs typeface="メイリオ"/>
            </a:endParaRPr>
          </a:p>
          <a:p>
            <a:pPr marL="10860" marR="4344" algn="just">
              <a:lnSpc>
                <a:spcPct val="102000"/>
              </a:lnSpc>
              <a:spcBef>
                <a:spcPts val="483"/>
              </a:spcBef>
            </a:pPr>
            <a:r>
              <a:rPr sz="1112" spc="-13" dirty="0">
                <a:latin typeface="ＭＳ Ｐゴシック"/>
                <a:cs typeface="ＭＳ Ｐゴシック"/>
              </a:rPr>
              <a:t>インフラを良好な状態で持続的に活用するために、産学官民が一丸となってメンテナンスに取り組む社会の実現に向けて、インフラメンテナンスの理念の普及、課題の解決及びイノベーションの推進を図り、活力ある社会</a:t>
            </a:r>
            <a:r>
              <a:rPr sz="1112" spc="-4" dirty="0">
                <a:latin typeface="ＭＳ Ｐゴシック"/>
                <a:cs typeface="ＭＳ Ｐゴシック"/>
              </a:rPr>
              <a:t>の維持に寄与することを目的に設立。</a:t>
            </a:r>
            <a:endParaRPr sz="1112">
              <a:latin typeface="ＭＳ Ｐゴシック"/>
              <a:cs typeface="ＭＳ Ｐゴシック"/>
            </a:endParaRPr>
          </a:p>
        </p:txBody>
      </p:sp>
      <p:grpSp>
        <p:nvGrpSpPr>
          <p:cNvPr id="6" name="object 6"/>
          <p:cNvGrpSpPr/>
          <p:nvPr/>
        </p:nvGrpSpPr>
        <p:grpSpPr>
          <a:xfrm>
            <a:off x="1092067" y="4386514"/>
            <a:ext cx="2819219" cy="2123102"/>
            <a:chOff x="1277112" y="4901184"/>
            <a:chExt cx="3296920" cy="2482850"/>
          </a:xfrm>
        </p:grpSpPr>
        <p:sp>
          <p:nvSpPr>
            <p:cNvPr id="7" name="object 7"/>
            <p:cNvSpPr/>
            <p:nvPr/>
          </p:nvSpPr>
          <p:spPr>
            <a:xfrm>
              <a:off x="1277112" y="4901184"/>
              <a:ext cx="3296920" cy="2482850"/>
            </a:xfrm>
            <a:custGeom>
              <a:avLst/>
              <a:gdLst/>
              <a:ahLst/>
              <a:cxnLst/>
              <a:rect l="l" t="t" r="r" b="b"/>
              <a:pathLst>
                <a:path w="3296920" h="2482850">
                  <a:moveTo>
                    <a:pt x="3296412" y="2482596"/>
                  </a:moveTo>
                  <a:lnTo>
                    <a:pt x="0" y="2482596"/>
                  </a:lnTo>
                  <a:lnTo>
                    <a:pt x="0" y="0"/>
                  </a:lnTo>
                  <a:lnTo>
                    <a:pt x="3296412" y="0"/>
                  </a:lnTo>
                  <a:lnTo>
                    <a:pt x="3296412" y="2482596"/>
                  </a:lnTo>
                  <a:close/>
                </a:path>
              </a:pathLst>
            </a:custGeom>
            <a:solidFill>
              <a:srgbClr val="FDE9DA"/>
            </a:solidFill>
          </p:spPr>
          <p:txBody>
            <a:bodyPr wrap="square" lIns="0" tIns="0" rIns="0" bIns="0" rtlCol="0"/>
            <a:lstStyle/>
            <a:p>
              <a:endParaRPr sz="1749"/>
            </a:p>
          </p:txBody>
        </p:sp>
        <p:pic>
          <p:nvPicPr>
            <p:cNvPr id="8" name="object 8"/>
            <p:cNvPicPr/>
            <p:nvPr/>
          </p:nvPicPr>
          <p:blipFill>
            <a:blip r:embed="rId2" cstate="print"/>
            <a:stretch>
              <a:fillRect/>
            </a:stretch>
          </p:blipFill>
          <p:spPr>
            <a:xfrm>
              <a:off x="1347216" y="5126736"/>
              <a:ext cx="1476755" cy="1002791"/>
            </a:xfrm>
            <a:prstGeom prst="rect">
              <a:avLst/>
            </a:prstGeom>
          </p:spPr>
        </p:pic>
        <p:pic>
          <p:nvPicPr>
            <p:cNvPr id="9" name="object 9"/>
            <p:cNvPicPr/>
            <p:nvPr/>
          </p:nvPicPr>
          <p:blipFill>
            <a:blip r:embed="rId3" cstate="print"/>
            <a:stretch>
              <a:fillRect/>
            </a:stretch>
          </p:blipFill>
          <p:spPr>
            <a:xfrm>
              <a:off x="1347216" y="6228588"/>
              <a:ext cx="1351787" cy="1040891"/>
            </a:xfrm>
            <a:prstGeom prst="rect">
              <a:avLst/>
            </a:prstGeom>
          </p:spPr>
        </p:pic>
        <p:pic>
          <p:nvPicPr>
            <p:cNvPr id="10" name="object 10"/>
            <p:cNvPicPr/>
            <p:nvPr/>
          </p:nvPicPr>
          <p:blipFill>
            <a:blip r:embed="rId4" cstate="print"/>
            <a:stretch>
              <a:fillRect/>
            </a:stretch>
          </p:blipFill>
          <p:spPr>
            <a:xfrm>
              <a:off x="2782824" y="6228588"/>
              <a:ext cx="1694687" cy="1040891"/>
            </a:xfrm>
            <a:prstGeom prst="rect">
              <a:avLst/>
            </a:prstGeom>
          </p:spPr>
        </p:pic>
        <p:pic>
          <p:nvPicPr>
            <p:cNvPr id="11" name="object 11"/>
            <p:cNvPicPr/>
            <p:nvPr/>
          </p:nvPicPr>
          <p:blipFill>
            <a:blip r:embed="rId5" cstate="print"/>
            <a:stretch>
              <a:fillRect/>
            </a:stretch>
          </p:blipFill>
          <p:spPr>
            <a:xfrm>
              <a:off x="2915411" y="5126736"/>
              <a:ext cx="1562100" cy="1002791"/>
            </a:xfrm>
            <a:prstGeom prst="rect">
              <a:avLst/>
            </a:prstGeom>
          </p:spPr>
        </p:pic>
        <p:pic>
          <p:nvPicPr>
            <p:cNvPr id="12" name="object 12"/>
            <p:cNvPicPr/>
            <p:nvPr/>
          </p:nvPicPr>
          <p:blipFill>
            <a:blip r:embed="rId6" cstate="print"/>
            <a:stretch>
              <a:fillRect/>
            </a:stretch>
          </p:blipFill>
          <p:spPr>
            <a:xfrm>
              <a:off x="2737103" y="6202680"/>
              <a:ext cx="1725167" cy="269748"/>
            </a:xfrm>
            <a:prstGeom prst="rect">
              <a:avLst/>
            </a:prstGeom>
          </p:spPr>
        </p:pic>
      </p:grpSp>
      <p:sp>
        <p:nvSpPr>
          <p:cNvPr id="13" name="object 13"/>
          <p:cNvSpPr txBox="1"/>
          <p:nvPr/>
        </p:nvSpPr>
        <p:spPr>
          <a:xfrm>
            <a:off x="2405241" y="5543305"/>
            <a:ext cx="1342278" cy="111227"/>
          </a:xfrm>
          <a:prstGeom prst="rect">
            <a:avLst/>
          </a:prstGeom>
        </p:spPr>
        <p:txBody>
          <a:bodyPr vert="horz" wrap="square" lIns="0" tIns="12488" rIns="0" bIns="0" rtlCol="0">
            <a:spAutoFit/>
          </a:bodyPr>
          <a:lstStyle/>
          <a:p>
            <a:pPr marL="10860">
              <a:spcBef>
                <a:spcPts val="97"/>
              </a:spcBef>
            </a:pPr>
            <a:r>
              <a:rPr sz="641" spc="-4" dirty="0">
                <a:latin typeface="ＭＳ Ｐゴシック"/>
                <a:cs typeface="ＭＳ Ｐゴシック"/>
              </a:rPr>
              <a:t>自治体の課題解決に向けた意見交換</a:t>
            </a:r>
            <a:endParaRPr sz="641">
              <a:latin typeface="ＭＳ Ｐゴシック"/>
              <a:cs typeface="ＭＳ Ｐゴシック"/>
            </a:endParaRPr>
          </a:p>
        </p:txBody>
      </p:sp>
      <p:grpSp>
        <p:nvGrpSpPr>
          <p:cNvPr id="14" name="object 14"/>
          <p:cNvGrpSpPr/>
          <p:nvPr/>
        </p:nvGrpSpPr>
        <p:grpSpPr>
          <a:xfrm>
            <a:off x="1114221" y="4553320"/>
            <a:ext cx="1045261" cy="1177209"/>
            <a:chOff x="1303019" y="5096255"/>
            <a:chExt cx="1222375" cy="1376680"/>
          </a:xfrm>
        </p:grpSpPr>
        <p:pic>
          <p:nvPicPr>
            <p:cNvPr id="15" name="object 15"/>
            <p:cNvPicPr/>
            <p:nvPr/>
          </p:nvPicPr>
          <p:blipFill>
            <a:blip r:embed="rId7" cstate="print"/>
            <a:stretch>
              <a:fillRect/>
            </a:stretch>
          </p:blipFill>
          <p:spPr>
            <a:xfrm>
              <a:off x="1307591" y="5096255"/>
              <a:ext cx="1217675" cy="269748"/>
            </a:xfrm>
            <a:prstGeom prst="rect">
              <a:avLst/>
            </a:prstGeom>
          </p:spPr>
        </p:pic>
        <p:pic>
          <p:nvPicPr>
            <p:cNvPr id="16" name="object 16"/>
            <p:cNvPicPr/>
            <p:nvPr/>
          </p:nvPicPr>
          <p:blipFill>
            <a:blip r:embed="rId8" cstate="print"/>
            <a:stretch>
              <a:fillRect/>
            </a:stretch>
          </p:blipFill>
          <p:spPr>
            <a:xfrm>
              <a:off x="1303019" y="6202680"/>
              <a:ext cx="1150620" cy="269748"/>
            </a:xfrm>
            <a:prstGeom prst="rect">
              <a:avLst/>
            </a:prstGeom>
          </p:spPr>
        </p:pic>
      </p:grpSp>
      <p:sp>
        <p:nvSpPr>
          <p:cNvPr id="17" name="object 17"/>
          <p:cNvSpPr txBox="1"/>
          <p:nvPr/>
        </p:nvSpPr>
        <p:spPr>
          <a:xfrm>
            <a:off x="1180250" y="5543305"/>
            <a:ext cx="851956" cy="111227"/>
          </a:xfrm>
          <a:prstGeom prst="rect">
            <a:avLst/>
          </a:prstGeom>
        </p:spPr>
        <p:txBody>
          <a:bodyPr vert="horz" wrap="square" lIns="0" tIns="12488" rIns="0" bIns="0" rtlCol="0">
            <a:spAutoFit/>
          </a:bodyPr>
          <a:lstStyle/>
          <a:p>
            <a:pPr marL="10860">
              <a:spcBef>
                <a:spcPts val="97"/>
              </a:spcBef>
            </a:pPr>
            <a:r>
              <a:rPr sz="641" spc="-4" dirty="0">
                <a:latin typeface="ＭＳ Ｐゴシック"/>
                <a:cs typeface="ＭＳ Ｐゴシック"/>
              </a:rPr>
              <a:t>自治体職員向け勉強会</a:t>
            </a:r>
            <a:endParaRPr sz="641">
              <a:latin typeface="ＭＳ Ｐゴシック"/>
              <a:cs typeface="ＭＳ Ｐゴシック"/>
            </a:endParaRPr>
          </a:p>
        </p:txBody>
      </p:sp>
      <p:grpSp>
        <p:nvGrpSpPr>
          <p:cNvPr id="18" name="object 18"/>
          <p:cNvGrpSpPr/>
          <p:nvPr/>
        </p:nvGrpSpPr>
        <p:grpSpPr>
          <a:xfrm>
            <a:off x="1153317" y="4300504"/>
            <a:ext cx="2697589" cy="483807"/>
            <a:chOff x="1348740" y="4800600"/>
            <a:chExt cx="3154680" cy="565785"/>
          </a:xfrm>
        </p:grpSpPr>
        <p:pic>
          <p:nvPicPr>
            <p:cNvPr id="19" name="object 19"/>
            <p:cNvPicPr/>
            <p:nvPr/>
          </p:nvPicPr>
          <p:blipFill>
            <a:blip r:embed="rId9" cstate="print"/>
            <a:stretch>
              <a:fillRect/>
            </a:stretch>
          </p:blipFill>
          <p:spPr>
            <a:xfrm>
              <a:off x="2891027" y="5096255"/>
              <a:ext cx="868679" cy="269748"/>
            </a:xfrm>
            <a:prstGeom prst="rect">
              <a:avLst/>
            </a:prstGeom>
          </p:spPr>
        </p:pic>
        <p:sp>
          <p:nvSpPr>
            <p:cNvPr id="20" name="object 20"/>
            <p:cNvSpPr/>
            <p:nvPr/>
          </p:nvSpPr>
          <p:spPr>
            <a:xfrm>
              <a:off x="1348740" y="4800600"/>
              <a:ext cx="3154680" cy="212090"/>
            </a:xfrm>
            <a:custGeom>
              <a:avLst/>
              <a:gdLst/>
              <a:ahLst/>
              <a:cxnLst/>
              <a:rect l="l" t="t" r="r" b="b"/>
              <a:pathLst>
                <a:path w="3154679" h="212089">
                  <a:moveTo>
                    <a:pt x="3154679" y="211835"/>
                  </a:moveTo>
                  <a:lnTo>
                    <a:pt x="0" y="211835"/>
                  </a:lnTo>
                  <a:lnTo>
                    <a:pt x="0" y="0"/>
                  </a:lnTo>
                  <a:lnTo>
                    <a:pt x="3154679" y="0"/>
                  </a:lnTo>
                  <a:lnTo>
                    <a:pt x="3154679" y="211835"/>
                  </a:lnTo>
                  <a:close/>
                </a:path>
              </a:pathLst>
            </a:custGeom>
            <a:solidFill>
              <a:srgbClr val="F69546"/>
            </a:solidFill>
          </p:spPr>
          <p:txBody>
            <a:bodyPr wrap="square" lIns="0" tIns="0" rIns="0" bIns="0" rtlCol="0"/>
            <a:lstStyle/>
            <a:p>
              <a:endParaRPr sz="1749"/>
            </a:p>
          </p:txBody>
        </p:sp>
      </p:grpSp>
      <p:sp>
        <p:nvSpPr>
          <p:cNvPr id="21" name="object 21"/>
          <p:cNvSpPr txBox="1"/>
          <p:nvPr/>
        </p:nvSpPr>
        <p:spPr>
          <a:xfrm>
            <a:off x="1175017" y="4314392"/>
            <a:ext cx="2656864" cy="401907"/>
          </a:xfrm>
          <a:prstGeom prst="rect">
            <a:avLst/>
          </a:prstGeom>
        </p:spPr>
        <p:txBody>
          <a:bodyPr vert="horz" wrap="square" lIns="0" tIns="10860" rIns="0" bIns="0" rtlCol="0">
            <a:spAutoFit/>
          </a:bodyPr>
          <a:lstStyle/>
          <a:p>
            <a:pPr marL="10860">
              <a:spcBef>
                <a:spcPts val="86"/>
              </a:spcBef>
            </a:pPr>
            <a:r>
              <a:rPr sz="983" b="1" spc="-4" dirty="0">
                <a:solidFill>
                  <a:srgbClr val="FFFFFF"/>
                </a:solidFill>
                <a:latin typeface="UD デジタル 教科書体 NK-B"/>
                <a:cs typeface="UD デジタル 教科書体 NK-B"/>
              </a:rPr>
              <a:t>革新的技術の実装／企業等の連携／自治体支援</a:t>
            </a:r>
            <a:endParaRPr sz="983">
              <a:latin typeface="UD デジタル 教科書体 NK-B"/>
              <a:cs typeface="UD デジタル 教科書体 NK-B"/>
            </a:endParaRPr>
          </a:p>
          <a:p>
            <a:pPr marL="18462">
              <a:spcBef>
                <a:spcPts val="1073"/>
              </a:spcBef>
              <a:tabLst>
                <a:tab pos="1376476" algn="l"/>
              </a:tabLst>
            </a:pPr>
            <a:r>
              <a:rPr sz="641" dirty="0">
                <a:latin typeface="ＭＳ Ｐゴシック"/>
                <a:cs typeface="ＭＳ Ｐゴシック"/>
              </a:rPr>
              <a:t>マッチングイベ</a:t>
            </a:r>
            <a:r>
              <a:rPr sz="641" spc="-9" dirty="0">
                <a:latin typeface="ＭＳ Ｐゴシック"/>
                <a:cs typeface="ＭＳ Ｐゴシック"/>
              </a:rPr>
              <a:t>ン</a:t>
            </a:r>
            <a:r>
              <a:rPr sz="641" dirty="0">
                <a:latin typeface="ＭＳ Ｐゴシック"/>
                <a:cs typeface="ＭＳ Ｐゴシック"/>
              </a:rPr>
              <a:t>トの開</a:t>
            </a:r>
            <a:r>
              <a:rPr sz="641" spc="-43" dirty="0">
                <a:latin typeface="ＭＳ Ｐゴシック"/>
                <a:cs typeface="ＭＳ Ｐゴシック"/>
              </a:rPr>
              <a:t>催</a:t>
            </a:r>
            <a:r>
              <a:rPr sz="641" dirty="0">
                <a:latin typeface="ＭＳ Ｐゴシック"/>
                <a:cs typeface="ＭＳ Ｐゴシック"/>
              </a:rPr>
              <a:t>	実証実験の実</a:t>
            </a:r>
            <a:r>
              <a:rPr sz="641" spc="-43" dirty="0">
                <a:latin typeface="ＭＳ Ｐゴシック"/>
                <a:cs typeface="ＭＳ Ｐゴシック"/>
              </a:rPr>
              <a:t>施</a:t>
            </a:r>
            <a:endParaRPr sz="641">
              <a:latin typeface="ＭＳ Ｐゴシック"/>
              <a:cs typeface="ＭＳ Ｐゴシック"/>
            </a:endParaRPr>
          </a:p>
        </p:txBody>
      </p:sp>
      <p:grpSp>
        <p:nvGrpSpPr>
          <p:cNvPr id="22" name="object 22"/>
          <p:cNvGrpSpPr/>
          <p:nvPr/>
        </p:nvGrpSpPr>
        <p:grpSpPr>
          <a:xfrm>
            <a:off x="5116295" y="4258802"/>
            <a:ext cx="2537406" cy="2267538"/>
            <a:chOff x="5983223" y="4751832"/>
            <a:chExt cx="2967355" cy="2651760"/>
          </a:xfrm>
        </p:grpSpPr>
        <p:sp>
          <p:nvSpPr>
            <p:cNvPr id="23" name="object 23"/>
            <p:cNvSpPr/>
            <p:nvPr/>
          </p:nvSpPr>
          <p:spPr>
            <a:xfrm>
              <a:off x="5983223" y="4826508"/>
              <a:ext cx="2967355" cy="2577465"/>
            </a:xfrm>
            <a:custGeom>
              <a:avLst/>
              <a:gdLst/>
              <a:ahLst/>
              <a:cxnLst/>
              <a:rect l="l" t="t" r="r" b="b"/>
              <a:pathLst>
                <a:path w="2967354" h="2577465">
                  <a:moveTo>
                    <a:pt x="2967228" y="2577084"/>
                  </a:moveTo>
                  <a:lnTo>
                    <a:pt x="0" y="2577084"/>
                  </a:lnTo>
                  <a:lnTo>
                    <a:pt x="0" y="0"/>
                  </a:lnTo>
                  <a:lnTo>
                    <a:pt x="2967228" y="0"/>
                  </a:lnTo>
                  <a:lnTo>
                    <a:pt x="2967228" y="2577084"/>
                  </a:lnTo>
                  <a:close/>
                </a:path>
              </a:pathLst>
            </a:custGeom>
            <a:solidFill>
              <a:srgbClr val="FDE9DA"/>
            </a:solidFill>
          </p:spPr>
          <p:txBody>
            <a:bodyPr wrap="square" lIns="0" tIns="0" rIns="0" bIns="0" rtlCol="0"/>
            <a:lstStyle/>
            <a:p>
              <a:endParaRPr sz="1749"/>
            </a:p>
          </p:txBody>
        </p:sp>
        <p:pic>
          <p:nvPicPr>
            <p:cNvPr id="24" name="object 24"/>
            <p:cNvPicPr/>
            <p:nvPr/>
          </p:nvPicPr>
          <p:blipFill>
            <a:blip r:embed="rId10" cstate="print"/>
            <a:stretch>
              <a:fillRect/>
            </a:stretch>
          </p:blipFill>
          <p:spPr>
            <a:xfrm>
              <a:off x="6056376" y="5023104"/>
              <a:ext cx="1548383" cy="1124712"/>
            </a:xfrm>
            <a:prstGeom prst="rect">
              <a:avLst/>
            </a:prstGeom>
          </p:spPr>
        </p:pic>
        <p:pic>
          <p:nvPicPr>
            <p:cNvPr id="25" name="object 25"/>
            <p:cNvPicPr/>
            <p:nvPr/>
          </p:nvPicPr>
          <p:blipFill>
            <a:blip r:embed="rId11" cstate="print"/>
            <a:stretch>
              <a:fillRect/>
            </a:stretch>
          </p:blipFill>
          <p:spPr>
            <a:xfrm>
              <a:off x="6082283" y="6185916"/>
              <a:ext cx="2066544" cy="1138427"/>
            </a:xfrm>
            <a:prstGeom prst="rect">
              <a:avLst/>
            </a:prstGeom>
          </p:spPr>
        </p:pic>
        <p:sp>
          <p:nvSpPr>
            <p:cNvPr id="26" name="object 26"/>
            <p:cNvSpPr/>
            <p:nvPr/>
          </p:nvSpPr>
          <p:spPr>
            <a:xfrm>
              <a:off x="6234683" y="4751832"/>
              <a:ext cx="2388235" cy="212090"/>
            </a:xfrm>
            <a:custGeom>
              <a:avLst/>
              <a:gdLst/>
              <a:ahLst/>
              <a:cxnLst/>
              <a:rect l="l" t="t" r="r" b="b"/>
              <a:pathLst>
                <a:path w="2388234" h="212089">
                  <a:moveTo>
                    <a:pt x="2388108" y="211835"/>
                  </a:moveTo>
                  <a:lnTo>
                    <a:pt x="0" y="211835"/>
                  </a:lnTo>
                  <a:lnTo>
                    <a:pt x="0" y="0"/>
                  </a:lnTo>
                  <a:lnTo>
                    <a:pt x="2388108" y="0"/>
                  </a:lnTo>
                  <a:lnTo>
                    <a:pt x="2388108" y="211835"/>
                  </a:lnTo>
                  <a:close/>
                </a:path>
              </a:pathLst>
            </a:custGeom>
            <a:solidFill>
              <a:srgbClr val="F69546"/>
            </a:solidFill>
          </p:spPr>
          <p:txBody>
            <a:bodyPr wrap="square" lIns="0" tIns="0" rIns="0" bIns="0" rtlCol="0"/>
            <a:lstStyle/>
            <a:p>
              <a:endParaRPr sz="1749"/>
            </a:p>
          </p:txBody>
        </p:sp>
      </p:grpSp>
      <p:sp>
        <p:nvSpPr>
          <p:cNvPr id="27" name="object 27"/>
          <p:cNvSpPr txBox="1"/>
          <p:nvPr/>
        </p:nvSpPr>
        <p:spPr>
          <a:xfrm>
            <a:off x="5409092" y="4270100"/>
            <a:ext cx="1885271" cy="184296"/>
          </a:xfrm>
          <a:prstGeom prst="rect">
            <a:avLst/>
          </a:prstGeom>
        </p:spPr>
        <p:txBody>
          <a:bodyPr vert="horz" wrap="square" lIns="0" tIns="13032" rIns="0" bIns="0" rtlCol="0">
            <a:spAutoFit/>
          </a:bodyPr>
          <a:lstStyle/>
          <a:p>
            <a:pPr marL="10860">
              <a:spcBef>
                <a:spcPts val="103"/>
              </a:spcBef>
            </a:pPr>
            <a:r>
              <a:rPr sz="1112" b="1" spc="-4" dirty="0">
                <a:solidFill>
                  <a:srgbClr val="FFFFFF"/>
                </a:solidFill>
                <a:latin typeface="UD デジタル 教科書体 NK-B"/>
                <a:cs typeface="UD デジタル 教科書体 NK-B"/>
              </a:rPr>
              <a:t>理念の普及／市民参画の推進</a:t>
            </a:r>
            <a:endParaRPr sz="1112">
              <a:latin typeface="UD デジタル 教科書体 NK-B"/>
              <a:cs typeface="UD デジタル 教科書体 NK-B"/>
            </a:endParaRPr>
          </a:p>
        </p:txBody>
      </p:sp>
      <p:pic>
        <p:nvPicPr>
          <p:cNvPr id="28" name="object 28"/>
          <p:cNvPicPr/>
          <p:nvPr/>
        </p:nvPicPr>
        <p:blipFill>
          <a:blip r:embed="rId12" cstate="print"/>
          <a:stretch>
            <a:fillRect/>
          </a:stretch>
        </p:blipFill>
        <p:spPr>
          <a:xfrm>
            <a:off x="5126721" y="5225763"/>
            <a:ext cx="1168955" cy="294518"/>
          </a:xfrm>
          <a:prstGeom prst="rect">
            <a:avLst/>
          </a:prstGeom>
        </p:spPr>
      </p:pic>
      <p:sp>
        <p:nvSpPr>
          <p:cNvPr id="29" name="object 29"/>
          <p:cNvSpPr txBox="1"/>
          <p:nvPr/>
        </p:nvSpPr>
        <p:spPr>
          <a:xfrm>
            <a:off x="5212291" y="5283971"/>
            <a:ext cx="995306" cy="141992"/>
          </a:xfrm>
          <a:prstGeom prst="rect">
            <a:avLst/>
          </a:prstGeom>
        </p:spPr>
        <p:txBody>
          <a:bodyPr vert="horz" wrap="square" lIns="0" tIns="10317" rIns="0" bIns="0" rtlCol="0">
            <a:spAutoFit/>
          </a:bodyPr>
          <a:lstStyle/>
          <a:p>
            <a:pPr marL="10860">
              <a:spcBef>
                <a:spcPts val="81"/>
              </a:spcBef>
            </a:pPr>
            <a:r>
              <a:rPr sz="855" spc="-13" dirty="0">
                <a:latin typeface="ＭＳ Ｐゴシック"/>
                <a:cs typeface="ＭＳ Ｐゴシック"/>
              </a:rPr>
              <a:t>学生の道路点検体験</a:t>
            </a:r>
            <a:endParaRPr sz="855">
              <a:latin typeface="ＭＳ Ｐゴシック"/>
              <a:cs typeface="ＭＳ Ｐゴシック"/>
            </a:endParaRPr>
          </a:p>
        </p:txBody>
      </p:sp>
      <p:pic>
        <p:nvPicPr>
          <p:cNvPr id="30" name="object 30"/>
          <p:cNvPicPr/>
          <p:nvPr/>
        </p:nvPicPr>
        <p:blipFill>
          <a:blip r:embed="rId13" cstate="print"/>
          <a:stretch>
            <a:fillRect/>
          </a:stretch>
        </p:blipFill>
        <p:spPr>
          <a:xfrm>
            <a:off x="5165816" y="6227911"/>
            <a:ext cx="899196" cy="290609"/>
          </a:xfrm>
          <a:prstGeom prst="rect">
            <a:avLst/>
          </a:prstGeom>
        </p:spPr>
      </p:pic>
      <p:sp>
        <p:nvSpPr>
          <p:cNvPr id="31" name="object 31"/>
          <p:cNvSpPr txBox="1"/>
          <p:nvPr/>
        </p:nvSpPr>
        <p:spPr>
          <a:xfrm>
            <a:off x="5254120" y="6284913"/>
            <a:ext cx="722724" cy="273567"/>
          </a:xfrm>
          <a:prstGeom prst="rect">
            <a:avLst/>
          </a:prstGeom>
        </p:spPr>
        <p:txBody>
          <a:bodyPr vert="horz" wrap="square" lIns="0" tIns="10317" rIns="0" bIns="0" rtlCol="0">
            <a:spAutoFit/>
          </a:bodyPr>
          <a:lstStyle/>
          <a:p>
            <a:pPr marL="10860">
              <a:spcBef>
                <a:spcPts val="81"/>
              </a:spcBef>
            </a:pPr>
            <a:r>
              <a:rPr sz="855" spc="-17" dirty="0">
                <a:latin typeface="ＭＳ Ｐゴシック"/>
                <a:cs typeface="ＭＳ Ｐゴシック"/>
              </a:rPr>
              <a:t>セミナーの開催</a:t>
            </a:r>
            <a:endParaRPr sz="855">
              <a:latin typeface="ＭＳ Ｐゴシック"/>
              <a:cs typeface="ＭＳ Ｐゴシック"/>
            </a:endParaRPr>
          </a:p>
        </p:txBody>
      </p:sp>
      <p:grpSp>
        <p:nvGrpSpPr>
          <p:cNvPr id="32" name="object 32"/>
          <p:cNvGrpSpPr/>
          <p:nvPr/>
        </p:nvGrpSpPr>
        <p:grpSpPr>
          <a:xfrm>
            <a:off x="6488548" y="4490768"/>
            <a:ext cx="1040374" cy="1029514"/>
            <a:chOff x="7587996" y="5023103"/>
            <a:chExt cx="1216660" cy="1203960"/>
          </a:xfrm>
        </p:grpSpPr>
        <p:pic>
          <p:nvPicPr>
            <p:cNvPr id="33" name="object 33"/>
            <p:cNvPicPr/>
            <p:nvPr/>
          </p:nvPicPr>
          <p:blipFill>
            <a:blip r:embed="rId14" cstate="print"/>
            <a:stretch>
              <a:fillRect/>
            </a:stretch>
          </p:blipFill>
          <p:spPr>
            <a:xfrm>
              <a:off x="7652004" y="5023103"/>
              <a:ext cx="1152143" cy="1109471"/>
            </a:xfrm>
            <a:prstGeom prst="rect">
              <a:avLst/>
            </a:prstGeom>
          </p:spPr>
        </p:pic>
        <p:pic>
          <p:nvPicPr>
            <p:cNvPr id="34" name="object 34"/>
            <p:cNvPicPr/>
            <p:nvPr/>
          </p:nvPicPr>
          <p:blipFill>
            <a:blip r:embed="rId15" cstate="print"/>
            <a:stretch>
              <a:fillRect/>
            </a:stretch>
          </p:blipFill>
          <p:spPr>
            <a:xfrm>
              <a:off x="7587996" y="5882639"/>
              <a:ext cx="1117091" cy="344423"/>
            </a:xfrm>
            <a:prstGeom prst="rect">
              <a:avLst/>
            </a:prstGeom>
          </p:spPr>
        </p:pic>
      </p:grpSp>
      <p:sp>
        <p:nvSpPr>
          <p:cNvPr id="35" name="object 35"/>
          <p:cNvSpPr txBox="1"/>
          <p:nvPr/>
        </p:nvSpPr>
        <p:spPr>
          <a:xfrm>
            <a:off x="6575330" y="5283971"/>
            <a:ext cx="779195" cy="141992"/>
          </a:xfrm>
          <a:prstGeom prst="rect">
            <a:avLst/>
          </a:prstGeom>
        </p:spPr>
        <p:txBody>
          <a:bodyPr vert="horz" wrap="square" lIns="0" tIns="10317" rIns="0" bIns="0" rtlCol="0">
            <a:spAutoFit/>
          </a:bodyPr>
          <a:lstStyle/>
          <a:p>
            <a:pPr marL="10860">
              <a:spcBef>
                <a:spcPts val="81"/>
              </a:spcBef>
            </a:pPr>
            <a:r>
              <a:rPr sz="855" spc="-17" dirty="0">
                <a:latin typeface="ＭＳ Ｐゴシック"/>
                <a:cs typeface="ＭＳ Ｐゴシック"/>
              </a:rPr>
              <a:t>展示会への出展</a:t>
            </a:r>
            <a:endParaRPr sz="855">
              <a:latin typeface="ＭＳ Ｐゴシック"/>
              <a:cs typeface="ＭＳ Ｐゴシック"/>
            </a:endParaRPr>
          </a:p>
        </p:txBody>
      </p:sp>
      <p:sp>
        <p:nvSpPr>
          <p:cNvPr id="37" name="object 37"/>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57</a:t>
            </a:fld>
            <a:endParaRPr spc="-21" dirty="0"/>
          </a:p>
        </p:txBody>
      </p:sp>
      <p:sp>
        <p:nvSpPr>
          <p:cNvPr id="36" name="object 36"/>
          <p:cNvSpPr txBox="1"/>
          <p:nvPr/>
        </p:nvSpPr>
        <p:spPr>
          <a:xfrm>
            <a:off x="430050" y="858798"/>
            <a:ext cx="8205165" cy="353009"/>
          </a:xfrm>
          <a:prstGeom prst="rect">
            <a:avLst/>
          </a:prstGeom>
          <a:solidFill>
            <a:srgbClr val="FBE4D6"/>
          </a:solidFill>
          <a:ln w="10667">
            <a:solidFill>
              <a:srgbClr val="000000"/>
            </a:solidFill>
          </a:ln>
        </p:spPr>
        <p:txBody>
          <a:bodyPr vert="horz" wrap="square" lIns="0" tIns="121630" rIns="0" bIns="0" rtlCol="0">
            <a:spAutoFit/>
          </a:bodyPr>
          <a:lstStyle/>
          <a:p>
            <a:pPr marL="85792">
              <a:spcBef>
                <a:spcPts val="958"/>
              </a:spcBef>
            </a:pPr>
            <a:r>
              <a:rPr sz="1496" spc="-17" dirty="0">
                <a:latin typeface="ＭＳ Ｐゴシック"/>
                <a:cs typeface="ＭＳ Ｐゴシック"/>
              </a:rPr>
              <a:t>論点：ニーズに対応するために産学官の多様な主体を巻き込むべきではないか。</a:t>
            </a:r>
            <a:endParaRPr sz="1496">
              <a:latin typeface="ＭＳ Ｐゴシック"/>
              <a:cs typeface="ＭＳ Ｐゴシック"/>
            </a:endParaRPr>
          </a:p>
        </p:txBody>
      </p:sp>
    </p:spTree>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flipH="1">
            <a:off x="0" y="195478"/>
            <a:ext cx="5884606" cy="236092"/>
          </a:xfrm>
          <a:prstGeom prst="rect">
            <a:avLst/>
          </a:prstGeom>
        </p:spPr>
        <p:txBody>
          <a:bodyPr vert="horz" wrap="square" lIns="0" tIns="10860" rIns="0" bIns="0" rtlCol="0">
            <a:spAutoFit/>
          </a:bodyPr>
          <a:lstStyle/>
          <a:p>
            <a:pPr marL="10860">
              <a:lnSpc>
                <a:spcPct val="100000"/>
              </a:lnSpc>
              <a:spcBef>
                <a:spcPts val="86"/>
              </a:spcBef>
            </a:pPr>
            <a:r>
              <a:rPr spc="-56" dirty="0"/>
              <a:t>テーマ②【</a:t>
            </a:r>
            <a:r>
              <a:rPr dirty="0">
                <a:solidFill>
                  <a:srgbClr val="70AC46"/>
                </a:solidFill>
              </a:rPr>
              <a:t>学</a:t>
            </a:r>
            <a:r>
              <a:rPr spc="43" dirty="0"/>
              <a:t>との連携】 関係機関との連携</a:t>
            </a:r>
          </a:p>
        </p:txBody>
      </p:sp>
      <p:sp>
        <p:nvSpPr>
          <p:cNvPr id="3" name="object 3"/>
          <p:cNvSpPr txBox="1"/>
          <p:nvPr/>
        </p:nvSpPr>
        <p:spPr>
          <a:xfrm>
            <a:off x="4101116" y="1417863"/>
            <a:ext cx="4493809" cy="1956577"/>
          </a:xfrm>
          <a:prstGeom prst="rect">
            <a:avLst/>
          </a:prstGeom>
          <a:solidFill>
            <a:srgbClr val="E2EFD8"/>
          </a:solidFill>
        </p:spPr>
        <p:txBody>
          <a:bodyPr vert="horz" wrap="square" lIns="0" tIns="77105" rIns="0" bIns="0" rtlCol="0">
            <a:spAutoFit/>
          </a:bodyPr>
          <a:lstStyle/>
          <a:p>
            <a:pPr marL="33665">
              <a:spcBef>
                <a:spcPts val="607"/>
              </a:spcBef>
            </a:pPr>
            <a:r>
              <a:rPr sz="1496" dirty="0">
                <a:latin typeface="ＭＳ Ｐゴシック"/>
                <a:cs typeface="ＭＳ Ｐゴシック"/>
              </a:rPr>
              <a:t>【連携内容（</a:t>
            </a:r>
            <a:r>
              <a:rPr sz="1496" spc="-4" dirty="0">
                <a:latin typeface="ＭＳ Ｐゴシック"/>
                <a:cs typeface="ＭＳ Ｐゴシック"/>
              </a:rPr>
              <a:t>イメージ</a:t>
            </a:r>
            <a:r>
              <a:rPr sz="1496" dirty="0">
                <a:latin typeface="ＭＳ Ｐゴシック"/>
                <a:cs typeface="ＭＳ Ｐゴシック"/>
              </a:rPr>
              <a:t>）</a:t>
            </a:r>
            <a:r>
              <a:rPr sz="1496" spc="-43" dirty="0">
                <a:latin typeface="ＭＳ Ｐゴシック"/>
                <a:cs typeface="ＭＳ Ｐゴシック"/>
              </a:rPr>
              <a:t>】</a:t>
            </a:r>
            <a:endParaRPr sz="1496">
              <a:latin typeface="ＭＳ Ｐゴシック"/>
              <a:cs typeface="ＭＳ Ｐゴシック"/>
            </a:endParaRPr>
          </a:p>
          <a:p>
            <a:pPr marL="33665">
              <a:spcBef>
                <a:spcPts val="552"/>
              </a:spcBef>
            </a:pPr>
            <a:r>
              <a:rPr sz="1325" spc="-21" dirty="0">
                <a:latin typeface="ＭＳ Ｐゴシック"/>
                <a:cs typeface="ＭＳ Ｐゴシック"/>
              </a:rPr>
              <a:t>〇</a:t>
            </a:r>
            <a:r>
              <a:rPr sz="1325" u="sng" spc="-26" dirty="0">
                <a:uFill>
                  <a:solidFill>
                    <a:srgbClr val="000000"/>
                  </a:solidFill>
                </a:uFill>
                <a:latin typeface="ＭＳ Ｐゴシック"/>
                <a:cs typeface="ＭＳ Ｐゴシック"/>
              </a:rPr>
              <a:t>事業全体への助言</a:t>
            </a:r>
            <a:endParaRPr sz="1325">
              <a:latin typeface="ＭＳ Ｐゴシック"/>
              <a:cs typeface="ＭＳ Ｐゴシック"/>
            </a:endParaRPr>
          </a:p>
          <a:p>
            <a:pPr marL="143892">
              <a:spcBef>
                <a:spcPts val="564"/>
              </a:spcBef>
            </a:pPr>
            <a:r>
              <a:rPr sz="1325" spc="-30" dirty="0">
                <a:latin typeface="ＭＳ Ｐゴシック"/>
                <a:cs typeface="ＭＳ Ｐゴシック"/>
              </a:rPr>
              <a:t>土木学会、大学等の研究機関</a:t>
            </a:r>
            <a:endParaRPr sz="1325">
              <a:latin typeface="ＭＳ Ｐゴシック"/>
              <a:cs typeface="ＭＳ Ｐゴシック"/>
            </a:endParaRPr>
          </a:p>
          <a:p>
            <a:pPr marL="143892" marR="933940" indent="-110769">
              <a:lnSpc>
                <a:spcPct val="134900"/>
              </a:lnSpc>
              <a:spcBef>
                <a:spcPts val="4"/>
              </a:spcBef>
            </a:pPr>
            <a:r>
              <a:rPr sz="1325" spc="-21" dirty="0">
                <a:latin typeface="ＭＳ Ｐゴシック"/>
                <a:cs typeface="ＭＳ Ｐゴシック"/>
              </a:rPr>
              <a:t>〇</a:t>
            </a:r>
            <a:r>
              <a:rPr sz="1325" u="sng" spc="-34" dirty="0">
                <a:uFill>
                  <a:solidFill>
                    <a:srgbClr val="000000"/>
                  </a:solidFill>
                </a:uFill>
                <a:latin typeface="ＭＳ Ｐゴシック"/>
                <a:cs typeface="ＭＳ Ｐゴシック"/>
              </a:rPr>
              <a:t>新技術の研究開発と自治体ニーズのマッチング</a:t>
            </a:r>
            <a:r>
              <a:rPr sz="1325" spc="-43" dirty="0">
                <a:latin typeface="ＭＳ Ｐゴシック"/>
                <a:cs typeface="ＭＳ Ｐゴシック"/>
              </a:rPr>
              <a:t> </a:t>
            </a:r>
            <a:r>
              <a:rPr sz="1325" spc="-9" dirty="0">
                <a:latin typeface="ＭＳ Ｐゴシック"/>
                <a:cs typeface="ＭＳ Ｐゴシック"/>
              </a:rPr>
              <a:t>SIP、</a:t>
            </a:r>
            <a:r>
              <a:rPr sz="1325" spc="-17" dirty="0">
                <a:latin typeface="ＭＳ Ｐゴシック"/>
                <a:cs typeface="ＭＳ Ｐゴシック"/>
              </a:rPr>
              <a:t>SBIR</a:t>
            </a:r>
            <a:endParaRPr sz="1325">
              <a:latin typeface="ＭＳ Ｐゴシック"/>
              <a:cs typeface="ＭＳ Ｐゴシック"/>
            </a:endParaRPr>
          </a:p>
          <a:p>
            <a:pPr marL="143892" marR="1865165" indent="-110769">
              <a:lnSpc>
                <a:spcPct val="135600"/>
              </a:lnSpc>
            </a:pPr>
            <a:r>
              <a:rPr sz="1325" spc="-21" dirty="0">
                <a:latin typeface="ＭＳ Ｐゴシック"/>
                <a:cs typeface="ＭＳ Ｐゴシック"/>
              </a:rPr>
              <a:t>〇</a:t>
            </a:r>
            <a:r>
              <a:rPr sz="1325" u="sng" spc="-26" dirty="0">
                <a:uFill>
                  <a:solidFill>
                    <a:srgbClr val="000000"/>
                  </a:solidFill>
                </a:uFill>
                <a:latin typeface="ＭＳ Ｐゴシック"/>
                <a:cs typeface="ＭＳ Ｐゴシック"/>
              </a:rPr>
              <a:t>学識経験者のアドバイザーの紹介</a:t>
            </a:r>
            <a:r>
              <a:rPr sz="1325" spc="-30" dirty="0">
                <a:latin typeface="ＭＳ Ｐゴシック"/>
                <a:cs typeface="ＭＳ Ｐゴシック"/>
              </a:rPr>
              <a:t>土木学会</a:t>
            </a:r>
            <a:endParaRPr sz="1325">
              <a:latin typeface="ＭＳ Ｐゴシック"/>
              <a:cs typeface="ＭＳ Ｐゴシック"/>
            </a:endParaRPr>
          </a:p>
        </p:txBody>
      </p:sp>
      <p:sp>
        <p:nvSpPr>
          <p:cNvPr id="4" name="object 4"/>
          <p:cNvSpPr txBox="1"/>
          <p:nvPr/>
        </p:nvSpPr>
        <p:spPr>
          <a:xfrm>
            <a:off x="548641" y="1426985"/>
            <a:ext cx="3415968" cy="1976391"/>
          </a:xfrm>
          <a:prstGeom prst="rect">
            <a:avLst/>
          </a:prstGeom>
          <a:solidFill>
            <a:srgbClr val="E2EFD8"/>
          </a:solidFill>
        </p:spPr>
        <p:txBody>
          <a:bodyPr vert="horz" wrap="square" lIns="0" tIns="77105" rIns="0" bIns="0" rtlCol="0">
            <a:spAutoFit/>
          </a:bodyPr>
          <a:lstStyle/>
          <a:p>
            <a:pPr marL="33122">
              <a:spcBef>
                <a:spcPts val="607"/>
              </a:spcBef>
            </a:pPr>
            <a:r>
              <a:rPr sz="1496" spc="-9" dirty="0">
                <a:latin typeface="ＭＳ Ｐゴシック"/>
                <a:cs typeface="ＭＳ Ｐゴシック"/>
              </a:rPr>
              <a:t>【関係機関】</a:t>
            </a:r>
            <a:endParaRPr sz="1496">
              <a:latin typeface="ＭＳ Ｐゴシック"/>
              <a:cs typeface="ＭＳ Ｐゴシック"/>
            </a:endParaRPr>
          </a:p>
          <a:p>
            <a:pPr marL="33665">
              <a:spcBef>
                <a:spcPts val="552"/>
              </a:spcBef>
            </a:pPr>
            <a:r>
              <a:rPr sz="1325" spc="-26" dirty="0">
                <a:latin typeface="ＭＳ Ｐゴシック"/>
                <a:cs typeface="ＭＳ Ｐゴシック"/>
              </a:rPr>
              <a:t>〇土木学会</a:t>
            </a:r>
            <a:endParaRPr sz="1325">
              <a:latin typeface="ＭＳ Ｐゴシック"/>
              <a:cs typeface="ＭＳ Ｐゴシック"/>
            </a:endParaRPr>
          </a:p>
          <a:p>
            <a:pPr marL="33665" marR="383349">
              <a:lnSpc>
                <a:spcPct val="135100"/>
              </a:lnSpc>
              <a:spcBef>
                <a:spcPts val="4"/>
              </a:spcBef>
            </a:pPr>
            <a:r>
              <a:rPr sz="1325" spc="-21" dirty="0">
                <a:latin typeface="ＭＳ Ｐゴシック"/>
                <a:cs typeface="ＭＳ Ｐゴシック"/>
              </a:rPr>
              <a:t>〇地域の大学・高等専門学校・研究機関〇</a:t>
            </a:r>
            <a:r>
              <a:rPr sz="1325" spc="-9" dirty="0">
                <a:latin typeface="ＭＳ Ｐゴシック"/>
                <a:cs typeface="ＭＳ Ｐゴシック"/>
              </a:rPr>
              <a:t>SIP</a:t>
            </a:r>
            <a:r>
              <a:rPr sz="1325" spc="-26" dirty="0">
                <a:latin typeface="ＭＳ Ｐゴシック"/>
                <a:cs typeface="ＭＳ Ｐゴシック"/>
              </a:rPr>
              <a:t>スマートインフラマネジメントシステム〇</a:t>
            </a:r>
            <a:r>
              <a:rPr sz="1325" spc="-9" dirty="0">
                <a:latin typeface="ＭＳ Ｐゴシック"/>
                <a:cs typeface="ＭＳ Ｐゴシック"/>
              </a:rPr>
              <a:t>SBIR</a:t>
            </a:r>
            <a:endParaRPr sz="1325">
              <a:latin typeface="ＭＳ Ｐゴシック"/>
              <a:cs typeface="ＭＳ Ｐゴシック"/>
            </a:endParaRPr>
          </a:p>
          <a:p>
            <a:pPr marL="33665">
              <a:spcBef>
                <a:spcPts val="569"/>
              </a:spcBef>
            </a:pPr>
            <a:r>
              <a:rPr sz="1325" spc="-30" dirty="0">
                <a:latin typeface="ＭＳ Ｐゴシック"/>
                <a:cs typeface="ＭＳ Ｐゴシック"/>
              </a:rPr>
              <a:t>〇メンテナンスエキスパート</a:t>
            </a:r>
            <a:r>
              <a:rPr sz="1325" spc="-17" dirty="0">
                <a:latin typeface="ＭＳ Ｐゴシック"/>
                <a:cs typeface="ＭＳ Ｐゴシック"/>
              </a:rPr>
              <a:t>（ME）</a:t>
            </a:r>
            <a:endParaRPr sz="1325">
              <a:latin typeface="ＭＳ Ｐゴシック"/>
              <a:cs typeface="ＭＳ Ｐゴシック"/>
            </a:endParaRPr>
          </a:p>
          <a:p>
            <a:pPr marL="3214492">
              <a:spcBef>
                <a:spcPts val="564"/>
              </a:spcBef>
            </a:pPr>
            <a:r>
              <a:rPr sz="1325" spc="-43" dirty="0">
                <a:latin typeface="ＭＳ Ｐゴシック"/>
                <a:cs typeface="ＭＳ Ｐゴシック"/>
              </a:rPr>
              <a:t>等</a:t>
            </a:r>
            <a:endParaRPr sz="1325">
              <a:latin typeface="ＭＳ Ｐゴシック"/>
              <a:cs typeface="ＭＳ Ｐゴシック"/>
            </a:endParaRPr>
          </a:p>
        </p:txBody>
      </p:sp>
      <p:sp>
        <p:nvSpPr>
          <p:cNvPr id="5" name="object 5"/>
          <p:cNvSpPr txBox="1"/>
          <p:nvPr/>
        </p:nvSpPr>
        <p:spPr>
          <a:xfrm>
            <a:off x="421893" y="3481816"/>
            <a:ext cx="3924210" cy="1978842"/>
          </a:xfrm>
          <a:prstGeom prst="rect">
            <a:avLst/>
          </a:prstGeom>
        </p:spPr>
        <p:txBody>
          <a:bodyPr vert="horz" wrap="square" lIns="0" tIns="10317" rIns="0" bIns="0" rtlCol="0">
            <a:spAutoFit/>
          </a:bodyPr>
          <a:lstStyle/>
          <a:p>
            <a:pPr marL="10860">
              <a:spcBef>
                <a:spcPts val="81"/>
              </a:spcBef>
            </a:pPr>
            <a:r>
              <a:rPr sz="1325" spc="-9" dirty="0">
                <a:latin typeface="ＭＳ Ｐゴシック"/>
                <a:cs typeface="ＭＳ Ｐゴシック"/>
              </a:rPr>
              <a:t>【SIP】SIP</a:t>
            </a:r>
            <a:r>
              <a:rPr sz="1325" spc="-38" dirty="0">
                <a:latin typeface="ＭＳ Ｐゴシック"/>
                <a:cs typeface="ＭＳ Ｐゴシック"/>
              </a:rPr>
              <a:t>スマートインフラマネジメントシステムの構築</a:t>
            </a:r>
            <a:endParaRPr sz="1325">
              <a:latin typeface="ＭＳ Ｐゴシック"/>
              <a:cs typeface="ＭＳ Ｐゴシック"/>
            </a:endParaRPr>
          </a:p>
          <a:p>
            <a:pPr marL="93937">
              <a:spcBef>
                <a:spcPts val="829"/>
              </a:spcBef>
            </a:pPr>
            <a:r>
              <a:rPr sz="1112" dirty="0">
                <a:solidFill>
                  <a:srgbClr val="333333"/>
                </a:solidFill>
                <a:latin typeface="ＭＳ Ｐゴシック"/>
                <a:cs typeface="ＭＳ Ｐゴシック"/>
              </a:rPr>
              <a:t>サブ課題B</a:t>
            </a:r>
            <a:r>
              <a:rPr sz="1112" spc="-4" dirty="0">
                <a:solidFill>
                  <a:srgbClr val="333333"/>
                </a:solidFill>
                <a:latin typeface="ＭＳ Ｐゴシック"/>
                <a:cs typeface="ＭＳ Ｐゴシック"/>
              </a:rPr>
              <a:t>：先進的なインフラメンテナンスサイクルの構築</a:t>
            </a:r>
            <a:endParaRPr sz="1112">
              <a:latin typeface="ＭＳ Ｐゴシック"/>
              <a:cs typeface="ＭＳ Ｐゴシック"/>
            </a:endParaRPr>
          </a:p>
          <a:p>
            <a:pPr marL="93937">
              <a:spcBef>
                <a:spcPts val="21"/>
              </a:spcBef>
            </a:pPr>
            <a:r>
              <a:rPr sz="1112" dirty="0">
                <a:solidFill>
                  <a:srgbClr val="333333"/>
                </a:solidFill>
                <a:latin typeface="ＭＳ Ｐゴシック"/>
                <a:cs typeface="ＭＳ Ｐゴシック"/>
              </a:rPr>
              <a:t>サブ課題C</a:t>
            </a:r>
            <a:r>
              <a:rPr sz="1112" spc="-9" dirty="0">
                <a:solidFill>
                  <a:srgbClr val="333333"/>
                </a:solidFill>
                <a:latin typeface="ＭＳ Ｐゴシック"/>
                <a:cs typeface="ＭＳ Ｐゴシック"/>
              </a:rPr>
              <a:t>：地方自治体等のヒューマンリソースの戦略的活用</a:t>
            </a:r>
            <a:endParaRPr sz="1112">
              <a:latin typeface="ＭＳ Ｐゴシック"/>
              <a:cs typeface="ＭＳ Ｐゴシック"/>
            </a:endParaRPr>
          </a:p>
          <a:p>
            <a:pPr marL="93937" marR="67874">
              <a:lnSpc>
                <a:spcPct val="101800"/>
              </a:lnSpc>
              <a:spcBef>
                <a:spcPts val="4"/>
              </a:spcBef>
            </a:pPr>
            <a:r>
              <a:rPr sz="1112" dirty="0">
                <a:solidFill>
                  <a:srgbClr val="333333"/>
                </a:solidFill>
                <a:latin typeface="ＭＳ Ｐゴシック"/>
                <a:cs typeface="ＭＳ Ｐゴシック"/>
              </a:rPr>
              <a:t>サブ課題D</a:t>
            </a:r>
            <a:r>
              <a:rPr sz="1112" spc="-4" dirty="0">
                <a:solidFill>
                  <a:srgbClr val="333333"/>
                </a:solidFill>
                <a:latin typeface="ＭＳ Ｐゴシック"/>
                <a:cs typeface="ＭＳ Ｐゴシック"/>
              </a:rPr>
              <a:t>：サイバー・フィジカル空間を融合するインフラデータベースの共通基盤の構築と運用</a:t>
            </a:r>
            <a:endParaRPr sz="1112">
              <a:latin typeface="ＭＳ Ｐゴシック"/>
              <a:cs typeface="ＭＳ Ｐゴシック"/>
            </a:endParaRPr>
          </a:p>
          <a:p>
            <a:pPr marL="93937" marR="4344">
              <a:lnSpc>
                <a:spcPct val="101499"/>
              </a:lnSpc>
              <a:spcBef>
                <a:spcPts val="573"/>
              </a:spcBef>
            </a:pPr>
            <a:r>
              <a:rPr sz="1112" dirty="0">
                <a:solidFill>
                  <a:srgbClr val="333333"/>
                </a:solidFill>
                <a:latin typeface="ＭＳ Ｐゴシック"/>
                <a:cs typeface="ＭＳ Ｐゴシック"/>
              </a:rPr>
              <a:t>基礎研究から社会実装までを見据えて一気通貫で研究開発を推進。技術だけでなく、事業、制度、社会的受容性、人材の視点</a:t>
            </a:r>
            <a:r>
              <a:rPr sz="1112" spc="4" dirty="0">
                <a:solidFill>
                  <a:srgbClr val="333333"/>
                </a:solidFill>
                <a:latin typeface="ＭＳ Ｐゴシック"/>
                <a:cs typeface="ＭＳ Ｐゴシック"/>
              </a:rPr>
              <a:t>から社会実装を推進。</a:t>
            </a:r>
            <a:endParaRPr sz="1112">
              <a:latin typeface="ＭＳ Ｐゴシック"/>
              <a:cs typeface="ＭＳ Ｐゴシック"/>
            </a:endParaRPr>
          </a:p>
        </p:txBody>
      </p:sp>
      <p:grpSp>
        <p:nvGrpSpPr>
          <p:cNvPr id="6" name="object 6"/>
          <p:cNvGrpSpPr/>
          <p:nvPr/>
        </p:nvGrpSpPr>
        <p:grpSpPr>
          <a:xfrm>
            <a:off x="357723" y="5167772"/>
            <a:ext cx="4119687" cy="1344993"/>
            <a:chOff x="418337" y="5814821"/>
            <a:chExt cx="4817745" cy="1572895"/>
          </a:xfrm>
        </p:grpSpPr>
        <p:pic>
          <p:nvPicPr>
            <p:cNvPr id="7" name="object 7"/>
            <p:cNvPicPr/>
            <p:nvPr/>
          </p:nvPicPr>
          <p:blipFill>
            <a:blip r:embed="rId2" cstate="print"/>
            <a:stretch>
              <a:fillRect/>
            </a:stretch>
          </p:blipFill>
          <p:spPr>
            <a:xfrm>
              <a:off x="559692" y="5820155"/>
              <a:ext cx="4587566" cy="1562100"/>
            </a:xfrm>
            <a:prstGeom prst="rect">
              <a:avLst/>
            </a:prstGeom>
          </p:spPr>
        </p:pic>
        <p:sp>
          <p:nvSpPr>
            <p:cNvPr id="8" name="object 8"/>
            <p:cNvSpPr/>
            <p:nvPr/>
          </p:nvSpPr>
          <p:spPr>
            <a:xfrm>
              <a:off x="423671" y="5820155"/>
              <a:ext cx="4806950" cy="1562100"/>
            </a:xfrm>
            <a:custGeom>
              <a:avLst/>
              <a:gdLst/>
              <a:ahLst/>
              <a:cxnLst/>
              <a:rect l="l" t="t" r="r" b="b"/>
              <a:pathLst>
                <a:path w="4806950" h="1562100">
                  <a:moveTo>
                    <a:pt x="0" y="0"/>
                  </a:moveTo>
                  <a:lnTo>
                    <a:pt x="4806695" y="0"/>
                  </a:lnTo>
                  <a:lnTo>
                    <a:pt x="4806695" y="1562100"/>
                  </a:lnTo>
                  <a:lnTo>
                    <a:pt x="0" y="1562100"/>
                  </a:lnTo>
                  <a:lnTo>
                    <a:pt x="0" y="0"/>
                  </a:lnTo>
                  <a:close/>
                </a:path>
              </a:pathLst>
            </a:custGeom>
            <a:ln w="10668">
              <a:solidFill>
                <a:srgbClr val="213F59"/>
              </a:solidFill>
            </a:ln>
          </p:spPr>
          <p:txBody>
            <a:bodyPr wrap="square" lIns="0" tIns="0" rIns="0" bIns="0" rtlCol="0"/>
            <a:lstStyle/>
            <a:p>
              <a:endParaRPr sz="1749"/>
            </a:p>
          </p:txBody>
        </p:sp>
      </p:grpSp>
      <p:sp>
        <p:nvSpPr>
          <p:cNvPr id="9" name="object 9"/>
          <p:cNvSpPr txBox="1"/>
          <p:nvPr/>
        </p:nvSpPr>
        <p:spPr>
          <a:xfrm>
            <a:off x="4560958" y="3497576"/>
            <a:ext cx="3968192" cy="372183"/>
          </a:xfrm>
          <a:prstGeom prst="rect">
            <a:avLst/>
          </a:prstGeom>
        </p:spPr>
        <p:txBody>
          <a:bodyPr vert="horz" wrap="square" lIns="0" tIns="10317" rIns="0" bIns="0" rtlCol="0">
            <a:spAutoFit/>
          </a:bodyPr>
          <a:lstStyle/>
          <a:p>
            <a:pPr marL="10860">
              <a:spcBef>
                <a:spcPts val="81"/>
              </a:spcBef>
            </a:pPr>
            <a:r>
              <a:rPr sz="1325" spc="-9" dirty="0">
                <a:latin typeface="ＭＳ Ｐゴシック"/>
                <a:cs typeface="ＭＳ Ｐゴシック"/>
              </a:rPr>
              <a:t>【SBIR</a:t>
            </a:r>
            <a:r>
              <a:rPr sz="1325" spc="-21" dirty="0">
                <a:latin typeface="ＭＳ Ｐゴシック"/>
                <a:cs typeface="ＭＳ Ｐゴシック"/>
              </a:rPr>
              <a:t>】 フェーズ３基金事業</a:t>
            </a:r>
            <a:r>
              <a:rPr sz="1026" dirty="0">
                <a:latin typeface="ＭＳ Ｐゴシック"/>
                <a:cs typeface="ＭＳ Ｐゴシック"/>
              </a:rPr>
              <a:t>（Small/Startup</a:t>
            </a:r>
            <a:r>
              <a:rPr sz="1026" spc="21" dirty="0">
                <a:latin typeface="ＭＳ Ｐゴシック"/>
                <a:cs typeface="ＭＳ Ｐゴシック"/>
              </a:rPr>
              <a:t> </a:t>
            </a:r>
            <a:r>
              <a:rPr sz="1026" dirty="0">
                <a:latin typeface="ＭＳ Ｐゴシック"/>
                <a:cs typeface="ＭＳ Ｐゴシック"/>
              </a:rPr>
              <a:t>Innovation</a:t>
            </a:r>
            <a:r>
              <a:rPr sz="1026" spc="68" dirty="0">
                <a:latin typeface="ＭＳ Ｐゴシック"/>
                <a:cs typeface="ＭＳ Ｐゴシック"/>
              </a:rPr>
              <a:t> </a:t>
            </a:r>
            <a:r>
              <a:rPr sz="1026" spc="-9" dirty="0">
                <a:latin typeface="ＭＳ Ｐゴシック"/>
                <a:cs typeface="ＭＳ Ｐゴシック"/>
              </a:rPr>
              <a:t>Rsearch）</a:t>
            </a:r>
            <a:endParaRPr sz="1026">
              <a:latin typeface="ＭＳ Ｐゴシック"/>
              <a:cs typeface="ＭＳ Ｐゴシック"/>
            </a:endParaRPr>
          </a:p>
        </p:txBody>
      </p:sp>
      <p:sp>
        <p:nvSpPr>
          <p:cNvPr id="10" name="object 10"/>
          <p:cNvSpPr txBox="1"/>
          <p:nvPr/>
        </p:nvSpPr>
        <p:spPr>
          <a:xfrm>
            <a:off x="4770656" y="3811491"/>
            <a:ext cx="3678777" cy="778833"/>
          </a:xfrm>
          <a:prstGeom prst="rect">
            <a:avLst/>
          </a:prstGeom>
        </p:spPr>
        <p:txBody>
          <a:bodyPr vert="horz" wrap="square" lIns="0" tIns="10317" rIns="0" bIns="0" rtlCol="0">
            <a:spAutoFit/>
          </a:bodyPr>
          <a:lstStyle/>
          <a:p>
            <a:pPr marL="10860" marR="4344">
              <a:lnSpc>
                <a:spcPct val="101499"/>
              </a:lnSpc>
              <a:spcBef>
                <a:spcPts val="81"/>
              </a:spcBef>
            </a:pPr>
            <a:r>
              <a:rPr sz="1112" spc="-4" dirty="0">
                <a:solidFill>
                  <a:srgbClr val="333333"/>
                </a:solidFill>
                <a:latin typeface="ＭＳ Ｐゴシック"/>
                <a:cs typeface="ＭＳ Ｐゴシック"/>
              </a:rPr>
              <a:t>テーマ②「デジタルツインを活用した公共構造物</a:t>
            </a:r>
            <a:r>
              <a:rPr sz="1112" dirty="0">
                <a:solidFill>
                  <a:srgbClr val="333333"/>
                </a:solidFill>
                <a:latin typeface="ＭＳ Ｐゴシック"/>
                <a:cs typeface="ＭＳ Ｐゴシック"/>
              </a:rPr>
              <a:t>（道路・河川</a:t>
            </a:r>
            <a:r>
              <a:rPr sz="1112" spc="-43" dirty="0">
                <a:solidFill>
                  <a:srgbClr val="333333"/>
                </a:solidFill>
                <a:latin typeface="ＭＳ Ｐゴシック"/>
                <a:cs typeface="ＭＳ Ｐゴシック"/>
              </a:rPr>
              <a:t>）</a:t>
            </a:r>
            <a:r>
              <a:rPr sz="1112" spc="-4" dirty="0">
                <a:solidFill>
                  <a:srgbClr val="333333"/>
                </a:solidFill>
                <a:latin typeface="ＭＳ Ｐゴシック"/>
                <a:cs typeface="ＭＳ Ｐゴシック"/>
              </a:rPr>
              <a:t>の維持管理手法の技術開発・実証」</a:t>
            </a:r>
            <a:endParaRPr sz="1112">
              <a:latin typeface="ＭＳ Ｐゴシック"/>
              <a:cs typeface="ＭＳ Ｐゴシック"/>
            </a:endParaRPr>
          </a:p>
          <a:p>
            <a:pPr marL="10860" marR="15747">
              <a:lnSpc>
                <a:spcPct val="101499"/>
              </a:lnSpc>
              <a:spcBef>
                <a:spcPts val="577"/>
              </a:spcBef>
            </a:pPr>
            <a:r>
              <a:rPr sz="1112" spc="-4" dirty="0">
                <a:solidFill>
                  <a:srgbClr val="333333"/>
                </a:solidFill>
                <a:latin typeface="ＭＳ Ｐゴシック"/>
                <a:cs typeface="ＭＳ Ｐゴシック"/>
              </a:rPr>
              <a:t>スタートアップ等の有する先端技術の社会実装の促進と支援</a:t>
            </a:r>
            <a:r>
              <a:rPr sz="1112" spc="-13" dirty="0">
                <a:solidFill>
                  <a:srgbClr val="333333"/>
                </a:solidFill>
                <a:latin typeface="ＭＳ Ｐゴシック"/>
                <a:cs typeface="ＭＳ Ｐゴシック"/>
              </a:rPr>
              <a:t>に取り組む。</a:t>
            </a:r>
            <a:endParaRPr sz="1112">
              <a:latin typeface="ＭＳ Ｐゴシック"/>
              <a:cs typeface="ＭＳ Ｐゴシック"/>
            </a:endParaRPr>
          </a:p>
        </p:txBody>
      </p:sp>
      <p:grpSp>
        <p:nvGrpSpPr>
          <p:cNvPr id="11" name="object 11"/>
          <p:cNvGrpSpPr/>
          <p:nvPr/>
        </p:nvGrpSpPr>
        <p:grpSpPr>
          <a:xfrm>
            <a:off x="5182106" y="4620435"/>
            <a:ext cx="2953338" cy="2000386"/>
            <a:chOff x="6060185" y="5174742"/>
            <a:chExt cx="3453765" cy="2339340"/>
          </a:xfrm>
        </p:grpSpPr>
        <p:pic>
          <p:nvPicPr>
            <p:cNvPr id="12" name="object 12"/>
            <p:cNvPicPr/>
            <p:nvPr/>
          </p:nvPicPr>
          <p:blipFill>
            <a:blip r:embed="rId3" cstate="print"/>
            <a:stretch>
              <a:fillRect/>
            </a:stretch>
          </p:blipFill>
          <p:spPr>
            <a:xfrm>
              <a:off x="6065519" y="5180076"/>
              <a:ext cx="3392821" cy="2327147"/>
            </a:xfrm>
            <a:prstGeom prst="rect">
              <a:avLst/>
            </a:prstGeom>
          </p:spPr>
        </p:pic>
        <p:sp>
          <p:nvSpPr>
            <p:cNvPr id="13" name="object 13"/>
            <p:cNvSpPr/>
            <p:nvPr/>
          </p:nvSpPr>
          <p:spPr>
            <a:xfrm>
              <a:off x="6065519" y="5180076"/>
              <a:ext cx="3442970" cy="2329180"/>
            </a:xfrm>
            <a:custGeom>
              <a:avLst/>
              <a:gdLst/>
              <a:ahLst/>
              <a:cxnLst/>
              <a:rect l="l" t="t" r="r" b="b"/>
              <a:pathLst>
                <a:path w="3442970" h="2329179">
                  <a:moveTo>
                    <a:pt x="0" y="0"/>
                  </a:moveTo>
                  <a:lnTo>
                    <a:pt x="3442716" y="0"/>
                  </a:lnTo>
                  <a:lnTo>
                    <a:pt x="3442716" y="2328671"/>
                  </a:lnTo>
                  <a:lnTo>
                    <a:pt x="0" y="2328671"/>
                  </a:lnTo>
                  <a:lnTo>
                    <a:pt x="0" y="0"/>
                  </a:lnTo>
                  <a:close/>
                </a:path>
              </a:pathLst>
            </a:custGeom>
            <a:ln w="10668">
              <a:solidFill>
                <a:srgbClr val="213F59"/>
              </a:solidFill>
            </a:ln>
          </p:spPr>
          <p:txBody>
            <a:bodyPr wrap="square" lIns="0" tIns="0" rIns="0" bIns="0" rtlCol="0"/>
            <a:lstStyle/>
            <a:p>
              <a:endParaRPr sz="1749"/>
            </a:p>
          </p:txBody>
        </p:sp>
      </p:grpSp>
      <p:sp>
        <p:nvSpPr>
          <p:cNvPr id="14" name="object 14"/>
          <p:cNvSpPr/>
          <p:nvPr/>
        </p:nvSpPr>
        <p:spPr>
          <a:xfrm>
            <a:off x="426141" y="3744045"/>
            <a:ext cx="3911178" cy="777023"/>
          </a:xfrm>
          <a:custGeom>
            <a:avLst/>
            <a:gdLst/>
            <a:ahLst/>
            <a:cxnLst/>
            <a:rect l="l" t="t" r="r" b="b"/>
            <a:pathLst>
              <a:path w="4573905" h="908685">
                <a:moveTo>
                  <a:pt x="4571" y="903732"/>
                </a:moveTo>
                <a:lnTo>
                  <a:pt x="0" y="903732"/>
                </a:lnTo>
                <a:lnTo>
                  <a:pt x="0" y="861060"/>
                </a:lnTo>
                <a:lnTo>
                  <a:pt x="9143" y="861060"/>
                </a:lnTo>
                <a:lnTo>
                  <a:pt x="9143" y="897635"/>
                </a:lnTo>
                <a:lnTo>
                  <a:pt x="4571" y="897635"/>
                </a:lnTo>
                <a:lnTo>
                  <a:pt x="4571" y="903732"/>
                </a:lnTo>
                <a:close/>
              </a:path>
              <a:path w="4573905" h="908685">
                <a:moveTo>
                  <a:pt x="45719" y="908303"/>
                </a:moveTo>
                <a:lnTo>
                  <a:pt x="4571" y="908303"/>
                </a:lnTo>
                <a:lnTo>
                  <a:pt x="4571" y="897635"/>
                </a:lnTo>
                <a:lnTo>
                  <a:pt x="9143" y="897635"/>
                </a:lnTo>
                <a:lnTo>
                  <a:pt x="9143" y="903732"/>
                </a:lnTo>
                <a:lnTo>
                  <a:pt x="45719" y="903732"/>
                </a:lnTo>
                <a:lnTo>
                  <a:pt x="45719" y="908303"/>
                </a:lnTo>
                <a:close/>
              </a:path>
              <a:path w="4573905" h="908685">
                <a:moveTo>
                  <a:pt x="45719" y="903732"/>
                </a:moveTo>
                <a:lnTo>
                  <a:pt x="9143" y="903732"/>
                </a:lnTo>
                <a:lnTo>
                  <a:pt x="9143" y="897635"/>
                </a:lnTo>
                <a:lnTo>
                  <a:pt x="45719" y="897635"/>
                </a:lnTo>
                <a:lnTo>
                  <a:pt x="45719" y="903732"/>
                </a:lnTo>
                <a:close/>
              </a:path>
              <a:path w="4573905" h="908685">
                <a:moveTo>
                  <a:pt x="9143" y="829055"/>
                </a:moveTo>
                <a:lnTo>
                  <a:pt x="0" y="829055"/>
                </a:lnTo>
                <a:lnTo>
                  <a:pt x="0" y="787908"/>
                </a:lnTo>
                <a:lnTo>
                  <a:pt x="9143" y="787908"/>
                </a:lnTo>
                <a:lnTo>
                  <a:pt x="9143" y="829055"/>
                </a:lnTo>
                <a:close/>
              </a:path>
              <a:path w="4573905" h="908685">
                <a:moveTo>
                  <a:pt x="9143" y="755903"/>
                </a:moveTo>
                <a:lnTo>
                  <a:pt x="0" y="755903"/>
                </a:lnTo>
                <a:lnTo>
                  <a:pt x="0" y="713232"/>
                </a:lnTo>
                <a:lnTo>
                  <a:pt x="9143" y="713232"/>
                </a:lnTo>
                <a:lnTo>
                  <a:pt x="9143" y="755903"/>
                </a:lnTo>
                <a:close/>
              </a:path>
              <a:path w="4573905" h="908685">
                <a:moveTo>
                  <a:pt x="9143" y="682751"/>
                </a:moveTo>
                <a:lnTo>
                  <a:pt x="0" y="682751"/>
                </a:lnTo>
                <a:lnTo>
                  <a:pt x="0" y="640080"/>
                </a:lnTo>
                <a:lnTo>
                  <a:pt x="9143" y="640080"/>
                </a:lnTo>
                <a:lnTo>
                  <a:pt x="9143" y="682751"/>
                </a:lnTo>
                <a:close/>
              </a:path>
              <a:path w="4573905" h="908685">
                <a:moveTo>
                  <a:pt x="9143" y="609600"/>
                </a:moveTo>
                <a:lnTo>
                  <a:pt x="0" y="609600"/>
                </a:lnTo>
                <a:lnTo>
                  <a:pt x="0" y="566928"/>
                </a:lnTo>
                <a:lnTo>
                  <a:pt x="9143" y="566928"/>
                </a:lnTo>
                <a:lnTo>
                  <a:pt x="9143" y="609600"/>
                </a:lnTo>
                <a:close/>
              </a:path>
              <a:path w="4573905" h="908685">
                <a:moveTo>
                  <a:pt x="9143" y="534924"/>
                </a:moveTo>
                <a:lnTo>
                  <a:pt x="0" y="534924"/>
                </a:lnTo>
                <a:lnTo>
                  <a:pt x="0" y="493775"/>
                </a:lnTo>
                <a:lnTo>
                  <a:pt x="9143" y="493775"/>
                </a:lnTo>
                <a:lnTo>
                  <a:pt x="9143" y="534924"/>
                </a:lnTo>
                <a:close/>
              </a:path>
              <a:path w="4573905" h="908685">
                <a:moveTo>
                  <a:pt x="9143" y="461772"/>
                </a:moveTo>
                <a:lnTo>
                  <a:pt x="0" y="461772"/>
                </a:lnTo>
                <a:lnTo>
                  <a:pt x="0" y="420624"/>
                </a:lnTo>
                <a:lnTo>
                  <a:pt x="9143" y="420624"/>
                </a:lnTo>
                <a:lnTo>
                  <a:pt x="9143" y="461772"/>
                </a:lnTo>
                <a:close/>
              </a:path>
              <a:path w="4573905" h="908685">
                <a:moveTo>
                  <a:pt x="9143" y="388620"/>
                </a:moveTo>
                <a:lnTo>
                  <a:pt x="0" y="388620"/>
                </a:lnTo>
                <a:lnTo>
                  <a:pt x="0" y="345948"/>
                </a:lnTo>
                <a:lnTo>
                  <a:pt x="9143" y="345948"/>
                </a:lnTo>
                <a:lnTo>
                  <a:pt x="9143" y="388620"/>
                </a:lnTo>
                <a:close/>
              </a:path>
              <a:path w="4573905" h="908685">
                <a:moveTo>
                  <a:pt x="9143" y="315467"/>
                </a:moveTo>
                <a:lnTo>
                  <a:pt x="0" y="315467"/>
                </a:lnTo>
                <a:lnTo>
                  <a:pt x="0" y="272796"/>
                </a:lnTo>
                <a:lnTo>
                  <a:pt x="9143" y="272796"/>
                </a:lnTo>
                <a:lnTo>
                  <a:pt x="9143" y="315467"/>
                </a:lnTo>
                <a:close/>
              </a:path>
              <a:path w="4573905" h="908685">
                <a:moveTo>
                  <a:pt x="9143" y="240791"/>
                </a:moveTo>
                <a:lnTo>
                  <a:pt x="0" y="240791"/>
                </a:lnTo>
                <a:lnTo>
                  <a:pt x="0" y="199644"/>
                </a:lnTo>
                <a:lnTo>
                  <a:pt x="9143" y="199644"/>
                </a:lnTo>
                <a:lnTo>
                  <a:pt x="9143" y="240791"/>
                </a:lnTo>
                <a:close/>
              </a:path>
              <a:path w="4573905" h="908685">
                <a:moveTo>
                  <a:pt x="9143" y="167640"/>
                </a:moveTo>
                <a:lnTo>
                  <a:pt x="0" y="167640"/>
                </a:lnTo>
                <a:lnTo>
                  <a:pt x="0" y="126491"/>
                </a:lnTo>
                <a:lnTo>
                  <a:pt x="9143" y="126491"/>
                </a:lnTo>
                <a:lnTo>
                  <a:pt x="9143" y="167640"/>
                </a:lnTo>
                <a:close/>
              </a:path>
              <a:path w="4573905" h="908685">
                <a:moveTo>
                  <a:pt x="9143" y="94488"/>
                </a:moveTo>
                <a:lnTo>
                  <a:pt x="0" y="94488"/>
                </a:lnTo>
                <a:lnTo>
                  <a:pt x="0" y="51816"/>
                </a:lnTo>
                <a:lnTo>
                  <a:pt x="9143" y="51816"/>
                </a:lnTo>
                <a:lnTo>
                  <a:pt x="9143" y="94488"/>
                </a:lnTo>
                <a:close/>
              </a:path>
              <a:path w="4573905" h="908685">
                <a:moveTo>
                  <a:pt x="9143" y="21336"/>
                </a:moveTo>
                <a:lnTo>
                  <a:pt x="0" y="21336"/>
                </a:lnTo>
                <a:lnTo>
                  <a:pt x="0" y="3048"/>
                </a:lnTo>
                <a:lnTo>
                  <a:pt x="1524" y="0"/>
                </a:lnTo>
                <a:lnTo>
                  <a:pt x="32004" y="0"/>
                </a:lnTo>
                <a:lnTo>
                  <a:pt x="32004" y="6096"/>
                </a:lnTo>
                <a:lnTo>
                  <a:pt x="9143" y="6096"/>
                </a:lnTo>
                <a:lnTo>
                  <a:pt x="4571" y="10667"/>
                </a:lnTo>
                <a:lnTo>
                  <a:pt x="9143" y="10667"/>
                </a:lnTo>
                <a:lnTo>
                  <a:pt x="9143" y="21336"/>
                </a:lnTo>
                <a:close/>
              </a:path>
              <a:path w="4573905" h="908685">
                <a:moveTo>
                  <a:pt x="9143" y="10667"/>
                </a:moveTo>
                <a:lnTo>
                  <a:pt x="4571" y="10667"/>
                </a:lnTo>
                <a:lnTo>
                  <a:pt x="9143" y="6096"/>
                </a:lnTo>
                <a:lnTo>
                  <a:pt x="9143" y="10667"/>
                </a:lnTo>
                <a:close/>
              </a:path>
              <a:path w="4573905" h="908685">
                <a:moveTo>
                  <a:pt x="32004" y="10667"/>
                </a:moveTo>
                <a:lnTo>
                  <a:pt x="9143" y="10667"/>
                </a:lnTo>
                <a:lnTo>
                  <a:pt x="9143" y="6096"/>
                </a:lnTo>
                <a:lnTo>
                  <a:pt x="32004" y="6096"/>
                </a:lnTo>
                <a:lnTo>
                  <a:pt x="32004" y="10667"/>
                </a:lnTo>
                <a:close/>
              </a:path>
              <a:path w="4573905" h="908685">
                <a:moveTo>
                  <a:pt x="105156" y="10667"/>
                </a:moveTo>
                <a:lnTo>
                  <a:pt x="62484" y="10667"/>
                </a:lnTo>
                <a:lnTo>
                  <a:pt x="62484" y="0"/>
                </a:lnTo>
                <a:lnTo>
                  <a:pt x="105156" y="0"/>
                </a:lnTo>
                <a:lnTo>
                  <a:pt x="105156" y="10667"/>
                </a:lnTo>
                <a:close/>
              </a:path>
              <a:path w="4573905" h="908685">
                <a:moveTo>
                  <a:pt x="178308" y="10667"/>
                </a:moveTo>
                <a:lnTo>
                  <a:pt x="137160" y="10667"/>
                </a:lnTo>
                <a:lnTo>
                  <a:pt x="137160" y="0"/>
                </a:lnTo>
                <a:lnTo>
                  <a:pt x="178308" y="0"/>
                </a:lnTo>
                <a:lnTo>
                  <a:pt x="178308" y="10667"/>
                </a:lnTo>
                <a:close/>
              </a:path>
              <a:path w="4573905" h="908685">
                <a:moveTo>
                  <a:pt x="251460" y="10667"/>
                </a:moveTo>
                <a:lnTo>
                  <a:pt x="210312" y="10667"/>
                </a:lnTo>
                <a:lnTo>
                  <a:pt x="210312" y="0"/>
                </a:lnTo>
                <a:lnTo>
                  <a:pt x="251460" y="0"/>
                </a:lnTo>
                <a:lnTo>
                  <a:pt x="251460" y="10667"/>
                </a:lnTo>
                <a:close/>
              </a:path>
              <a:path w="4573905" h="908685">
                <a:moveTo>
                  <a:pt x="326135" y="10667"/>
                </a:moveTo>
                <a:lnTo>
                  <a:pt x="283464" y="10667"/>
                </a:lnTo>
                <a:lnTo>
                  <a:pt x="283464" y="0"/>
                </a:lnTo>
                <a:lnTo>
                  <a:pt x="326135" y="0"/>
                </a:lnTo>
                <a:lnTo>
                  <a:pt x="326135" y="10667"/>
                </a:lnTo>
                <a:close/>
              </a:path>
              <a:path w="4573905" h="908685">
                <a:moveTo>
                  <a:pt x="399287" y="10667"/>
                </a:moveTo>
                <a:lnTo>
                  <a:pt x="356616" y="10667"/>
                </a:lnTo>
                <a:lnTo>
                  <a:pt x="356616" y="0"/>
                </a:lnTo>
                <a:lnTo>
                  <a:pt x="399287" y="0"/>
                </a:lnTo>
                <a:lnTo>
                  <a:pt x="399287" y="10667"/>
                </a:lnTo>
                <a:close/>
              </a:path>
              <a:path w="4573905" h="908685">
                <a:moveTo>
                  <a:pt x="472439" y="10667"/>
                </a:moveTo>
                <a:lnTo>
                  <a:pt x="431291" y="10667"/>
                </a:lnTo>
                <a:lnTo>
                  <a:pt x="431291" y="0"/>
                </a:lnTo>
                <a:lnTo>
                  <a:pt x="472439" y="0"/>
                </a:lnTo>
                <a:lnTo>
                  <a:pt x="472439" y="10667"/>
                </a:lnTo>
                <a:close/>
              </a:path>
              <a:path w="4573905" h="908685">
                <a:moveTo>
                  <a:pt x="545591" y="10667"/>
                </a:moveTo>
                <a:lnTo>
                  <a:pt x="504444" y="10667"/>
                </a:lnTo>
                <a:lnTo>
                  <a:pt x="504444" y="0"/>
                </a:lnTo>
                <a:lnTo>
                  <a:pt x="545591" y="0"/>
                </a:lnTo>
                <a:lnTo>
                  <a:pt x="545591" y="10667"/>
                </a:lnTo>
                <a:close/>
              </a:path>
              <a:path w="4573905" h="908685">
                <a:moveTo>
                  <a:pt x="620268" y="10667"/>
                </a:moveTo>
                <a:lnTo>
                  <a:pt x="577596" y="10667"/>
                </a:lnTo>
                <a:lnTo>
                  <a:pt x="577596" y="0"/>
                </a:lnTo>
                <a:lnTo>
                  <a:pt x="620268" y="0"/>
                </a:lnTo>
                <a:lnTo>
                  <a:pt x="620268" y="10667"/>
                </a:lnTo>
                <a:close/>
              </a:path>
              <a:path w="4573905" h="908685">
                <a:moveTo>
                  <a:pt x="693420" y="10667"/>
                </a:moveTo>
                <a:lnTo>
                  <a:pt x="650748" y="10667"/>
                </a:lnTo>
                <a:lnTo>
                  <a:pt x="650748" y="0"/>
                </a:lnTo>
                <a:lnTo>
                  <a:pt x="693420" y="0"/>
                </a:lnTo>
                <a:lnTo>
                  <a:pt x="693420" y="10667"/>
                </a:lnTo>
                <a:close/>
              </a:path>
              <a:path w="4573905" h="908685">
                <a:moveTo>
                  <a:pt x="766572" y="10667"/>
                </a:moveTo>
                <a:lnTo>
                  <a:pt x="725423" y="10667"/>
                </a:lnTo>
                <a:lnTo>
                  <a:pt x="725423" y="0"/>
                </a:lnTo>
                <a:lnTo>
                  <a:pt x="766572" y="0"/>
                </a:lnTo>
                <a:lnTo>
                  <a:pt x="766572" y="10667"/>
                </a:lnTo>
                <a:close/>
              </a:path>
              <a:path w="4573905" h="908685">
                <a:moveTo>
                  <a:pt x="839723" y="10667"/>
                </a:moveTo>
                <a:lnTo>
                  <a:pt x="798576" y="10667"/>
                </a:lnTo>
                <a:lnTo>
                  <a:pt x="798576" y="0"/>
                </a:lnTo>
                <a:lnTo>
                  <a:pt x="839723" y="0"/>
                </a:lnTo>
                <a:lnTo>
                  <a:pt x="839723" y="10667"/>
                </a:lnTo>
                <a:close/>
              </a:path>
              <a:path w="4573905" h="908685">
                <a:moveTo>
                  <a:pt x="914400" y="10667"/>
                </a:moveTo>
                <a:lnTo>
                  <a:pt x="871727" y="10667"/>
                </a:lnTo>
                <a:lnTo>
                  <a:pt x="871727" y="0"/>
                </a:lnTo>
                <a:lnTo>
                  <a:pt x="914400" y="0"/>
                </a:lnTo>
                <a:lnTo>
                  <a:pt x="914400" y="10667"/>
                </a:lnTo>
                <a:close/>
              </a:path>
              <a:path w="4573905" h="908685">
                <a:moveTo>
                  <a:pt x="987552" y="10667"/>
                </a:moveTo>
                <a:lnTo>
                  <a:pt x="944880" y="10667"/>
                </a:lnTo>
                <a:lnTo>
                  <a:pt x="944880" y="0"/>
                </a:lnTo>
                <a:lnTo>
                  <a:pt x="987552" y="0"/>
                </a:lnTo>
                <a:lnTo>
                  <a:pt x="987552" y="10667"/>
                </a:lnTo>
                <a:close/>
              </a:path>
              <a:path w="4573905" h="908685">
                <a:moveTo>
                  <a:pt x="1060703" y="10667"/>
                </a:moveTo>
                <a:lnTo>
                  <a:pt x="1019556" y="10667"/>
                </a:lnTo>
                <a:lnTo>
                  <a:pt x="1019556" y="0"/>
                </a:lnTo>
                <a:lnTo>
                  <a:pt x="1060703" y="0"/>
                </a:lnTo>
                <a:lnTo>
                  <a:pt x="1060703" y="10667"/>
                </a:lnTo>
                <a:close/>
              </a:path>
              <a:path w="4573905" h="908685">
                <a:moveTo>
                  <a:pt x="1133856" y="10667"/>
                </a:moveTo>
                <a:lnTo>
                  <a:pt x="1092707" y="10667"/>
                </a:lnTo>
                <a:lnTo>
                  <a:pt x="1092707" y="0"/>
                </a:lnTo>
                <a:lnTo>
                  <a:pt x="1133856" y="0"/>
                </a:lnTo>
                <a:lnTo>
                  <a:pt x="1133856" y="10667"/>
                </a:lnTo>
                <a:close/>
              </a:path>
              <a:path w="4573905" h="908685">
                <a:moveTo>
                  <a:pt x="1208532" y="10667"/>
                </a:moveTo>
                <a:lnTo>
                  <a:pt x="1165860" y="10667"/>
                </a:lnTo>
                <a:lnTo>
                  <a:pt x="1165860" y="0"/>
                </a:lnTo>
                <a:lnTo>
                  <a:pt x="1208532" y="0"/>
                </a:lnTo>
                <a:lnTo>
                  <a:pt x="1208532" y="10667"/>
                </a:lnTo>
                <a:close/>
              </a:path>
              <a:path w="4573905" h="908685">
                <a:moveTo>
                  <a:pt x="1281684" y="10667"/>
                </a:moveTo>
                <a:lnTo>
                  <a:pt x="1239011" y="10667"/>
                </a:lnTo>
                <a:lnTo>
                  <a:pt x="1239011" y="0"/>
                </a:lnTo>
                <a:lnTo>
                  <a:pt x="1281684" y="0"/>
                </a:lnTo>
                <a:lnTo>
                  <a:pt x="1281684" y="10667"/>
                </a:lnTo>
                <a:close/>
              </a:path>
              <a:path w="4573905" h="908685">
                <a:moveTo>
                  <a:pt x="1354836" y="10667"/>
                </a:moveTo>
                <a:lnTo>
                  <a:pt x="1312164" y="10667"/>
                </a:lnTo>
                <a:lnTo>
                  <a:pt x="1312164" y="0"/>
                </a:lnTo>
                <a:lnTo>
                  <a:pt x="1354836" y="0"/>
                </a:lnTo>
                <a:lnTo>
                  <a:pt x="1354836" y="10667"/>
                </a:lnTo>
                <a:close/>
              </a:path>
              <a:path w="4573905" h="908685">
                <a:moveTo>
                  <a:pt x="1427988" y="10667"/>
                </a:moveTo>
                <a:lnTo>
                  <a:pt x="1386840" y="10667"/>
                </a:lnTo>
                <a:lnTo>
                  <a:pt x="1386840" y="0"/>
                </a:lnTo>
                <a:lnTo>
                  <a:pt x="1427988" y="0"/>
                </a:lnTo>
                <a:lnTo>
                  <a:pt x="1427988" y="10667"/>
                </a:lnTo>
                <a:close/>
              </a:path>
              <a:path w="4573905" h="908685">
                <a:moveTo>
                  <a:pt x="1501140" y="10667"/>
                </a:moveTo>
                <a:lnTo>
                  <a:pt x="1459992" y="10667"/>
                </a:lnTo>
                <a:lnTo>
                  <a:pt x="1459992" y="0"/>
                </a:lnTo>
                <a:lnTo>
                  <a:pt x="1501140" y="0"/>
                </a:lnTo>
                <a:lnTo>
                  <a:pt x="1501140" y="10667"/>
                </a:lnTo>
                <a:close/>
              </a:path>
              <a:path w="4573905" h="908685">
                <a:moveTo>
                  <a:pt x="1575815" y="10667"/>
                </a:moveTo>
                <a:lnTo>
                  <a:pt x="1533144" y="10667"/>
                </a:lnTo>
                <a:lnTo>
                  <a:pt x="1533144" y="0"/>
                </a:lnTo>
                <a:lnTo>
                  <a:pt x="1575815" y="0"/>
                </a:lnTo>
                <a:lnTo>
                  <a:pt x="1575815" y="10667"/>
                </a:lnTo>
                <a:close/>
              </a:path>
              <a:path w="4573905" h="908685">
                <a:moveTo>
                  <a:pt x="1648968" y="10667"/>
                </a:moveTo>
                <a:lnTo>
                  <a:pt x="1606296" y="10667"/>
                </a:lnTo>
                <a:lnTo>
                  <a:pt x="1606296" y="0"/>
                </a:lnTo>
                <a:lnTo>
                  <a:pt x="1648968" y="0"/>
                </a:lnTo>
                <a:lnTo>
                  <a:pt x="1648968" y="10667"/>
                </a:lnTo>
                <a:close/>
              </a:path>
              <a:path w="4573905" h="908685">
                <a:moveTo>
                  <a:pt x="1722120" y="10667"/>
                </a:moveTo>
                <a:lnTo>
                  <a:pt x="1680972" y="10667"/>
                </a:lnTo>
                <a:lnTo>
                  <a:pt x="1680972" y="0"/>
                </a:lnTo>
                <a:lnTo>
                  <a:pt x="1722120" y="0"/>
                </a:lnTo>
                <a:lnTo>
                  <a:pt x="1722120" y="10667"/>
                </a:lnTo>
                <a:close/>
              </a:path>
              <a:path w="4573905" h="908685">
                <a:moveTo>
                  <a:pt x="1795272" y="10667"/>
                </a:moveTo>
                <a:lnTo>
                  <a:pt x="1754124" y="10667"/>
                </a:lnTo>
                <a:lnTo>
                  <a:pt x="1754124" y="0"/>
                </a:lnTo>
                <a:lnTo>
                  <a:pt x="1795272" y="0"/>
                </a:lnTo>
                <a:lnTo>
                  <a:pt x="1795272" y="10667"/>
                </a:lnTo>
                <a:close/>
              </a:path>
              <a:path w="4573905" h="908685">
                <a:moveTo>
                  <a:pt x="1869948" y="10667"/>
                </a:moveTo>
                <a:lnTo>
                  <a:pt x="1827276" y="10667"/>
                </a:lnTo>
                <a:lnTo>
                  <a:pt x="1827276" y="0"/>
                </a:lnTo>
                <a:lnTo>
                  <a:pt x="1869948" y="0"/>
                </a:lnTo>
                <a:lnTo>
                  <a:pt x="1869948" y="10667"/>
                </a:lnTo>
                <a:close/>
              </a:path>
              <a:path w="4573905" h="908685">
                <a:moveTo>
                  <a:pt x="1943100" y="10667"/>
                </a:moveTo>
                <a:lnTo>
                  <a:pt x="1900428" y="10667"/>
                </a:lnTo>
                <a:lnTo>
                  <a:pt x="1900428" y="0"/>
                </a:lnTo>
                <a:lnTo>
                  <a:pt x="1943100" y="0"/>
                </a:lnTo>
                <a:lnTo>
                  <a:pt x="1943100" y="10667"/>
                </a:lnTo>
                <a:close/>
              </a:path>
              <a:path w="4573905" h="908685">
                <a:moveTo>
                  <a:pt x="2016252" y="10667"/>
                </a:moveTo>
                <a:lnTo>
                  <a:pt x="1975103" y="10667"/>
                </a:lnTo>
                <a:lnTo>
                  <a:pt x="1975103" y="0"/>
                </a:lnTo>
                <a:lnTo>
                  <a:pt x="2016252" y="0"/>
                </a:lnTo>
                <a:lnTo>
                  <a:pt x="2016252" y="10667"/>
                </a:lnTo>
                <a:close/>
              </a:path>
              <a:path w="4573905" h="908685">
                <a:moveTo>
                  <a:pt x="2089403" y="10667"/>
                </a:moveTo>
                <a:lnTo>
                  <a:pt x="2048255" y="10667"/>
                </a:lnTo>
                <a:lnTo>
                  <a:pt x="2048255" y="0"/>
                </a:lnTo>
                <a:lnTo>
                  <a:pt x="2089403" y="0"/>
                </a:lnTo>
                <a:lnTo>
                  <a:pt x="2089403" y="10667"/>
                </a:lnTo>
                <a:close/>
              </a:path>
              <a:path w="4573905" h="908685">
                <a:moveTo>
                  <a:pt x="2164079" y="10667"/>
                </a:moveTo>
                <a:lnTo>
                  <a:pt x="2121408" y="10667"/>
                </a:lnTo>
                <a:lnTo>
                  <a:pt x="2121408" y="0"/>
                </a:lnTo>
                <a:lnTo>
                  <a:pt x="2164079" y="0"/>
                </a:lnTo>
                <a:lnTo>
                  <a:pt x="2164079" y="10667"/>
                </a:lnTo>
                <a:close/>
              </a:path>
              <a:path w="4573905" h="908685">
                <a:moveTo>
                  <a:pt x="2237232" y="10667"/>
                </a:moveTo>
                <a:lnTo>
                  <a:pt x="2194560" y="10667"/>
                </a:lnTo>
                <a:lnTo>
                  <a:pt x="2194560" y="0"/>
                </a:lnTo>
                <a:lnTo>
                  <a:pt x="2237232" y="0"/>
                </a:lnTo>
                <a:lnTo>
                  <a:pt x="2237232" y="10667"/>
                </a:lnTo>
                <a:close/>
              </a:path>
              <a:path w="4573905" h="908685">
                <a:moveTo>
                  <a:pt x="2310384" y="10667"/>
                </a:moveTo>
                <a:lnTo>
                  <a:pt x="2269236" y="10667"/>
                </a:lnTo>
                <a:lnTo>
                  <a:pt x="2269236" y="0"/>
                </a:lnTo>
                <a:lnTo>
                  <a:pt x="2310384" y="0"/>
                </a:lnTo>
                <a:lnTo>
                  <a:pt x="2310384" y="10667"/>
                </a:lnTo>
                <a:close/>
              </a:path>
              <a:path w="4573905" h="908685">
                <a:moveTo>
                  <a:pt x="2383536" y="10667"/>
                </a:moveTo>
                <a:lnTo>
                  <a:pt x="2342387" y="10667"/>
                </a:lnTo>
                <a:lnTo>
                  <a:pt x="2342387" y="0"/>
                </a:lnTo>
                <a:lnTo>
                  <a:pt x="2383536" y="0"/>
                </a:lnTo>
                <a:lnTo>
                  <a:pt x="2383536" y="10667"/>
                </a:lnTo>
                <a:close/>
              </a:path>
              <a:path w="4573905" h="908685">
                <a:moveTo>
                  <a:pt x="2458212" y="10667"/>
                </a:moveTo>
                <a:lnTo>
                  <a:pt x="2415540" y="10667"/>
                </a:lnTo>
                <a:lnTo>
                  <a:pt x="2415540" y="0"/>
                </a:lnTo>
                <a:lnTo>
                  <a:pt x="2458212" y="0"/>
                </a:lnTo>
                <a:lnTo>
                  <a:pt x="2458212" y="10667"/>
                </a:lnTo>
                <a:close/>
              </a:path>
              <a:path w="4573905" h="908685">
                <a:moveTo>
                  <a:pt x="2531363" y="10667"/>
                </a:moveTo>
                <a:lnTo>
                  <a:pt x="2488692" y="10667"/>
                </a:lnTo>
                <a:lnTo>
                  <a:pt x="2488692" y="0"/>
                </a:lnTo>
                <a:lnTo>
                  <a:pt x="2531363" y="0"/>
                </a:lnTo>
                <a:lnTo>
                  <a:pt x="2531363" y="10667"/>
                </a:lnTo>
                <a:close/>
              </a:path>
              <a:path w="4573905" h="908685">
                <a:moveTo>
                  <a:pt x="2604516" y="10667"/>
                </a:moveTo>
                <a:lnTo>
                  <a:pt x="2561844" y="10667"/>
                </a:lnTo>
                <a:lnTo>
                  <a:pt x="2561844" y="0"/>
                </a:lnTo>
                <a:lnTo>
                  <a:pt x="2604516" y="0"/>
                </a:lnTo>
                <a:lnTo>
                  <a:pt x="2604516" y="10667"/>
                </a:lnTo>
                <a:close/>
              </a:path>
              <a:path w="4573905" h="908685">
                <a:moveTo>
                  <a:pt x="2677668" y="10667"/>
                </a:moveTo>
                <a:lnTo>
                  <a:pt x="2636520" y="10667"/>
                </a:lnTo>
                <a:lnTo>
                  <a:pt x="2636520" y="0"/>
                </a:lnTo>
                <a:lnTo>
                  <a:pt x="2677668" y="0"/>
                </a:lnTo>
                <a:lnTo>
                  <a:pt x="2677668" y="10667"/>
                </a:lnTo>
                <a:close/>
              </a:path>
              <a:path w="4573905" h="908685">
                <a:moveTo>
                  <a:pt x="2752344" y="10667"/>
                </a:moveTo>
                <a:lnTo>
                  <a:pt x="2709671" y="10667"/>
                </a:lnTo>
                <a:lnTo>
                  <a:pt x="2709671" y="0"/>
                </a:lnTo>
                <a:lnTo>
                  <a:pt x="2752344" y="0"/>
                </a:lnTo>
                <a:lnTo>
                  <a:pt x="2752344" y="10667"/>
                </a:lnTo>
                <a:close/>
              </a:path>
              <a:path w="4573905" h="908685">
                <a:moveTo>
                  <a:pt x="2825495" y="10667"/>
                </a:moveTo>
                <a:lnTo>
                  <a:pt x="2782824" y="10667"/>
                </a:lnTo>
                <a:lnTo>
                  <a:pt x="2782824" y="0"/>
                </a:lnTo>
                <a:lnTo>
                  <a:pt x="2825495" y="0"/>
                </a:lnTo>
                <a:lnTo>
                  <a:pt x="2825495" y="10667"/>
                </a:lnTo>
                <a:close/>
              </a:path>
              <a:path w="4573905" h="908685">
                <a:moveTo>
                  <a:pt x="2898648" y="10667"/>
                </a:moveTo>
                <a:lnTo>
                  <a:pt x="2855976" y="10667"/>
                </a:lnTo>
                <a:lnTo>
                  <a:pt x="2855976" y="0"/>
                </a:lnTo>
                <a:lnTo>
                  <a:pt x="2898648" y="0"/>
                </a:lnTo>
                <a:lnTo>
                  <a:pt x="2898648" y="10667"/>
                </a:lnTo>
                <a:close/>
              </a:path>
              <a:path w="4573905" h="908685">
                <a:moveTo>
                  <a:pt x="2971800" y="10667"/>
                </a:moveTo>
                <a:lnTo>
                  <a:pt x="2930652" y="10667"/>
                </a:lnTo>
                <a:lnTo>
                  <a:pt x="2930652" y="0"/>
                </a:lnTo>
                <a:lnTo>
                  <a:pt x="2971800" y="0"/>
                </a:lnTo>
                <a:lnTo>
                  <a:pt x="2971800" y="10667"/>
                </a:lnTo>
                <a:close/>
              </a:path>
              <a:path w="4573905" h="908685">
                <a:moveTo>
                  <a:pt x="3044952" y="10667"/>
                </a:moveTo>
                <a:lnTo>
                  <a:pt x="3003804" y="10667"/>
                </a:lnTo>
                <a:lnTo>
                  <a:pt x="3003804" y="0"/>
                </a:lnTo>
                <a:lnTo>
                  <a:pt x="3044952" y="0"/>
                </a:lnTo>
                <a:lnTo>
                  <a:pt x="3044952" y="10667"/>
                </a:lnTo>
                <a:close/>
              </a:path>
              <a:path w="4573905" h="908685">
                <a:moveTo>
                  <a:pt x="3119628" y="10667"/>
                </a:moveTo>
                <a:lnTo>
                  <a:pt x="3076955" y="10667"/>
                </a:lnTo>
                <a:lnTo>
                  <a:pt x="3076955" y="0"/>
                </a:lnTo>
                <a:lnTo>
                  <a:pt x="3119628" y="0"/>
                </a:lnTo>
                <a:lnTo>
                  <a:pt x="3119628" y="10667"/>
                </a:lnTo>
                <a:close/>
              </a:path>
              <a:path w="4573905" h="908685">
                <a:moveTo>
                  <a:pt x="3192779" y="10667"/>
                </a:moveTo>
                <a:lnTo>
                  <a:pt x="3150108" y="10667"/>
                </a:lnTo>
                <a:lnTo>
                  <a:pt x="3150108" y="0"/>
                </a:lnTo>
                <a:lnTo>
                  <a:pt x="3192779" y="0"/>
                </a:lnTo>
                <a:lnTo>
                  <a:pt x="3192779" y="10667"/>
                </a:lnTo>
                <a:close/>
              </a:path>
              <a:path w="4573905" h="908685">
                <a:moveTo>
                  <a:pt x="3265932" y="10667"/>
                </a:moveTo>
                <a:lnTo>
                  <a:pt x="3224784" y="10667"/>
                </a:lnTo>
                <a:lnTo>
                  <a:pt x="3224784" y="0"/>
                </a:lnTo>
                <a:lnTo>
                  <a:pt x="3265932" y="0"/>
                </a:lnTo>
                <a:lnTo>
                  <a:pt x="3265932" y="10667"/>
                </a:lnTo>
                <a:close/>
              </a:path>
              <a:path w="4573905" h="908685">
                <a:moveTo>
                  <a:pt x="3339084" y="10667"/>
                </a:moveTo>
                <a:lnTo>
                  <a:pt x="3297936" y="10667"/>
                </a:lnTo>
                <a:lnTo>
                  <a:pt x="3297936" y="0"/>
                </a:lnTo>
                <a:lnTo>
                  <a:pt x="3339084" y="0"/>
                </a:lnTo>
                <a:lnTo>
                  <a:pt x="3339084" y="10667"/>
                </a:lnTo>
                <a:close/>
              </a:path>
              <a:path w="4573905" h="908685">
                <a:moveTo>
                  <a:pt x="3413760" y="10667"/>
                </a:moveTo>
                <a:lnTo>
                  <a:pt x="3371088" y="10667"/>
                </a:lnTo>
                <a:lnTo>
                  <a:pt x="3371088" y="0"/>
                </a:lnTo>
                <a:lnTo>
                  <a:pt x="3413760" y="0"/>
                </a:lnTo>
                <a:lnTo>
                  <a:pt x="3413760" y="10667"/>
                </a:lnTo>
                <a:close/>
              </a:path>
              <a:path w="4573905" h="908685">
                <a:moveTo>
                  <a:pt x="3486912" y="10667"/>
                </a:moveTo>
                <a:lnTo>
                  <a:pt x="3444240" y="10667"/>
                </a:lnTo>
                <a:lnTo>
                  <a:pt x="3444240" y="0"/>
                </a:lnTo>
                <a:lnTo>
                  <a:pt x="3486912" y="0"/>
                </a:lnTo>
                <a:lnTo>
                  <a:pt x="3486912" y="10667"/>
                </a:lnTo>
                <a:close/>
              </a:path>
              <a:path w="4573905" h="908685">
                <a:moveTo>
                  <a:pt x="3560063" y="10667"/>
                </a:moveTo>
                <a:lnTo>
                  <a:pt x="3518916" y="10667"/>
                </a:lnTo>
                <a:lnTo>
                  <a:pt x="3518916" y="0"/>
                </a:lnTo>
                <a:lnTo>
                  <a:pt x="3560063" y="0"/>
                </a:lnTo>
                <a:lnTo>
                  <a:pt x="3560063" y="10667"/>
                </a:lnTo>
                <a:close/>
              </a:path>
              <a:path w="4573905" h="908685">
                <a:moveTo>
                  <a:pt x="3633216" y="10667"/>
                </a:moveTo>
                <a:lnTo>
                  <a:pt x="3592068" y="10667"/>
                </a:lnTo>
                <a:lnTo>
                  <a:pt x="3592068" y="0"/>
                </a:lnTo>
                <a:lnTo>
                  <a:pt x="3633216" y="0"/>
                </a:lnTo>
                <a:lnTo>
                  <a:pt x="3633216" y="10667"/>
                </a:lnTo>
                <a:close/>
              </a:path>
              <a:path w="4573905" h="908685">
                <a:moveTo>
                  <a:pt x="3707892" y="10667"/>
                </a:moveTo>
                <a:lnTo>
                  <a:pt x="3665220" y="10667"/>
                </a:lnTo>
                <a:lnTo>
                  <a:pt x="3665220" y="0"/>
                </a:lnTo>
                <a:lnTo>
                  <a:pt x="3707892" y="0"/>
                </a:lnTo>
                <a:lnTo>
                  <a:pt x="3707892" y="10667"/>
                </a:lnTo>
                <a:close/>
              </a:path>
              <a:path w="4573905" h="908685">
                <a:moveTo>
                  <a:pt x="3781044" y="10667"/>
                </a:moveTo>
                <a:lnTo>
                  <a:pt x="3738371" y="10667"/>
                </a:lnTo>
                <a:lnTo>
                  <a:pt x="3738371" y="0"/>
                </a:lnTo>
                <a:lnTo>
                  <a:pt x="3781044" y="0"/>
                </a:lnTo>
                <a:lnTo>
                  <a:pt x="3781044" y="10667"/>
                </a:lnTo>
                <a:close/>
              </a:path>
              <a:path w="4573905" h="908685">
                <a:moveTo>
                  <a:pt x="3854196" y="10667"/>
                </a:moveTo>
                <a:lnTo>
                  <a:pt x="3811524" y="10667"/>
                </a:lnTo>
                <a:lnTo>
                  <a:pt x="3811524" y="0"/>
                </a:lnTo>
                <a:lnTo>
                  <a:pt x="3854196" y="0"/>
                </a:lnTo>
                <a:lnTo>
                  <a:pt x="3854196" y="10667"/>
                </a:lnTo>
                <a:close/>
              </a:path>
              <a:path w="4573905" h="908685">
                <a:moveTo>
                  <a:pt x="3927348" y="10667"/>
                </a:moveTo>
                <a:lnTo>
                  <a:pt x="3886200" y="10667"/>
                </a:lnTo>
                <a:lnTo>
                  <a:pt x="3886200" y="0"/>
                </a:lnTo>
                <a:lnTo>
                  <a:pt x="3927348" y="0"/>
                </a:lnTo>
                <a:lnTo>
                  <a:pt x="3927348" y="10667"/>
                </a:lnTo>
                <a:close/>
              </a:path>
              <a:path w="4573905" h="908685">
                <a:moveTo>
                  <a:pt x="4002024" y="10667"/>
                </a:moveTo>
                <a:lnTo>
                  <a:pt x="3959352" y="10667"/>
                </a:lnTo>
                <a:lnTo>
                  <a:pt x="3959352" y="0"/>
                </a:lnTo>
                <a:lnTo>
                  <a:pt x="4002024" y="0"/>
                </a:lnTo>
                <a:lnTo>
                  <a:pt x="4002024" y="10667"/>
                </a:lnTo>
                <a:close/>
              </a:path>
              <a:path w="4573905" h="908685">
                <a:moveTo>
                  <a:pt x="4075176" y="10667"/>
                </a:moveTo>
                <a:lnTo>
                  <a:pt x="4032504" y="10667"/>
                </a:lnTo>
                <a:lnTo>
                  <a:pt x="4032504" y="0"/>
                </a:lnTo>
                <a:lnTo>
                  <a:pt x="4075176" y="0"/>
                </a:lnTo>
                <a:lnTo>
                  <a:pt x="4075176" y="10667"/>
                </a:lnTo>
                <a:close/>
              </a:path>
              <a:path w="4573905" h="908685">
                <a:moveTo>
                  <a:pt x="4148328" y="10667"/>
                </a:moveTo>
                <a:lnTo>
                  <a:pt x="4105655" y="10667"/>
                </a:lnTo>
                <a:lnTo>
                  <a:pt x="4105655" y="0"/>
                </a:lnTo>
                <a:lnTo>
                  <a:pt x="4148328" y="0"/>
                </a:lnTo>
                <a:lnTo>
                  <a:pt x="4148328" y="10667"/>
                </a:lnTo>
                <a:close/>
              </a:path>
              <a:path w="4573905" h="908685">
                <a:moveTo>
                  <a:pt x="4221480" y="10667"/>
                </a:moveTo>
                <a:lnTo>
                  <a:pt x="4180332" y="10667"/>
                </a:lnTo>
                <a:lnTo>
                  <a:pt x="4180332" y="0"/>
                </a:lnTo>
                <a:lnTo>
                  <a:pt x="4221480" y="0"/>
                </a:lnTo>
                <a:lnTo>
                  <a:pt x="4221480" y="10667"/>
                </a:lnTo>
                <a:close/>
              </a:path>
              <a:path w="4573905" h="908685">
                <a:moveTo>
                  <a:pt x="4294632" y="10667"/>
                </a:moveTo>
                <a:lnTo>
                  <a:pt x="4253484" y="10667"/>
                </a:lnTo>
                <a:lnTo>
                  <a:pt x="4253484" y="0"/>
                </a:lnTo>
                <a:lnTo>
                  <a:pt x="4294632" y="0"/>
                </a:lnTo>
                <a:lnTo>
                  <a:pt x="4294632" y="10667"/>
                </a:lnTo>
                <a:close/>
              </a:path>
              <a:path w="4573905" h="908685">
                <a:moveTo>
                  <a:pt x="4369308" y="10667"/>
                </a:moveTo>
                <a:lnTo>
                  <a:pt x="4326636" y="10667"/>
                </a:lnTo>
                <a:lnTo>
                  <a:pt x="4326636" y="0"/>
                </a:lnTo>
                <a:lnTo>
                  <a:pt x="4369308" y="0"/>
                </a:lnTo>
                <a:lnTo>
                  <a:pt x="4369308" y="10667"/>
                </a:lnTo>
                <a:close/>
              </a:path>
              <a:path w="4573905" h="908685">
                <a:moveTo>
                  <a:pt x="4442459" y="10667"/>
                </a:moveTo>
                <a:lnTo>
                  <a:pt x="4399788" y="10667"/>
                </a:lnTo>
                <a:lnTo>
                  <a:pt x="4399788" y="0"/>
                </a:lnTo>
                <a:lnTo>
                  <a:pt x="4442459" y="0"/>
                </a:lnTo>
                <a:lnTo>
                  <a:pt x="4442459" y="10667"/>
                </a:lnTo>
                <a:close/>
              </a:path>
              <a:path w="4573905" h="908685">
                <a:moveTo>
                  <a:pt x="4515612" y="10667"/>
                </a:moveTo>
                <a:lnTo>
                  <a:pt x="4474464" y="10667"/>
                </a:lnTo>
                <a:lnTo>
                  <a:pt x="4474464" y="0"/>
                </a:lnTo>
                <a:lnTo>
                  <a:pt x="4515612" y="0"/>
                </a:lnTo>
                <a:lnTo>
                  <a:pt x="4515612" y="10667"/>
                </a:lnTo>
                <a:close/>
              </a:path>
              <a:path w="4573905" h="908685">
                <a:moveTo>
                  <a:pt x="4562855" y="10667"/>
                </a:moveTo>
                <a:lnTo>
                  <a:pt x="4547616" y="10667"/>
                </a:lnTo>
                <a:lnTo>
                  <a:pt x="4547616" y="0"/>
                </a:lnTo>
                <a:lnTo>
                  <a:pt x="4570475" y="0"/>
                </a:lnTo>
                <a:lnTo>
                  <a:pt x="4573523" y="3048"/>
                </a:lnTo>
                <a:lnTo>
                  <a:pt x="4573523" y="6096"/>
                </a:lnTo>
                <a:lnTo>
                  <a:pt x="4562855" y="6096"/>
                </a:lnTo>
                <a:lnTo>
                  <a:pt x="4562855" y="10667"/>
                </a:lnTo>
                <a:close/>
              </a:path>
              <a:path w="4573905" h="908685">
                <a:moveTo>
                  <a:pt x="4573523" y="27432"/>
                </a:moveTo>
                <a:lnTo>
                  <a:pt x="4562855" y="27432"/>
                </a:lnTo>
                <a:lnTo>
                  <a:pt x="4562855" y="6096"/>
                </a:lnTo>
                <a:lnTo>
                  <a:pt x="4567428" y="10667"/>
                </a:lnTo>
                <a:lnTo>
                  <a:pt x="4573523" y="10667"/>
                </a:lnTo>
                <a:lnTo>
                  <a:pt x="4573523" y="27432"/>
                </a:lnTo>
                <a:close/>
              </a:path>
              <a:path w="4573905" h="908685">
                <a:moveTo>
                  <a:pt x="4573523" y="10667"/>
                </a:moveTo>
                <a:lnTo>
                  <a:pt x="4567428" y="10667"/>
                </a:lnTo>
                <a:lnTo>
                  <a:pt x="4562855" y="6096"/>
                </a:lnTo>
                <a:lnTo>
                  <a:pt x="4573523" y="6096"/>
                </a:lnTo>
                <a:lnTo>
                  <a:pt x="4573523" y="10667"/>
                </a:lnTo>
                <a:close/>
              </a:path>
              <a:path w="4573905" h="908685">
                <a:moveTo>
                  <a:pt x="4573523" y="100583"/>
                </a:moveTo>
                <a:lnTo>
                  <a:pt x="4562855" y="100583"/>
                </a:lnTo>
                <a:lnTo>
                  <a:pt x="4562855" y="59436"/>
                </a:lnTo>
                <a:lnTo>
                  <a:pt x="4573523" y="59436"/>
                </a:lnTo>
                <a:lnTo>
                  <a:pt x="4573523" y="100583"/>
                </a:lnTo>
                <a:close/>
              </a:path>
              <a:path w="4573905" h="908685">
                <a:moveTo>
                  <a:pt x="4573523" y="173736"/>
                </a:moveTo>
                <a:lnTo>
                  <a:pt x="4562855" y="173736"/>
                </a:lnTo>
                <a:lnTo>
                  <a:pt x="4562855" y="132588"/>
                </a:lnTo>
                <a:lnTo>
                  <a:pt x="4573523" y="132588"/>
                </a:lnTo>
                <a:lnTo>
                  <a:pt x="4573523" y="173736"/>
                </a:lnTo>
                <a:close/>
              </a:path>
              <a:path w="4573905" h="908685">
                <a:moveTo>
                  <a:pt x="4573523" y="248412"/>
                </a:moveTo>
                <a:lnTo>
                  <a:pt x="4562855" y="248412"/>
                </a:lnTo>
                <a:lnTo>
                  <a:pt x="4562855" y="205740"/>
                </a:lnTo>
                <a:lnTo>
                  <a:pt x="4573523" y="205740"/>
                </a:lnTo>
                <a:lnTo>
                  <a:pt x="4573523" y="248412"/>
                </a:lnTo>
                <a:close/>
              </a:path>
              <a:path w="4573905" h="908685">
                <a:moveTo>
                  <a:pt x="4573523" y="321564"/>
                </a:moveTo>
                <a:lnTo>
                  <a:pt x="4562855" y="321564"/>
                </a:lnTo>
                <a:lnTo>
                  <a:pt x="4562855" y="278891"/>
                </a:lnTo>
                <a:lnTo>
                  <a:pt x="4573523" y="278891"/>
                </a:lnTo>
                <a:lnTo>
                  <a:pt x="4573523" y="321564"/>
                </a:lnTo>
                <a:close/>
              </a:path>
              <a:path w="4573905" h="908685">
                <a:moveTo>
                  <a:pt x="4573523" y="394716"/>
                </a:moveTo>
                <a:lnTo>
                  <a:pt x="4562855" y="394716"/>
                </a:lnTo>
                <a:lnTo>
                  <a:pt x="4562855" y="353567"/>
                </a:lnTo>
                <a:lnTo>
                  <a:pt x="4573523" y="353567"/>
                </a:lnTo>
                <a:lnTo>
                  <a:pt x="4573523" y="394716"/>
                </a:lnTo>
                <a:close/>
              </a:path>
              <a:path w="4573905" h="908685">
                <a:moveTo>
                  <a:pt x="4573523" y="467867"/>
                </a:moveTo>
                <a:lnTo>
                  <a:pt x="4562855" y="467867"/>
                </a:lnTo>
                <a:lnTo>
                  <a:pt x="4562855" y="426720"/>
                </a:lnTo>
                <a:lnTo>
                  <a:pt x="4573523" y="426720"/>
                </a:lnTo>
                <a:lnTo>
                  <a:pt x="4573523" y="467867"/>
                </a:lnTo>
                <a:close/>
              </a:path>
              <a:path w="4573905" h="908685">
                <a:moveTo>
                  <a:pt x="4573523" y="542544"/>
                </a:moveTo>
                <a:lnTo>
                  <a:pt x="4562855" y="542544"/>
                </a:lnTo>
                <a:lnTo>
                  <a:pt x="4562855" y="499872"/>
                </a:lnTo>
                <a:lnTo>
                  <a:pt x="4573523" y="499872"/>
                </a:lnTo>
                <a:lnTo>
                  <a:pt x="4573523" y="542544"/>
                </a:lnTo>
                <a:close/>
              </a:path>
              <a:path w="4573905" h="908685">
                <a:moveTo>
                  <a:pt x="4573523" y="615696"/>
                </a:moveTo>
                <a:lnTo>
                  <a:pt x="4562855" y="615696"/>
                </a:lnTo>
                <a:lnTo>
                  <a:pt x="4562855" y="573024"/>
                </a:lnTo>
                <a:lnTo>
                  <a:pt x="4573523" y="573024"/>
                </a:lnTo>
                <a:lnTo>
                  <a:pt x="4573523" y="615696"/>
                </a:lnTo>
                <a:close/>
              </a:path>
              <a:path w="4573905" h="908685">
                <a:moveTo>
                  <a:pt x="4573523" y="688848"/>
                </a:moveTo>
                <a:lnTo>
                  <a:pt x="4562855" y="688848"/>
                </a:lnTo>
                <a:lnTo>
                  <a:pt x="4562855" y="646175"/>
                </a:lnTo>
                <a:lnTo>
                  <a:pt x="4573523" y="646175"/>
                </a:lnTo>
                <a:lnTo>
                  <a:pt x="4573523" y="688848"/>
                </a:lnTo>
                <a:close/>
              </a:path>
              <a:path w="4573905" h="908685">
                <a:moveTo>
                  <a:pt x="4573523" y="762000"/>
                </a:moveTo>
                <a:lnTo>
                  <a:pt x="4562855" y="762000"/>
                </a:lnTo>
                <a:lnTo>
                  <a:pt x="4562855" y="720851"/>
                </a:lnTo>
                <a:lnTo>
                  <a:pt x="4573523" y="720851"/>
                </a:lnTo>
                <a:lnTo>
                  <a:pt x="4573523" y="762000"/>
                </a:lnTo>
                <a:close/>
              </a:path>
              <a:path w="4573905" h="908685">
                <a:moveTo>
                  <a:pt x="4573523" y="835151"/>
                </a:moveTo>
                <a:lnTo>
                  <a:pt x="4562855" y="835151"/>
                </a:lnTo>
                <a:lnTo>
                  <a:pt x="4562855" y="794003"/>
                </a:lnTo>
                <a:lnTo>
                  <a:pt x="4573523" y="794003"/>
                </a:lnTo>
                <a:lnTo>
                  <a:pt x="4573523" y="835151"/>
                </a:lnTo>
                <a:close/>
              </a:path>
              <a:path w="4573905" h="908685">
                <a:moveTo>
                  <a:pt x="4562855" y="903732"/>
                </a:moveTo>
                <a:lnTo>
                  <a:pt x="4562855" y="867155"/>
                </a:lnTo>
                <a:lnTo>
                  <a:pt x="4573523" y="867155"/>
                </a:lnTo>
                <a:lnTo>
                  <a:pt x="4573523" y="897635"/>
                </a:lnTo>
                <a:lnTo>
                  <a:pt x="4567428" y="897635"/>
                </a:lnTo>
                <a:lnTo>
                  <a:pt x="4562855" y="903732"/>
                </a:lnTo>
                <a:close/>
              </a:path>
              <a:path w="4573905" h="908685">
                <a:moveTo>
                  <a:pt x="4570475" y="908303"/>
                </a:moveTo>
                <a:lnTo>
                  <a:pt x="4561332" y="908303"/>
                </a:lnTo>
                <a:lnTo>
                  <a:pt x="4561332" y="897635"/>
                </a:lnTo>
                <a:lnTo>
                  <a:pt x="4562855" y="897635"/>
                </a:lnTo>
                <a:lnTo>
                  <a:pt x="4562855" y="903732"/>
                </a:lnTo>
                <a:lnTo>
                  <a:pt x="4573523" y="903732"/>
                </a:lnTo>
                <a:lnTo>
                  <a:pt x="4573523" y="905255"/>
                </a:lnTo>
                <a:lnTo>
                  <a:pt x="4570475" y="908303"/>
                </a:lnTo>
                <a:close/>
              </a:path>
              <a:path w="4573905" h="908685">
                <a:moveTo>
                  <a:pt x="4573523" y="903732"/>
                </a:moveTo>
                <a:lnTo>
                  <a:pt x="4562855" y="903732"/>
                </a:lnTo>
                <a:lnTo>
                  <a:pt x="4567428" y="897635"/>
                </a:lnTo>
                <a:lnTo>
                  <a:pt x="4573523" y="897635"/>
                </a:lnTo>
                <a:lnTo>
                  <a:pt x="4573523" y="903732"/>
                </a:lnTo>
                <a:close/>
              </a:path>
              <a:path w="4573905" h="908685">
                <a:moveTo>
                  <a:pt x="4529328" y="908303"/>
                </a:moveTo>
                <a:lnTo>
                  <a:pt x="4488180" y="908303"/>
                </a:lnTo>
                <a:lnTo>
                  <a:pt x="4488180" y="897635"/>
                </a:lnTo>
                <a:lnTo>
                  <a:pt x="4529328" y="897635"/>
                </a:lnTo>
                <a:lnTo>
                  <a:pt x="4529328" y="908303"/>
                </a:lnTo>
                <a:close/>
              </a:path>
              <a:path w="4573905" h="908685">
                <a:moveTo>
                  <a:pt x="4456175" y="908303"/>
                </a:moveTo>
                <a:lnTo>
                  <a:pt x="4415028" y="908303"/>
                </a:lnTo>
                <a:lnTo>
                  <a:pt x="4415028" y="897635"/>
                </a:lnTo>
                <a:lnTo>
                  <a:pt x="4456175" y="897635"/>
                </a:lnTo>
                <a:lnTo>
                  <a:pt x="4456175" y="908303"/>
                </a:lnTo>
                <a:close/>
              </a:path>
              <a:path w="4573905" h="908685">
                <a:moveTo>
                  <a:pt x="4383023" y="908303"/>
                </a:moveTo>
                <a:lnTo>
                  <a:pt x="4340352" y="908303"/>
                </a:lnTo>
                <a:lnTo>
                  <a:pt x="4340352" y="897635"/>
                </a:lnTo>
                <a:lnTo>
                  <a:pt x="4383023" y="897635"/>
                </a:lnTo>
                <a:lnTo>
                  <a:pt x="4383023" y="908303"/>
                </a:lnTo>
                <a:close/>
              </a:path>
              <a:path w="4573905" h="908685">
                <a:moveTo>
                  <a:pt x="4309872" y="908303"/>
                </a:moveTo>
                <a:lnTo>
                  <a:pt x="4267200" y="908303"/>
                </a:lnTo>
                <a:lnTo>
                  <a:pt x="4267200" y="897635"/>
                </a:lnTo>
                <a:lnTo>
                  <a:pt x="4309872" y="897635"/>
                </a:lnTo>
                <a:lnTo>
                  <a:pt x="4309872" y="908303"/>
                </a:lnTo>
                <a:close/>
              </a:path>
              <a:path w="4573905" h="908685">
                <a:moveTo>
                  <a:pt x="4235196" y="908303"/>
                </a:moveTo>
                <a:lnTo>
                  <a:pt x="4194048" y="908303"/>
                </a:lnTo>
                <a:lnTo>
                  <a:pt x="4194048" y="897635"/>
                </a:lnTo>
                <a:lnTo>
                  <a:pt x="4235196" y="897635"/>
                </a:lnTo>
                <a:lnTo>
                  <a:pt x="4235196" y="908303"/>
                </a:lnTo>
                <a:close/>
              </a:path>
              <a:path w="4573905" h="908685">
                <a:moveTo>
                  <a:pt x="4162044" y="908303"/>
                </a:moveTo>
                <a:lnTo>
                  <a:pt x="4120896" y="908303"/>
                </a:lnTo>
                <a:lnTo>
                  <a:pt x="4120896" y="897635"/>
                </a:lnTo>
                <a:lnTo>
                  <a:pt x="4162044" y="897635"/>
                </a:lnTo>
                <a:lnTo>
                  <a:pt x="4162044" y="908303"/>
                </a:lnTo>
                <a:close/>
              </a:path>
              <a:path w="4573905" h="908685">
                <a:moveTo>
                  <a:pt x="4088892" y="908303"/>
                </a:moveTo>
                <a:lnTo>
                  <a:pt x="4046220" y="908303"/>
                </a:lnTo>
                <a:lnTo>
                  <a:pt x="4046220" y="897635"/>
                </a:lnTo>
                <a:lnTo>
                  <a:pt x="4088892" y="897635"/>
                </a:lnTo>
                <a:lnTo>
                  <a:pt x="4088892" y="908303"/>
                </a:lnTo>
                <a:close/>
              </a:path>
              <a:path w="4573905" h="908685">
                <a:moveTo>
                  <a:pt x="4015740" y="908303"/>
                </a:moveTo>
                <a:lnTo>
                  <a:pt x="3973068" y="908303"/>
                </a:lnTo>
                <a:lnTo>
                  <a:pt x="3973068" y="897635"/>
                </a:lnTo>
                <a:lnTo>
                  <a:pt x="4015740" y="897635"/>
                </a:lnTo>
                <a:lnTo>
                  <a:pt x="4015740" y="908303"/>
                </a:lnTo>
                <a:close/>
              </a:path>
              <a:path w="4573905" h="908685">
                <a:moveTo>
                  <a:pt x="3942588" y="908303"/>
                </a:moveTo>
                <a:lnTo>
                  <a:pt x="3899916" y="908303"/>
                </a:lnTo>
                <a:lnTo>
                  <a:pt x="3899916" y="897635"/>
                </a:lnTo>
                <a:lnTo>
                  <a:pt x="3942588" y="897635"/>
                </a:lnTo>
                <a:lnTo>
                  <a:pt x="3942588" y="908303"/>
                </a:lnTo>
                <a:close/>
              </a:path>
              <a:path w="4573905" h="908685">
                <a:moveTo>
                  <a:pt x="3867912" y="908303"/>
                </a:moveTo>
                <a:lnTo>
                  <a:pt x="3826763" y="908303"/>
                </a:lnTo>
                <a:lnTo>
                  <a:pt x="3826763" y="897635"/>
                </a:lnTo>
                <a:lnTo>
                  <a:pt x="3867912" y="897635"/>
                </a:lnTo>
                <a:lnTo>
                  <a:pt x="3867912" y="908303"/>
                </a:lnTo>
                <a:close/>
              </a:path>
              <a:path w="4573905" h="908685">
                <a:moveTo>
                  <a:pt x="3794760" y="908303"/>
                </a:moveTo>
                <a:lnTo>
                  <a:pt x="3753612" y="908303"/>
                </a:lnTo>
                <a:lnTo>
                  <a:pt x="3753612" y="897635"/>
                </a:lnTo>
                <a:lnTo>
                  <a:pt x="3794760" y="897635"/>
                </a:lnTo>
                <a:lnTo>
                  <a:pt x="3794760" y="908303"/>
                </a:lnTo>
                <a:close/>
              </a:path>
              <a:path w="4573905" h="908685">
                <a:moveTo>
                  <a:pt x="3721608" y="908303"/>
                </a:moveTo>
                <a:lnTo>
                  <a:pt x="3678936" y="908303"/>
                </a:lnTo>
                <a:lnTo>
                  <a:pt x="3678936" y="897635"/>
                </a:lnTo>
                <a:lnTo>
                  <a:pt x="3721608" y="897635"/>
                </a:lnTo>
                <a:lnTo>
                  <a:pt x="3721608" y="908303"/>
                </a:lnTo>
                <a:close/>
              </a:path>
              <a:path w="4573905" h="908685">
                <a:moveTo>
                  <a:pt x="3648455" y="908303"/>
                </a:moveTo>
                <a:lnTo>
                  <a:pt x="3605784" y="908303"/>
                </a:lnTo>
                <a:lnTo>
                  <a:pt x="3605784" y="897635"/>
                </a:lnTo>
                <a:lnTo>
                  <a:pt x="3648455" y="897635"/>
                </a:lnTo>
                <a:lnTo>
                  <a:pt x="3648455" y="908303"/>
                </a:lnTo>
                <a:close/>
              </a:path>
              <a:path w="4573905" h="908685">
                <a:moveTo>
                  <a:pt x="3573780" y="908303"/>
                </a:moveTo>
                <a:lnTo>
                  <a:pt x="3532632" y="908303"/>
                </a:lnTo>
                <a:lnTo>
                  <a:pt x="3532632" y="897635"/>
                </a:lnTo>
                <a:lnTo>
                  <a:pt x="3573780" y="897635"/>
                </a:lnTo>
                <a:lnTo>
                  <a:pt x="3573780" y="908303"/>
                </a:lnTo>
                <a:close/>
              </a:path>
              <a:path w="4573905" h="908685">
                <a:moveTo>
                  <a:pt x="3500628" y="908303"/>
                </a:moveTo>
                <a:lnTo>
                  <a:pt x="3459479" y="908303"/>
                </a:lnTo>
                <a:lnTo>
                  <a:pt x="3459479" y="897635"/>
                </a:lnTo>
                <a:lnTo>
                  <a:pt x="3500628" y="897635"/>
                </a:lnTo>
                <a:lnTo>
                  <a:pt x="3500628" y="908303"/>
                </a:lnTo>
                <a:close/>
              </a:path>
              <a:path w="4573905" h="908685">
                <a:moveTo>
                  <a:pt x="3427476" y="908303"/>
                </a:moveTo>
                <a:lnTo>
                  <a:pt x="3384804" y="908303"/>
                </a:lnTo>
                <a:lnTo>
                  <a:pt x="3384804" y="897635"/>
                </a:lnTo>
                <a:lnTo>
                  <a:pt x="3427476" y="897635"/>
                </a:lnTo>
                <a:lnTo>
                  <a:pt x="3427476" y="908303"/>
                </a:lnTo>
                <a:close/>
              </a:path>
              <a:path w="4573905" h="908685">
                <a:moveTo>
                  <a:pt x="3354324" y="908303"/>
                </a:moveTo>
                <a:lnTo>
                  <a:pt x="3311652" y="908303"/>
                </a:lnTo>
                <a:lnTo>
                  <a:pt x="3311652" y="897635"/>
                </a:lnTo>
                <a:lnTo>
                  <a:pt x="3354324" y="897635"/>
                </a:lnTo>
                <a:lnTo>
                  <a:pt x="3354324" y="908303"/>
                </a:lnTo>
                <a:close/>
              </a:path>
              <a:path w="4573905" h="908685">
                <a:moveTo>
                  <a:pt x="3279648" y="908303"/>
                </a:moveTo>
                <a:lnTo>
                  <a:pt x="3238500" y="908303"/>
                </a:lnTo>
                <a:lnTo>
                  <a:pt x="3238500" y="897635"/>
                </a:lnTo>
                <a:lnTo>
                  <a:pt x="3279648" y="897635"/>
                </a:lnTo>
                <a:lnTo>
                  <a:pt x="3279648" y="908303"/>
                </a:lnTo>
                <a:close/>
              </a:path>
              <a:path w="4573905" h="908685">
                <a:moveTo>
                  <a:pt x="3206496" y="908303"/>
                </a:moveTo>
                <a:lnTo>
                  <a:pt x="3165348" y="908303"/>
                </a:lnTo>
                <a:lnTo>
                  <a:pt x="3165348" y="897635"/>
                </a:lnTo>
                <a:lnTo>
                  <a:pt x="3206496" y="897635"/>
                </a:lnTo>
                <a:lnTo>
                  <a:pt x="3206496" y="908303"/>
                </a:lnTo>
                <a:close/>
              </a:path>
              <a:path w="4573905" h="908685">
                <a:moveTo>
                  <a:pt x="3133344" y="908303"/>
                </a:moveTo>
                <a:lnTo>
                  <a:pt x="3090671" y="908303"/>
                </a:lnTo>
                <a:lnTo>
                  <a:pt x="3090671" y="897635"/>
                </a:lnTo>
                <a:lnTo>
                  <a:pt x="3133344" y="897635"/>
                </a:lnTo>
                <a:lnTo>
                  <a:pt x="3133344" y="908303"/>
                </a:lnTo>
                <a:close/>
              </a:path>
              <a:path w="4573905" h="908685">
                <a:moveTo>
                  <a:pt x="3060192" y="908303"/>
                </a:moveTo>
                <a:lnTo>
                  <a:pt x="3017520" y="908303"/>
                </a:lnTo>
                <a:lnTo>
                  <a:pt x="3017520" y="897635"/>
                </a:lnTo>
                <a:lnTo>
                  <a:pt x="3060192" y="897635"/>
                </a:lnTo>
                <a:lnTo>
                  <a:pt x="3060192" y="908303"/>
                </a:lnTo>
                <a:close/>
              </a:path>
              <a:path w="4573905" h="908685">
                <a:moveTo>
                  <a:pt x="2985516" y="908303"/>
                </a:moveTo>
                <a:lnTo>
                  <a:pt x="2944368" y="908303"/>
                </a:lnTo>
                <a:lnTo>
                  <a:pt x="2944368" y="897635"/>
                </a:lnTo>
                <a:lnTo>
                  <a:pt x="2985516" y="897635"/>
                </a:lnTo>
                <a:lnTo>
                  <a:pt x="2985516" y="908303"/>
                </a:lnTo>
                <a:close/>
              </a:path>
              <a:path w="4573905" h="908685">
                <a:moveTo>
                  <a:pt x="2912363" y="908303"/>
                </a:moveTo>
                <a:lnTo>
                  <a:pt x="2871216" y="908303"/>
                </a:lnTo>
                <a:lnTo>
                  <a:pt x="2871216" y="897635"/>
                </a:lnTo>
                <a:lnTo>
                  <a:pt x="2912363" y="897635"/>
                </a:lnTo>
                <a:lnTo>
                  <a:pt x="2912363" y="908303"/>
                </a:lnTo>
                <a:close/>
              </a:path>
              <a:path w="4573905" h="908685">
                <a:moveTo>
                  <a:pt x="2839212" y="908303"/>
                </a:moveTo>
                <a:lnTo>
                  <a:pt x="2796540" y="908303"/>
                </a:lnTo>
                <a:lnTo>
                  <a:pt x="2796540" y="897635"/>
                </a:lnTo>
                <a:lnTo>
                  <a:pt x="2839212" y="897635"/>
                </a:lnTo>
                <a:lnTo>
                  <a:pt x="2839212" y="908303"/>
                </a:lnTo>
                <a:close/>
              </a:path>
              <a:path w="4573905" h="908685">
                <a:moveTo>
                  <a:pt x="2766060" y="908303"/>
                </a:moveTo>
                <a:lnTo>
                  <a:pt x="2723387" y="908303"/>
                </a:lnTo>
                <a:lnTo>
                  <a:pt x="2723387" y="897635"/>
                </a:lnTo>
                <a:lnTo>
                  <a:pt x="2766060" y="897635"/>
                </a:lnTo>
                <a:lnTo>
                  <a:pt x="2766060" y="908303"/>
                </a:lnTo>
                <a:close/>
              </a:path>
              <a:path w="4573905" h="908685">
                <a:moveTo>
                  <a:pt x="2692908" y="908303"/>
                </a:moveTo>
                <a:lnTo>
                  <a:pt x="2650236" y="908303"/>
                </a:lnTo>
                <a:lnTo>
                  <a:pt x="2650236" y="897635"/>
                </a:lnTo>
                <a:lnTo>
                  <a:pt x="2692908" y="897635"/>
                </a:lnTo>
                <a:lnTo>
                  <a:pt x="2692908" y="908303"/>
                </a:lnTo>
                <a:close/>
              </a:path>
              <a:path w="4573905" h="908685">
                <a:moveTo>
                  <a:pt x="2618232" y="908303"/>
                </a:moveTo>
                <a:lnTo>
                  <a:pt x="2577084" y="908303"/>
                </a:lnTo>
                <a:lnTo>
                  <a:pt x="2577084" y="897635"/>
                </a:lnTo>
                <a:lnTo>
                  <a:pt x="2618232" y="897635"/>
                </a:lnTo>
                <a:lnTo>
                  <a:pt x="2618232" y="908303"/>
                </a:lnTo>
                <a:close/>
              </a:path>
              <a:path w="4573905" h="908685">
                <a:moveTo>
                  <a:pt x="2545079" y="908303"/>
                </a:moveTo>
                <a:lnTo>
                  <a:pt x="2502408" y="908303"/>
                </a:lnTo>
                <a:lnTo>
                  <a:pt x="2502408" y="897635"/>
                </a:lnTo>
                <a:lnTo>
                  <a:pt x="2545079" y="897635"/>
                </a:lnTo>
                <a:lnTo>
                  <a:pt x="2545079" y="908303"/>
                </a:lnTo>
                <a:close/>
              </a:path>
              <a:path w="4573905" h="908685">
                <a:moveTo>
                  <a:pt x="2471928" y="908303"/>
                </a:moveTo>
                <a:lnTo>
                  <a:pt x="2429255" y="908303"/>
                </a:lnTo>
                <a:lnTo>
                  <a:pt x="2429255" y="897635"/>
                </a:lnTo>
                <a:lnTo>
                  <a:pt x="2471928" y="897635"/>
                </a:lnTo>
                <a:lnTo>
                  <a:pt x="2471928" y="908303"/>
                </a:lnTo>
                <a:close/>
              </a:path>
              <a:path w="4573905" h="908685">
                <a:moveTo>
                  <a:pt x="2398776" y="908303"/>
                </a:moveTo>
                <a:lnTo>
                  <a:pt x="2356104" y="908303"/>
                </a:lnTo>
                <a:lnTo>
                  <a:pt x="2356104" y="897635"/>
                </a:lnTo>
                <a:lnTo>
                  <a:pt x="2398776" y="897635"/>
                </a:lnTo>
                <a:lnTo>
                  <a:pt x="2398776" y="908303"/>
                </a:lnTo>
                <a:close/>
              </a:path>
              <a:path w="4573905" h="908685">
                <a:moveTo>
                  <a:pt x="2324100" y="908303"/>
                </a:moveTo>
                <a:lnTo>
                  <a:pt x="2282952" y="908303"/>
                </a:lnTo>
                <a:lnTo>
                  <a:pt x="2282952" y="897635"/>
                </a:lnTo>
                <a:lnTo>
                  <a:pt x="2324100" y="897635"/>
                </a:lnTo>
                <a:lnTo>
                  <a:pt x="2324100" y="908303"/>
                </a:lnTo>
                <a:close/>
              </a:path>
              <a:path w="4573905" h="908685">
                <a:moveTo>
                  <a:pt x="2250948" y="908303"/>
                </a:moveTo>
                <a:lnTo>
                  <a:pt x="2209800" y="908303"/>
                </a:lnTo>
                <a:lnTo>
                  <a:pt x="2209800" y="897635"/>
                </a:lnTo>
                <a:lnTo>
                  <a:pt x="2250948" y="897635"/>
                </a:lnTo>
                <a:lnTo>
                  <a:pt x="2250948" y="908303"/>
                </a:lnTo>
                <a:close/>
              </a:path>
              <a:path w="4573905" h="908685">
                <a:moveTo>
                  <a:pt x="2177795" y="908303"/>
                </a:moveTo>
                <a:lnTo>
                  <a:pt x="2135124" y="908303"/>
                </a:lnTo>
                <a:lnTo>
                  <a:pt x="2135124" y="897635"/>
                </a:lnTo>
                <a:lnTo>
                  <a:pt x="2177795" y="897635"/>
                </a:lnTo>
                <a:lnTo>
                  <a:pt x="2177795" y="908303"/>
                </a:lnTo>
                <a:close/>
              </a:path>
              <a:path w="4573905" h="908685">
                <a:moveTo>
                  <a:pt x="2104644" y="908303"/>
                </a:moveTo>
                <a:lnTo>
                  <a:pt x="2061971" y="908303"/>
                </a:lnTo>
                <a:lnTo>
                  <a:pt x="2061971" y="897635"/>
                </a:lnTo>
                <a:lnTo>
                  <a:pt x="2104644" y="897635"/>
                </a:lnTo>
                <a:lnTo>
                  <a:pt x="2104644" y="908303"/>
                </a:lnTo>
                <a:close/>
              </a:path>
              <a:path w="4573905" h="908685">
                <a:moveTo>
                  <a:pt x="2029968" y="908303"/>
                </a:moveTo>
                <a:lnTo>
                  <a:pt x="1988820" y="908303"/>
                </a:lnTo>
                <a:lnTo>
                  <a:pt x="1988820" y="897635"/>
                </a:lnTo>
                <a:lnTo>
                  <a:pt x="2029968" y="897635"/>
                </a:lnTo>
                <a:lnTo>
                  <a:pt x="2029968" y="908303"/>
                </a:lnTo>
                <a:close/>
              </a:path>
              <a:path w="4573905" h="908685">
                <a:moveTo>
                  <a:pt x="1956816" y="908303"/>
                </a:moveTo>
                <a:lnTo>
                  <a:pt x="1915668" y="908303"/>
                </a:lnTo>
                <a:lnTo>
                  <a:pt x="1915668" y="897635"/>
                </a:lnTo>
                <a:lnTo>
                  <a:pt x="1956816" y="897635"/>
                </a:lnTo>
                <a:lnTo>
                  <a:pt x="1956816" y="908303"/>
                </a:lnTo>
                <a:close/>
              </a:path>
              <a:path w="4573905" h="908685">
                <a:moveTo>
                  <a:pt x="1883664" y="908303"/>
                </a:moveTo>
                <a:lnTo>
                  <a:pt x="1840992" y="908303"/>
                </a:lnTo>
                <a:lnTo>
                  <a:pt x="1840992" y="897635"/>
                </a:lnTo>
                <a:lnTo>
                  <a:pt x="1883664" y="897635"/>
                </a:lnTo>
                <a:lnTo>
                  <a:pt x="1883664" y="908303"/>
                </a:lnTo>
                <a:close/>
              </a:path>
              <a:path w="4573905" h="908685">
                <a:moveTo>
                  <a:pt x="1810511" y="908303"/>
                </a:moveTo>
                <a:lnTo>
                  <a:pt x="1767840" y="908303"/>
                </a:lnTo>
                <a:lnTo>
                  <a:pt x="1767840" y="897635"/>
                </a:lnTo>
                <a:lnTo>
                  <a:pt x="1810511" y="897635"/>
                </a:lnTo>
                <a:lnTo>
                  <a:pt x="1810511" y="908303"/>
                </a:lnTo>
                <a:close/>
              </a:path>
              <a:path w="4573905" h="908685">
                <a:moveTo>
                  <a:pt x="1735836" y="908303"/>
                </a:moveTo>
                <a:lnTo>
                  <a:pt x="1694688" y="908303"/>
                </a:lnTo>
                <a:lnTo>
                  <a:pt x="1694688" y="897635"/>
                </a:lnTo>
                <a:lnTo>
                  <a:pt x="1735836" y="897635"/>
                </a:lnTo>
                <a:lnTo>
                  <a:pt x="1735836" y="908303"/>
                </a:lnTo>
                <a:close/>
              </a:path>
              <a:path w="4573905" h="908685">
                <a:moveTo>
                  <a:pt x="1662684" y="908303"/>
                </a:moveTo>
                <a:lnTo>
                  <a:pt x="1621536" y="908303"/>
                </a:lnTo>
                <a:lnTo>
                  <a:pt x="1621536" y="897635"/>
                </a:lnTo>
                <a:lnTo>
                  <a:pt x="1662684" y="897635"/>
                </a:lnTo>
                <a:lnTo>
                  <a:pt x="1662684" y="908303"/>
                </a:lnTo>
                <a:close/>
              </a:path>
              <a:path w="4573905" h="908685">
                <a:moveTo>
                  <a:pt x="1589532" y="908303"/>
                </a:moveTo>
                <a:lnTo>
                  <a:pt x="1546860" y="908303"/>
                </a:lnTo>
                <a:lnTo>
                  <a:pt x="1546860" y="897635"/>
                </a:lnTo>
                <a:lnTo>
                  <a:pt x="1589532" y="897635"/>
                </a:lnTo>
                <a:lnTo>
                  <a:pt x="1589532" y="908303"/>
                </a:lnTo>
                <a:close/>
              </a:path>
              <a:path w="4573905" h="908685">
                <a:moveTo>
                  <a:pt x="1516380" y="908303"/>
                </a:moveTo>
                <a:lnTo>
                  <a:pt x="1473707" y="908303"/>
                </a:lnTo>
                <a:lnTo>
                  <a:pt x="1473707" y="897635"/>
                </a:lnTo>
                <a:lnTo>
                  <a:pt x="1516380" y="897635"/>
                </a:lnTo>
                <a:lnTo>
                  <a:pt x="1516380" y="908303"/>
                </a:lnTo>
                <a:close/>
              </a:path>
              <a:path w="4573905" h="908685">
                <a:moveTo>
                  <a:pt x="1443228" y="908303"/>
                </a:moveTo>
                <a:lnTo>
                  <a:pt x="1400556" y="908303"/>
                </a:lnTo>
                <a:lnTo>
                  <a:pt x="1400556" y="897635"/>
                </a:lnTo>
                <a:lnTo>
                  <a:pt x="1443228" y="897635"/>
                </a:lnTo>
                <a:lnTo>
                  <a:pt x="1443228" y="908303"/>
                </a:lnTo>
                <a:close/>
              </a:path>
              <a:path w="4573905" h="908685">
                <a:moveTo>
                  <a:pt x="1368552" y="908303"/>
                </a:moveTo>
                <a:lnTo>
                  <a:pt x="1327403" y="908303"/>
                </a:lnTo>
                <a:lnTo>
                  <a:pt x="1327403" y="897635"/>
                </a:lnTo>
                <a:lnTo>
                  <a:pt x="1368552" y="897635"/>
                </a:lnTo>
                <a:lnTo>
                  <a:pt x="1368552" y="908303"/>
                </a:lnTo>
                <a:close/>
              </a:path>
              <a:path w="4573905" h="908685">
                <a:moveTo>
                  <a:pt x="1295400" y="908303"/>
                </a:moveTo>
                <a:lnTo>
                  <a:pt x="1252727" y="908303"/>
                </a:lnTo>
                <a:lnTo>
                  <a:pt x="1252727" y="897635"/>
                </a:lnTo>
                <a:lnTo>
                  <a:pt x="1295400" y="897635"/>
                </a:lnTo>
                <a:lnTo>
                  <a:pt x="1295400" y="908303"/>
                </a:lnTo>
                <a:close/>
              </a:path>
              <a:path w="4573905" h="908685">
                <a:moveTo>
                  <a:pt x="1222248" y="908303"/>
                </a:moveTo>
                <a:lnTo>
                  <a:pt x="1179576" y="908303"/>
                </a:lnTo>
                <a:lnTo>
                  <a:pt x="1179576" y="897635"/>
                </a:lnTo>
                <a:lnTo>
                  <a:pt x="1222248" y="897635"/>
                </a:lnTo>
                <a:lnTo>
                  <a:pt x="1222248" y="908303"/>
                </a:lnTo>
                <a:close/>
              </a:path>
              <a:path w="4573905" h="908685">
                <a:moveTo>
                  <a:pt x="1149096" y="908303"/>
                </a:moveTo>
                <a:lnTo>
                  <a:pt x="1106423" y="908303"/>
                </a:lnTo>
                <a:lnTo>
                  <a:pt x="1106423" y="897635"/>
                </a:lnTo>
                <a:lnTo>
                  <a:pt x="1149096" y="897635"/>
                </a:lnTo>
                <a:lnTo>
                  <a:pt x="1149096" y="908303"/>
                </a:lnTo>
                <a:close/>
              </a:path>
              <a:path w="4573905" h="908685">
                <a:moveTo>
                  <a:pt x="1074419" y="908303"/>
                </a:moveTo>
                <a:lnTo>
                  <a:pt x="1033272" y="908303"/>
                </a:lnTo>
                <a:lnTo>
                  <a:pt x="1033272" y="897635"/>
                </a:lnTo>
                <a:lnTo>
                  <a:pt x="1074419" y="897635"/>
                </a:lnTo>
                <a:lnTo>
                  <a:pt x="1074419" y="908303"/>
                </a:lnTo>
                <a:close/>
              </a:path>
              <a:path w="4573905" h="908685">
                <a:moveTo>
                  <a:pt x="1001268" y="908303"/>
                </a:moveTo>
                <a:lnTo>
                  <a:pt x="960119" y="908303"/>
                </a:lnTo>
                <a:lnTo>
                  <a:pt x="960119" y="897635"/>
                </a:lnTo>
                <a:lnTo>
                  <a:pt x="1001268" y="897635"/>
                </a:lnTo>
                <a:lnTo>
                  <a:pt x="1001268" y="908303"/>
                </a:lnTo>
                <a:close/>
              </a:path>
              <a:path w="4573905" h="908685">
                <a:moveTo>
                  <a:pt x="928115" y="908303"/>
                </a:moveTo>
                <a:lnTo>
                  <a:pt x="885444" y="908303"/>
                </a:lnTo>
                <a:lnTo>
                  <a:pt x="885444" y="897635"/>
                </a:lnTo>
                <a:lnTo>
                  <a:pt x="928115" y="897635"/>
                </a:lnTo>
                <a:lnTo>
                  <a:pt x="928115" y="908303"/>
                </a:lnTo>
                <a:close/>
              </a:path>
              <a:path w="4573905" h="908685">
                <a:moveTo>
                  <a:pt x="854964" y="908303"/>
                </a:moveTo>
                <a:lnTo>
                  <a:pt x="812292" y="908303"/>
                </a:lnTo>
                <a:lnTo>
                  <a:pt x="812292" y="897635"/>
                </a:lnTo>
                <a:lnTo>
                  <a:pt x="854964" y="897635"/>
                </a:lnTo>
                <a:lnTo>
                  <a:pt x="854964" y="908303"/>
                </a:lnTo>
                <a:close/>
              </a:path>
              <a:path w="4573905" h="908685">
                <a:moveTo>
                  <a:pt x="780288" y="908303"/>
                </a:moveTo>
                <a:lnTo>
                  <a:pt x="739140" y="908303"/>
                </a:lnTo>
                <a:lnTo>
                  <a:pt x="739140" y="897635"/>
                </a:lnTo>
                <a:lnTo>
                  <a:pt x="780288" y="897635"/>
                </a:lnTo>
                <a:lnTo>
                  <a:pt x="780288" y="908303"/>
                </a:lnTo>
                <a:close/>
              </a:path>
              <a:path w="4573905" h="908685">
                <a:moveTo>
                  <a:pt x="707136" y="908303"/>
                </a:moveTo>
                <a:lnTo>
                  <a:pt x="665988" y="908303"/>
                </a:lnTo>
                <a:lnTo>
                  <a:pt x="665988" y="897635"/>
                </a:lnTo>
                <a:lnTo>
                  <a:pt x="707136" y="897635"/>
                </a:lnTo>
                <a:lnTo>
                  <a:pt x="707136" y="908303"/>
                </a:lnTo>
                <a:close/>
              </a:path>
              <a:path w="4573905" h="908685">
                <a:moveTo>
                  <a:pt x="633983" y="908303"/>
                </a:moveTo>
                <a:lnTo>
                  <a:pt x="591312" y="908303"/>
                </a:lnTo>
                <a:lnTo>
                  <a:pt x="591312" y="897635"/>
                </a:lnTo>
                <a:lnTo>
                  <a:pt x="633983" y="897635"/>
                </a:lnTo>
                <a:lnTo>
                  <a:pt x="633983" y="908303"/>
                </a:lnTo>
                <a:close/>
              </a:path>
              <a:path w="4573905" h="908685">
                <a:moveTo>
                  <a:pt x="560831" y="908303"/>
                </a:moveTo>
                <a:lnTo>
                  <a:pt x="518160" y="908303"/>
                </a:lnTo>
                <a:lnTo>
                  <a:pt x="518160" y="897635"/>
                </a:lnTo>
                <a:lnTo>
                  <a:pt x="560831" y="897635"/>
                </a:lnTo>
                <a:lnTo>
                  <a:pt x="560831" y="908303"/>
                </a:lnTo>
                <a:close/>
              </a:path>
              <a:path w="4573905" h="908685">
                <a:moveTo>
                  <a:pt x="486156" y="908303"/>
                </a:moveTo>
                <a:lnTo>
                  <a:pt x="445008" y="908303"/>
                </a:lnTo>
                <a:lnTo>
                  <a:pt x="445008" y="897635"/>
                </a:lnTo>
                <a:lnTo>
                  <a:pt x="486156" y="897635"/>
                </a:lnTo>
                <a:lnTo>
                  <a:pt x="486156" y="908303"/>
                </a:lnTo>
                <a:close/>
              </a:path>
              <a:path w="4573905" h="908685">
                <a:moveTo>
                  <a:pt x="413004" y="908303"/>
                </a:moveTo>
                <a:lnTo>
                  <a:pt x="371856" y="908303"/>
                </a:lnTo>
                <a:lnTo>
                  <a:pt x="371856" y="897635"/>
                </a:lnTo>
                <a:lnTo>
                  <a:pt x="413004" y="897635"/>
                </a:lnTo>
                <a:lnTo>
                  <a:pt x="413004" y="908303"/>
                </a:lnTo>
                <a:close/>
              </a:path>
              <a:path w="4573905" h="908685">
                <a:moveTo>
                  <a:pt x="339852" y="908303"/>
                </a:moveTo>
                <a:lnTo>
                  <a:pt x="297179" y="908303"/>
                </a:lnTo>
                <a:lnTo>
                  <a:pt x="297179" y="897635"/>
                </a:lnTo>
                <a:lnTo>
                  <a:pt x="339852" y="897635"/>
                </a:lnTo>
                <a:lnTo>
                  <a:pt x="339852" y="908303"/>
                </a:lnTo>
                <a:close/>
              </a:path>
              <a:path w="4573905" h="908685">
                <a:moveTo>
                  <a:pt x="266700" y="908303"/>
                </a:moveTo>
                <a:lnTo>
                  <a:pt x="224027" y="908303"/>
                </a:lnTo>
                <a:lnTo>
                  <a:pt x="224027" y="897635"/>
                </a:lnTo>
                <a:lnTo>
                  <a:pt x="266700" y="897635"/>
                </a:lnTo>
                <a:lnTo>
                  <a:pt x="266700" y="908303"/>
                </a:lnTo>
                <a:close/>
              </a:path>
              <a:path w="4573905" h="908685">
                <a:moveTo>
                  <a:pt x="192024" y="908303"/>
                </a:moveTo>
                <a:lnTo>
                  <a:pt x="150876" y="908303"/>
                </a:lnTo>
                <a:lnTo>
                  <a:pt x="150876" y="897635"/>
                </a:lnTo>
                <a:lnTo>
                  <a:pt x="192024" y="897635"/>
                </a:lnTo>
                <a:lnTo>
                  <a:pt x="192024" y="908303"/>
                </a:lnTo>
                <a:close/>
              </a:path>
              <a:path w="4573905" h="908685">
                <a:moveTo>
                  <a:pt x="118872" y="908303"/>
                </a:moveTo>
                <a:lnTo>
                  <a:pt x="77724" y="908303"/>
                </a:lnTo>
                <a:lnTo>
                  <a:pt x="77724" y="897635"/>
                </a:lnTo>
                <a:lnTo>
                  <a:pt x="118872" y="897635"/>
                </a:lnTo>
                <a:lnTo>
                  <a:pt x="118872" y="908303"/>
                </a:lnTo>
                <a:close/>
              </a:path>
            </a:pathLst>
          </a:custGeom>
          <a:solidFill>
            <a:srgbClr val="213F59"/>
          </a:solidFill>
        </p:spPr>
        <p:txBody>
          <a:bodyPr wrap="square" lIns="0" tIns="0" rIns="0" bIns="0" rtlCol="0"/>
          <a:lstStyle/>
          <a:p>
            <a:endParaRPr sz="1749"/>
          </a:p>
        </p:txBody>
      </p:sp>
      <p:sp>
        <p:nvSpPr>
          <p:cNvPr id="15" name="object 15"/>
          <p:cNvSpPr/>
          <p:nvPr/>
        </p:nvSpPr>
        <p:spPr>
          <a:xfrm>
            <a:off x="4690155" y="3744045"/>
            <a:ext cx="3846019" cy="451227"/>
          </a:xfrm>
          <a:custGeom>
            <a:avLst/>
            <a:gdLst/>
            <a:ahLst/>
            <a:cxnLst/>
            <a:rect l="l" t="t" r="r" b="b"/>
            <a:pathLst>
              <a:path w="4497705" h="527685">
                <a:moveTo>
                  <a:pt x="6095" y="521208"/>
                </a:moveTo>
                <a:lnTo>
                  <a:pt x="0" y="521208"/>
                </a:lnTo>
                <a:lnTo>
                  <a:pt x="0" y="480059"/>
                </a:lnTo>
                <a:lnTo>
                  <a:pt x="10667" y="480059"/>
                </a:lnTo>
                <a:lnTo>
                  <a:pt x="10667" y="516636"/>
                </a:lnTo>
                <a:lnTo>
                  <a:pt x="6095" y="516636"/>
                </a:lnTo>
                <a:lnTo>
                  <a:pt x="6095" y="521208"/>
                </a:lnTo>
                <a:close/>
              </a:path>
              <a:path w="4497705" h="527685">
                <a:moveTo>
                  <a:pt x="13716" y="527304"/>
                </a:moveTo>
                <a:lnTo>
                  <a:pt x="6095" y="527304"/>
                </a:lnTo>
                <a:lnTo>
                  <a:pt x="6095" y="516636"/>
                </a:lnTo>
                <a:lnTo>
                  <a:pt x="10667" y="516636"/>
                </a:lnTo>
                <a:lnTo>
                  <a:pt x="10667" y="521208"/>
                </a:lnTo>
                <a:lnTo>
                  <a:pt x="13716" y="521208"/>
                </a:lnTo>
                <a:lnTo>
                  <a:pt x="13716" y="527304"/>
                </a:lnTo>
                <a:close/>
              </a:path>
              <a:path w="4497705" h="527685">
                <a:moveTo>
                  <a:pt x="13716" y="521208"/>
                </a:moveTo>
                <a:lnTo>
                  <a:pt x="10667" y="521208"/>
                </a:lnTo>
                <a:lnTo>
                  <a:pt x="10667" y="516636"/>
                </a:lnTo>
                <a:lnTo>
                  <a:pt x="13716" y="516636"/>
                </a:lnTo>
                <a:lnTo>
                  <a:pt x="13716" y="521208"/>
                </a:lnTo>
                <a:close/>
              </a:path>
              <a:path w="4497705" h="527685">
                <a:moveTo>
                  <a:pt x="10667" y="448056"/>
                </a:moveTo>
                <a:lnTo>
                  <a:pt x="0" y="448056"/>
                </a:lnTo>
                <a:lnTo>
                  <a:pt x="0" y="405383"/>
                </a:lnTo>
                <a:lnTo>
                  <a:pt x="10667" y="405383"/>
                </a:lnTo>
                <a:lnTo>
                  <a:pt x="10667" y="448056"/>
                </a:lnTo>
                <a:close/>
              </a:path>
              <a:path w="4497705" h="527685">
                <a:moveTo>
                  <a:pt x="10667" y="374904"/>
                </a:moveTo>
                <a:lnTo>
                  <a:pt x="0" y="374904"/>
                </a:lnTo>
                <a:lnTo>
                  <a:pt x="0" y="332232"/>
                </a:lnTo>
                <a:lnTo>
                  <a:pt x="10667" y="332232"/>
                </a:lnTo>
                <a:lnTo>
                  <a:pt x="10667" y="374904"/>
                </a:lnTo>
                <a:close/>
              </a:path>
              <a:path w="4497705" h="527685">
                <a:moveTo>
                  <a:pt x="10667" y="300228"/>
                </a:moveTo>
                <a:lnTo>
                  <a:pt x="0" y="300228"/>
                </a:lnTo>
                <a:lnTo>
                  <a:pt x="0" y="259080"/>
                </a:lnTo>
                <a:lnTo>
                  <a:pt x="10667" y="259080"/>
                </a:lnTo>
                <a:lnTo>
                  <a:pt x="10667" y="300228"/>
                </a:lnTo>
                <a:close/>
              </a:path>
              <a:path w="4497705" h="527685">
                <a:moveTo>
                  <a:pt x="10667" y="227075"/>
                </a:moveTo>
                <a:lnTo>
                  <a:pt x="0" y="227075"/>
                </a:lnTo>
                <a:lnTo>
                  <a:pt x="0" y="185928"/>
                </a:lnTo>
                <a:lnTo>
                  <a:pt x="10667" y="185928"/>
                </a:lnTo>
                <a:lnTo>
                  <a:pt x="10667" y="227075"/>
                </a:lnTo>
                <a:close/>
              </a:path>
              <a:path w="4497705" h="527685">
                <a:moveTo>
                  <a:pt x="10667" y="153924"/>
                </a:moveTo>
                <a:lnTo>
                  <a:pt x="0" y="153924"/>
                </a:lnTo>
                <a:lnTo>
                  <a:pt x="0" y="111251"/>
                </a:lnTo>
                <a:lnTo>
                  <a:pt x="10667" y="111251"/>
                </a:lnTo>
                <a:lnTo>
                  <a:pt x="10667" y="153924"/>
                </a:lnTo>
                <a:close/>
              </a:path>
              <a:path w="4497705" h="527685">
                <a:moveTo>
                  <a:pt x="10667" y="80772"/>
                </a:moveTo>
                <a:lnTo>
                  <a:pt x="0" y="80772"/>
                </a:lnTo>
                <a:lnTo>
                  <a:pt x="0" y="38100"/>
                </a:lnTo>
                <a:lnTo>
                  <a:pt x="10667" y="38100"/>
                </a:lnTo>
                <a:lnTo>
                  <a:pt x="10667" y="80772"/>
                </a:lnTo>
                <a:close/>
              </a:path>
              <a:path w="4497705" h="527685">
                <a:moveTo>
                  <a:pt x="47243" y="10667"/>
                </a:moveTo>
                <a:lnTo>
                  <a:pt x="6095" y="10667"/>
                </a:lnTo>
                <a:lnTo>
                  <a:pt x="10667" y="6096"/>
                </a:lnTo>
                <a:lnTo>
                  <a:pt x="0" y="6096"/>
                </a:lnTo>
                <a:lnTo>
                  <a:pt x="0" y="3048"/>
                </a:lnTo>
                <a:lnTo>
                  <a:pt x="3047" y="0"/>
                </a:lnTo>
                <a:lnTo>
                  <a:pt x="47243" y="0"/>
                </a:lnTo>
                <a:lnTo>
                  <a:pt x="47243" y="10667"/>
                </a:lnTo>
                <a:close/>
              </a:path>
              <a:path w="4497705" h="527685">
                <a:moveTo>
                  <a:pt x="120395" y="10667"/>
                </a:moveTo>
                <a:lnTo>
                  <a:pt x="77723" y="10667"/>
                </a:lnTo>
                <a:lnTo>
                  <a:pt x="77723" y="0"/>
                </a:lnTo>
                <a:lnTo>
                  <a:pt x="120395" y="0"/>
                </a:lnTo>
                <a:lnTo>
                  <a:pt x="120395" y="10667"/>
                </a:lnTo>
                <a:close/>
              </a:path>
              <a:path w="4497705" h="527685">
                <a:moveTo>
                  <a:pt x="193547" y="10667"/>
                </a:moveTo>
                <a:lnTo>
                  <a:pt x="152400" y="10667"/>
                </a:lnTo>
                <a:lnTo>
                  <a:pt x="152400" y="0"/>
                </a:lnTo>
                <a:lnTo>
                  <a:pt x="193547" y="0"/>
                </a:lnTo>
                <a:lnTo>
                  <a:pt x="193547" y="10667"/>
                </a:lnTo>
                <a:close/>
              </a:path>
              <a:path w="4497705" h="527685">
                <a:moveTo>
                  <a:pt x="266700" y="10667"/>
                </a:moveTo>
                <a:lnTo>
                  <a:pt x="225551" y="10667"/>
                </a:lnTo>
                <a:lnTo>
                  <a:pt x="225551" y="0"/>
                </a:lnTo>
                <a:lnTo>
                  <a:pt x="266700" y="0"/>
                </a:lnTo>
                <a:lnTo>
                  <a:pt x="266700" y="10667"/>
                </a:lnTo>
                <a:close/>
              </a:path>
              <a:path w="4497705" h="527685">
                <a:moveTo>
                  <a:pt x="341375" y="10667"/>
                </a:moveTo>
                <a:lnTo>
                  <a:pt x="298703" y="10667"/>
                </a:lnTo>
                <a:lnTo>
                  <a:pt x="298703" y="0"/>
                </a:lnTo>
                <a:lnTo>
                  <a:pt x="341375" y="0"/>
                </a:lnTo>
                <a:lnTo>
                  <a:pt x="341375" y="10667"/>
                </a:lnTo>
                <a:close/>
              </a:path>
              <a:path w="4497705" h="527685">
                <a:moveTo>
                  <a:pt x="414527" y="10667"/>
                </a:moveTo>
                <a:lnTo>
                  <a:pt x="371855" y="10667"/>
                </a:lnTo>
                <a:lnTo>
                  <a:pt x="371855" y="0"/>
                </a:lnTo>
                <a:lnTo>
                  <a:pt x="414527" y="0"/>
                </a:lnTo>
                <a:lnTo>
                  <a:pt x="414527" y="10667"/>
                </a:lnTo>
                <a:close/>
              </a:path>
              <a:path w="4497705" h="527685">
                <a:moveTo>
                  <a:pt x="487679" y="10667"/>
                </a:moveTo>
                <a:lnTo>
                  <a:pt x="446531" y="10667"/>
                </a:lnTo>
                <a:lnTo>
                  <a:pt x="446531" y="0"/>
                </a:lnTo>
                <a:lnTo>
                  <a:pt x="487679" y="0"/>
                </a:lnTo>
                <a:lnTo>
                  <a:pt x="487679" y="10667"/>
                </a:lnTo>
                <a:close/>
              </a:path>
              <a:path w="4497705" h="527685">
                <a:moveTo>
                  <a:pt x="560831" y="10667"/>
                </a:moveTo>
                <a:lnTo>
                  <a:pt x="519683" y="10667"/>
                </a:lnTo>
                <a:lnTo>
                  <a:pt x="519683" y="0"/>
                </a:lnTo>
                <a:lnTo>
                  <a:pt x="560831" y="0"/>
                </a:lnTo>
                <a:lnTo>
                  <a:pt x="560831" y="10667"/>
                </a:lnTo>
                <a:close/>
              </a:path>
              <a:path w="4497705" h="527685">
                <a:moveTo>
                  <a:pt x="635507" y="10667"/>
                </a:moveTo>
                <a:lnTo>
                  <a:pt x="592835" y="10667"/>
                </a:lnTo>
                <a:lnTo>
                  <a:pt x="592835" y="0"/>
                </a:lnTo>
                <a:lnTo>
                  <a:pt x="635507" y="0"/>
                </a:lnTo>
                <a:lnTo>
                  <a:pt x="635507" y="10667"/>
                </a:lnTo>
                <a:close/>
              </a:path>
              <a:path w="4497705" h="527685">
                <a:moveTo>
                  <a:pt x="708659" y="10667"/>
                </a:moveTo>
                <a:lnTo>
                  <a:pt x="665987" y="10667"/>
                </a:lnTo>
                <a:lnTo>
                  <a:pt x="665987" y="0"/>
                </a:lnTo>
                <a:lnTo>
                  <a:pt x="708659" y="0"/>
                </a:lnTo>
                <a:lnTo>
                  <a:pt x="708659" y="10667"/>
                </a:lnTo>
                <a:close/>
              </a:path>
              <a:path w="4497705" h="527685">
                <a:moveTo>
                  <a:pt x="781811" y="10667"/>
                </a:moveTo>
                <a:lnTo>
                  <a:pt x="739139" y="10667"/>
                </a:lnTo>
                <a:lnTo>
                  <a:pt x="739139" y="0"/>
                </a:lnTo>
                <a:lnTo>
                  <a:pt x="781811" y="0"/>
                </a:lnTo>
                <a:lnTo>
                  <a:pt x="781811" y="10667"/>
                </a:lnTo>
                <a:close/>
              </a:path>
              <a:path w="4497705" h="527685">
                <a:moveTo>
                  <a:pt x="854963" y="10667"/>
                </a:moveTo>
                <a:lnTo>
                  <a:pt x="813816" y="10667"/>
                </a:lnTo>
                <a:lnTo>
                  <a:pt x="813816" y="0"/>
                </a:lnTo>
                <a:lnTo>
                  <a:pt x="854963" y="0"/>
                </a:lnTo>
                <a:lnTo>
                  <a:pt x="854963" y="10667"/>
                </a:lnTo>
                <a:close/>
              </a:path>
              <a:path w="4497705" h="527685">
                <a:moveTo>
                  <a:pt x="929639" y="10667"/>
                </a:moveTo>
                <a:lnTo>
                  <a:pt x="886967" y="10667"/>
                </a:lnTo>
                <a:lnTo>
                  <a:pt x="886967" y="0"/>
                </a:lnTo>
                <a:lnTo>
                  <a:pt x="929639" y="0"/>
                </a:lnTo>
                <a:lnTo>
                  <a:pt x="929639" y="10667"/>
                </a:lnTo>
                <a:close/>
              </a:path>
              <a:path w="4497705" h="527685">
                <a:moveTo>
                  <a:pt x="1002791" y="10667"/>
                </a:moveTo>
                <a:lnTo>
                  <a:pt x="960119" y="10667"/>
                </a:lnTo>
                <a:lnTo>
                  <a:pt x="960119" y="0"/>
                </a:lnTo>
                <a:lnTo>
                  <a:pt x="1002791" y="0"/>
                </a:lnTo>
                <a:lnTo>
                  <a:pt x="1002791" y="10667"/>
                </a:lnTo>
                <a:close/>
              </a:path>
              <a:path w="4497705" h="527685">
                <a:moveTo>
                  <a:pt x="1075943" y="10667"/>
                </a:moveTo>
                <a:lnTo>
                  <a:pt x="1033271" y="10667"/>
                </a:lnTo>
                <a:lnTo>
                  <a:pt x="1033271" y="0"/>
                </a:lnTo>
                <a:lnTo>
                  <a:pt x="1075943" y="0"/>
                </a:lnTo>
                <a:lnTo>
                  <a:pt x="1075943" y="10667"/>
                </a:lnTo>
                <a:close/>
              </a:path>
              <a:path w="4497705" h="527685">
                <a:moveTo>
                  <a:pt x="1149095" y="10667"/>
                </a:moveTo>
                <a:lnTo>
                  <a:pt x="1107947" y="10667"/>
                </a:lnTo>
                <a:lnTo>
                  <a:pt x="1107947" y="0"/>
                </a:lnTo>
                <a:lnTo>
                  <a:pt x="1149095" y="0"/>
                </a:lnTo>
                <a:lnTo>
                  <a:pt x="1149095" y="10667"/>
                </a:lnTo>
                <a:close/>
              </a:path>
              <a:path w="4497705" h="527685">
                <a:moveTo>
                  <a:pt x="1222247" y="10667"/>
                </a:moveTo>
                <a:lnTo>
                  <a:pt x="1181100" y="10667"/>
                </a:lnTo>
                <a:lnTo>
                  <a:pt x="1181100" y="0"/>
                </a:lnTo>
                <a:lnTo>
                  <a:pt x="1222247" y="0"/>
                </a:lnTo>
                <a:lnTo>
                  <a:pt x="1222247" y="10667"/>
                </a:lnTo>
                <a:close/>
              </a:path>
              <a:path w="4497705" h="527685">
                <a:moveTo>
                  <a:pt x="1296923" y="10667"/>
                </a:moveTo>
                <a:lnTo>
                  <a:pt x="1254251" y="10667"/>
                </a:lnTo>
                <a:lnTo>
                  <a:pt x="1254251" y="0"/>
                </a:lnTo>
                <a:lnTo>
                  <a:pt x="1296923" y="0"/>
                </a:lnTo>
                <a:lnTo>
                  <a:pt x="1296923" y="10667"/>
                </a:lnTo>
                <a:close/>
              </a:path>
              <a:path w="4497705" h="527685">
                <a:moveTo>
                  <a:pt x="1370075" y="10667"/>
                </a:moveTo>
                <a:lnTo>
                  <a:pt x="1327403" y="10667"/>
                </a:lnTo>
                <a:lnTo>
                  <a:pt x="1327403" y="0"/>
                </a:lnTo>
                <a:lnTo>
                  <a:pt x="1370075" y="0"/>
                </a:lnTo>
                <a:lnTo>
                  <a:pt x="1370075" y="10667"/>
                </a:lnTo>
                <a:close/>
              </a:path>
              <a:path w="4497705" h="527685">
                <a:moveTo>
                  <a:pt x="1443227" y="10667"/>
                </a:moveTo>
                <a:lnTo>
                  <a:pt x="1402079" y="10667"/>
                </a:lnTo>
                <a:lnTo>
                  <a:pt x="1402079" y="0"/>
                </a:lnTo>
                <a:lnTo>
                  <a:pt x="1443227" y="0"/>
                </a:lnTo>
                <a:lnTo>
                  <a:pt x="1443227" y="10667"/>
                </a:lnTo>
                <a:close/>
              </a:path>
              <a:path w="4497705" h="527685">
                <a:moveTo>
                  <a:pt x="1516379" y="10667"/>
                </a:moveTo>
                <a:lnTo>
                  <a:pt x="1475231" y="10667"/>
                </a:lnTo>
                <a:lnTo>
                  <a:pt x="1475231" y="0"/>
                </a:lnTo>
                <a:lnTo>
                  <a:pt x="1516379" y="0"/>
                </a:lnTo>
                <a:lnTo>
                  <a:pt x="1516379" y="10667"/>
                </a:lnTo>
                <a:close/>
              </a:path>
              <a:path w="4497705" h="527685">
                <a:moveTo>
                  <a:pt x="1591055" y="10667"/>
                </a:moveTo>
                <a:lnTo>
                  <a:pt x="1548384" y="10667"/>
                </a:lnTo>
                <a:lnTo>
                  <a:pt x="1548384" y="0"/>
                </a:lnTo>
                <a:lnTo>
                  <a:pt x="1591055" y="0"/>
                </a:lnTo>
                <a:lnTo>
                  <a:pt x="1591055" y="10667"/>
                </a:lnTo>
                <a:close/>
              </a:path>
              <a:path w="4497705" h="527685">
                <a:moveTo>
                  <a:pt x="1664207" y="10667"/>
                </a:moveTo>
                <a:lnTo>
                  <a:pt x="1621535" y="10667"/>
                </a:lnTo>
                <a:lnTo>
                  <a:pt x="1621535" y="0"/>
                </a:lnTo>
                <a:lnTo>
                  <a:pt x="1664207" y="0"/>
                </a:lnTo>
                <a:lnTo>
                  <a:pt x="1664207" y="10667"/>
                </a:lnTo>
                <a:close/>
              </a:path>
              <a:path w="4497705" h="527685">
                <a:moveTo>
                  <a:pt x="1737359" y="10667"/>
                </a:moveTo>
                <a:lnTo>
                  <a:pt x="1696211" y="10667"/>
                </a:lnTo>
                <a:lnTo>
                  <a:pt x="1696211" y="0"/>
                </a:lnTo>
                <a:lnTo>
                  <a:pt x="1737359" y="0"/>
                </a:lnTo>
                <a:lnTo>
                  <a:pt x="1737359" y="10667"/>
                </a:lnTo>
                <a:close/>
              </a:path>
              <a:path w="4497705" h="527685">
                <a:moveTo>
                  <a:pt x="1810511" y="10667"/>
                </a:moveTo>
                <a:lnTo>
                  <a:pt x="1769363" y="10667"/>
                </a:lnTo>
                <a:lnTo>
                  <a:pt x="1769363" y="0"/>
                </a:lnTo>
                <a:lnTo>
                  <a:pt x="1810511" y="0"/>
                </a:lnTo>
                <a:lnTo>
                  <a:pt x="1810511" y="10667"/>
                </a:lnTo>
                <a:close/>
              </a:path>
              <a:path w="4497705" h="527685">
                <a:moveTo>
                  <a:pt x="1885187" y="10667"/>
                </a:moveTo>
                <a:lnTo>
                  <a:pt x="1842516" y="10667"/>
                </a:lnTo>
                <a:lnTo>
                  <a:pt x="1842516" y="0"/>
                </a:lnTo>
                <a:lnTo>
                  <a:pt x="1885187" y="0"/>
                </a:lnTo>
                <a:lnTo>
                  <a:pt x="1885187" y="10667"/>
                </a:lnTo>
                <a:close/>
              </a:path>
              <a:path w="4497705" h="527685">
                <a:moveTo>
                  <a:pt x="1958339" y="10667"/>
                </a:moveTo>
                <a:lnTo>
                  <a:pt x="1915668" y="10667"/>
                </a:lnTo>
                <a:lnTo>
                  <a:pt x="1915668" y="0"/>
                </a:lnTo>
                <a:lnTo>
                  <a:pt x="1958339" y="0"/>
                </a:lnTo>
                <a:lnTo>
                  <a:pt x="1958339" y="10667"/>
                </a:lnTo>
                <a:close/>
              </a:path>
              <a:path w="4497705" h="527685">
                <a:moveTo>
                  <a:pt x="2031491" y="10667"/>
                </a:moveTo>
                <a:lnTo>
                  <a:pt x="1990343" y="10667"/>
                </a:lnTo>
                <a:lnTo>
                  <a:pt x="1990343" y="0"/>
                </a:lnTo>
                <a:lnTo>
                  <a:pt x="2031491" y="0"/>
                </a:lnTo>
                <a:lnTo>
                  <a:pt x="2031491" y="10667"/>
                </a:lnTo>
                <a:close/>
              </a:path>
              <a:path w="4497705" h="527685">
                <a:moveTo>
                  <a:pt x="2104643" y="10667"/>
                </a:moveTo>
                <a:lnTo>
                  <a:pt x="2063495" y="10667"/>
                </a:lnTo>
                <a:lnTo>
                  <a:pt x="2063495" y="0"/>
                </a:lnTo>
                <a:lnTo>
                  <a:pt x="2104643" y="0"/>
                </a:lnTo>
                <a:lnTo>
                  <a:pt x="2104643" y="10667"/>
                </a:lnTo>
                <a:close/>
              </a:path>
              <a:path w="4497705" h="527685">
                <a:moveTo>
                  <a:pt x="2179319" y="10667"/>
                </a:moveTo>
                <a:lnTo>
                  <a:pt x="2136647" y="10667"/>
                </a:lnTo>
                <a:lnTo>
                  <a:pt x="2136647" y="0"/>
                </a:lnTo>
                <a:lnTo>
                  <a:pt x="2179319" y="0"/>
                </a:lnTo>
                <a:lnTo>
                  <a:pt x="2179319" y="10667"/>
                </a:lnTo>
                <a:close/>
              </a:path>
              <a:path w="4497705" h="527685">
                <a:moveTo>
                  <a:pt x="2252471" y="10667"/>
                </a:moveTo>
                <a:lnTo>
                  <a:pt x="2209800" y="10667"/>
                </a:lnTo>
                <a:lnTo>
                  <a:pt x="2209800" y="0"/>
                </a:lnTo>
                <a:lnTo>
                  <a:pt x="2252471" y="0"/>
                </a:lnTo>
                <a:lnTo>
                  <a:pt x="2252471" y="10667"/>
                </a:lnTo>
                <a:close/>
              </a:path>
              <a:path w="4497705" h="527685">
                <a:moveTo>
                  <a:pt x="2325623" y="10667"/>
                </a:moveTo>
                <a:lnTo>
                  <a:pt x="2282952" y="10667"/>
                </a:lnTo>
                <a:lnTo>
                  <a:pt x="2282952" y="0"/>
                </a:lnTo>
                <a:lnTo>
                  <a:pt x="2325623" y="0"/>
                </a:lnTo>
                <a:lnTo>
                  <a:pt x="2325623" y="10667"/>
                </a:lnTo>
                <a:close/>
              </a:path>
              <a:path w="4497705" h="527685">
                <a:moveTo>
                  <a:pt x="2398775" y="10667"/>
                </a:moveTo>
                <a:lnTo>
                  <a:pt x="2357627" y="10667"/>
                </a:lnTo>
                <a:lnTo>
                  <a:pt x="2357627" y="0"/>
                </a:lnTo>
                <a:lnTo>
                  <a:pt x="2398775" y="0"/>
                </a:lnTo>
                <a:lnTo>
                  <a:pt x="2398775" y="10667"/>
                </a:lnTo>
                <a:close/>
              </a:path>
              <a:path w="4497705" h="527685">
                <a:moveTo>
                  <a:pt x="2471927" y="10667"/>
                </a:moveTo>
                <a:lnTo>
                  <a:pt x="2430779" y="10667"/>
                </a:lnTo>
                <a:lnTo>
                  <a:pt x="2430779" y="0"/>
                </a:lnTo>
                <a:lnTo>
                  <a:pt x="2471927" y="0"/>
                </a:lnTo>
                <a:lnTo>
                  <a:pt x="2471927" y="10667"/>
                </a:lnTo>
                <a:close/>
              </a:path>
              <a:path w="4497705" h="527685">
                <a:moveTo>
                  <a:pt x="2546603" y="10667"/>
                </a:moveTo>
                <a:lnTo>
                  <a:pt x="2503931" y="10667"/>
                </a:lnTo>
                <a:lnTo>
                  <a:pt x="2503931" y="0"/>
                </a:lnTo>
                <a:lnTo>
                  <a:pt x="2546603" y="0"/>
                </a:lnTo>
                <a:lnTo>
                  <a:pt x="2546603" y="10667"/>
                </a:lnTo>
                <a:close/>
              </a:path>
              <a:path w="4497705" h="527685">
                <a:moveTo>
                  <a:pt x="2619755" y="10667"/>
                </a:moveTo>
                <a:lnTo>
                  <a:pt x="2577084" y="10667"/>
                </a:lnTo>
                <a:lnTo>
                  <a:pt x="2577084" y="0"/>
                </a:lnTo>
                <a:lnTo>
                  <a:pt x="2619755" y="0"/>
                </a:lnTo>
                <a:lnTo>
                  <a:pt x="2619755" y="10667"/>
                </a:lnTo>
                <a:close/>
              </a:path>
              <a:path w="4497705" h="527685">
                <a:moveTo>
                  <a:pt x="2692907" y="10667"/>
                </a:moveTo>
                <a:lnTo>
                  <a:pt x="2651759" y="10667"/>
                </a:lnTo>
                <a:lnTo>
                  <a:pt x="2651759" y="0"/>
                </a:lnTo>
                <a:lnTo>
                  <a:pt x="2692907" y="0"/>
                </a:lnTo>
                <a:lnTo>
                  <a:pt x="2692907" y="10667"/>
                </a:lnTo>
                <a:close/>
              </a:path>
              <a:path w="4497705" h="527685">
                <a:moveTo>
                  <a:pt x="2766059" y="10667"/>
                </a:moveTo>
                <a:lnTo>
                  <a:pt x="2724911" y="10667"/>
                </a:lnTo>
                <a:lnTo>
                  <a:pt x="2724911" y="0"/>
                </a:lnTo>
                <a:lnTo>
                  <a:pt x="2766059" y="0"/>
                </a:lnTo>
                <a:lnTo>
                  <a:pt x="2766059" y="10667"/>
                </a:lnTo>
                <a:close/>
              </a:path>
              <a:path w="4497705" h="527685">
                <a:moveTo>
                  <a:pt x="2840735" y="10667"/>
                </a:moveTo>
                <a:lnTo>
                  <a:pt x="2798063" y="10667"/>
                </a:lnTo>
                <a:lnTo>
                  <a:pt x="2798063" y="0"/>
                </a:lnTo>
                <a:lnTo>
                  <a:pt x="2840735" y="0"/>
                </a:lnTo>
                <a:lnTo>
                  <a:pt x="2840735" y="10667"/>
                </a:lnTo>
                <a:close/>
              </a:path>
              <a:path w="4497705" h="527685">
                <a:moveTo>
                  <a:pt x="2913887" y="10667"/>
                </a:moveTo>
                <a:lnTo>
                  <a:pt x="2871216" y="10667"/>
                </a:lnTo>
                <a:lnTo>
                  <a:pt x="2871216" y="0"/>
                </a:lnTo>
                <a:lnTo>
                  <a:pt x="2913887" y="0"/>
                </a:lnTo>
                <a:lnTo>
                  <a:pt x="2913887" y="10667"/>
                </a:lnTo>
                <a:close/>
              </a:path>
              <a:path w="4497705" h="527685">
                <a:moveTo>
                  <a:pt x="2987039" y="10667"/>
                </a:moveTo>
                <a:lnTo>
                  <a:pt x="2945891" y="10667"/>
                </a:lnTo>
                <a:lnTo>
                  <a:pt x="2945891" y="0"/>
                </a:lnTo>
                <a:lnTo>
                  <a:pt x="2987039" y="0"/>
                </a:lnTo>
                <a:lnTo>
                  <a:pt x="2987039" y="10667"/>
                </a:lnTo>
                <a:close/>
              </a:path>
              <a:path w="4497705" h="527685">
                <a:moveTo>
                  <a:pt x="3060191" y="10667"/>
                </a:moveTo>
                <a:lnTo>
                  <a:pt x="3019043" y="10667"/>
                </a:lnTo>
                <a:lnTo>
                  <a:pt x="3019043" y="0"/>
                </a:lnTo>
                <a:lnTo>
                  <a:pt x="3060191" y="0"/>
                </a:lnTo>
                <a:lnTo>
                  <a:pt x="3060191" y="10667"/>
                </a:lnTo>
                <a:close/>
              </a:path>
              <a:path w="4497705" h="527685">
                <a:moveTo>
                  <a:pt x="3134868" y="10667"/>
                </a:moveTo>
                <a:lnTo>
                  <a:pt x="3092195" y="10667"/>
                </a:lnTo>
                <a:lnTo>
                  <a:pt x="3092195" y="0"/>
                </a:lnTo>
                <a:lnTo>
                  <a:pt x="3134868" y="0"/>
                </a:lnTo>
                <a:lnTo>
                  <a:pt x="3134868" y="10667"/>
                </a:lnTo>
                <a:close/>
              </a:path>
              <a:path w="4497705" h="527685">
                <a:moveTo>
                  <a:pt x="3208019" y="10667"/>
                </a:moveTo>
                <a:lnTo>
                  <a:pt x="3165347" y="10667"/>
                </a:lnTo>
                <a:lnTo>
                  <a:pt x="3165347" y="0"/>
                </a:lnTo>
                <a:lnTo>
                  <a:pt x="3208019" y="0"/>
                </a:lnTo>
                <a:lnTo>
                  <a:pt x="3208019" y="10667"/>
                </a:lnTo>
                <a:close/>
              </a:path>
              <a:path w="4497705" h="527685">
                <a:moveTo>
                  <a:pt x="3281171" y="10667"/>
                </a:moveTo>
                <a:lnTo>
                  <a:pt x="3240023" y="10667"/>
                </a:lnTo>
                <a:lnTo>
                  <a:pt x="3240023" y="0"/>
                </a:lnTo>
                <a:lnTo>
                  <a:pt x="3281171" y="0"/>
                </a:lnTo>
                <a:lnTo>
                  <a:pt x="3281171" y="10667"/>
                </a:lnTo>
                <a:close/>
              </a:path>
              <a:path w="4497705" h="527685">
                <a:moveTo>
                  <a:pt x="3354323" y="10667"/>
                </a:moveTo>
                <a:lnTo>
                  <a:pt x="3313175" y="10667"/>
                </a:lnTo>
                <a:lnTo>
                  <a:pt x="3313175" y="0"/>
                </a:lnTo>
                <a:lnTo>
                  <a:pt x="3354323" y="0"/>
                </a:lnTo>
                <a:lnTo>
                  <a:pt x="3354323" y="10667"/>
                </a:lnTo>
                <a:close/>
              </a:path>
              <a:path w="4497705" h="527685">
                <a:moveTo>
                  <a:pt x="3429000" y="10667"/>
                </a:moveTo>
                <a:lnTo>
                  <a:pt x="3386327" y="10667"/>
                </a:lnTo>
                <a:lnTo>
                  <a:pt x="3386327" y="0"/>
                </a:lnTo>
                <a:lnTo>
                  <a:pt x="3429000" y="0"/>
                </a:lnTo>
                <a:lnTo>
                  <a:pt x="3429000" y="10667"/>
                </a:lnTo>
                <a:close/>
              </a:path>
              <a:path w="4497705" h="527685">
                <a:moveTo>
                  <a:pt x="3502152" y="10667"/>
                </a:moveTo>
                <a:lnTo>
                  <a:pt x="3459479" y="10667"/>
                </a:lnTo>
                <a:lnTo>
                  <a:pt x="3459479" y="0"/>
                </a:lnTo>
                <a:lnTo>
                  <a:pt x="3502152" y="0"/>
                </a:lnTo>
                <a:lnTo>
                  <a:pt x="3502152" y="10667"/>
                </a:lnTo>
                <a:close/>
              </a:path>
              <a:path w="4497705" h="527685">
                <a:moveTo>
                  <a:pt x="3575303" y="10667"/>
                </a:moveTo>
                <a:lnTo>
                  <a:pt x="3532631" y="10667"/>
                </a:lnTo>
                <a:lnTo>
                  <a:pt x="3532631" y="0"/>
                </a:lnTo>
                <a:lnTo>
                  <a:pt x="3575303" y="0"/>
                </a:lnTo>
                <a:lnTo>
                  <a:pt x="3575303" y="10667"/>
                </a:lnTo>
                <a:close/>
              </a:path>
              <a:path w="4497705" h="527685">
                <a:moveTo>
                  <a:pt x="3648455" y="10667"/>
                </a:moveTo>
                <a:lnTo>
                  <a:pt x="3607307" y="10667"/>
                </a:lnTo>
                <a:lnTo>
                  <a:pt x="3607307" y="0"/>
                </a:lnTo>
                <a:lnTo>
                  <a:pt x="3648455" y="0"/>
                </a:lnTo>
                <a:lnTo>
                  <a:pt x="3648455" y="10667"/>
                </a:lnTo>
                <a:close/>
              </a:path>
              <a:path w="4497705" h="527685">
                <a:moveTo>
                  <a:pt x="3723131" y="10667"/>
                </a:moveTo>
                <a:lnTo>
                  <a:pt x="3680459" y="10667"/>
                </a:lnTo>
                <a:lnTo>
                  <a:pt x="3680459" y="0"/>
                </a:lnTo>
                <a:lnTo>
                  <a:pt x="3723131" y="0"/>
                </a:lnTo>
                <a:lnTo>
                  <a:pt x="3723131" y="10667"/>
                </a:lnTo>
                <a:close/>
              </a:path>
              <a:path w="4497705" h="527685">
                <a:moveTo>
                  <a:pt x="3796284" y="10667"/>
                </a:moveTo>
                <a:lnTo>
                  <a:pt x="3753611" y="10667"/>
                </a:lnTo>
                <a:lnTo>
                  <a:pt x="3753611" y="0"/>
                </a:lnTo>
                <a:lnTo>
                  <a:pt x="3796284" y="0"/>
                </a:lnTo>
                <a:lnTo>
                  <a:pt x="3796284" y="10667"/>
                </a:lnTo>
                <a:close/>
              </a:path>
              <a:path w="4497705" h="527685">
                <a:moveTo>
                  <a:pt x="3869436" y="10667"/>
                </a:moveTo>
                <a:lnTo>
                  <a:pt x="3826763" y="10667"/>
                </a:lnTo>
                <a:lnTo>
                  <a:pt x="3826763" y="0"/>
                </a:lnTo>
                <a:lnTo>
                  <a:pt x="3869436" y="0"/>
                </a:lnTo>
                <a:lnTo>
                  <a:pt x="3869436" y="10667"/>
                </a:lnTo>
                <a:close/>
              </a:path>
              <a:path w="4497705" h="527685">
                <a:moveTo>
                  <a:pt x="3942587" y="10667"/>
                </a:moveTo>
                <a:lnTo>
                  <a:pt x="3901439" y="10667"/>
                </a:lnTo>
                <a:lnTo>
                  <a:pt x="3901439" y="0"/>
                </a:lnTo>
                <a:lnTo>
                  <a:pt x="3942587" y="0"/>
                </a:lnTo>
                <a:lnTo>
                  <a:pt x="3942587" y="10667"/>
                </a:lnTo>
                <a:close/>
              </a:path>
              <a:path w="4497705" h="527685">
                <a:moveTo>
                  <a:pt x="4015739" y="10667"/>
                </a:moveTo>
                <a:lnTo>
                  <a:pt x="3974591" y="10667"/>
                </a:lnTo>
                <a:lnTo>
                  <a:pt x="3974591" y="0"/>
                </a:lnTo>
                <a:lnTo>
                  <a:pt x="4015739" y="0"/>
                </a:lnTo>
                <a:lnTo>
                  <a:pt x="4015739" y="10667"/>
                </a:lnTo>
                <a:close/>
              </a:path>
              <a:path w="4497705" h="527685">
                <a:moveTo>
                  <a:pt x="4090416" y="10667"/>
                </a:moveTo>
                <a:lnTo>
                  <a:pt x="4047743" y="10667"/>
                </a:lnTo>
                <a:lnTo>
                  <a:pt x="4047743" y="0"/>
                </a:lnTo>
                <a:lnTo>
                  <a:pt x="4090416" y="0"/>
                </a:lnTo>
                <a:lnTo>
                  <a:pt x="4090416" y="10667"/>
                </a:lnTo>
                <a:close/>
              </a:path>
              <a:path w="4497705" h="527685">
                <a:moveTo>
                  <a:pt x="4163568" y="10667"/>
                </a:moveTo>
                <a:lnTo>
                  <a:pt x="4120895" y="10667"/>
                </a:lnTo>
                <a:lnTo>
                  <a:pt x="4120895" y="0"/>
                </a:lnTo>
                <a:lnTo>
                  <a:pt x="4163568" y="0"/>
                </a:lnTo>
                <a:lnTo>
                  <a:pt x="4163568" y="10667"/>
                </a:lnTo>
                <a:close/>
              </a:path>
              <a:path w="4497705" h="527685">
                <a:moveTo>
                  <a:pt x="4236720" y="10667"/>
                </a:moveTo>
                <a:lnTo>
                  <a:pt x="4195571" y="10667"/>
                </a:lnTo>
                <a:lnTo>
                  <a:pt x="4195571" y="0"/>
                </a:lnTo>
                <a:lnTo>
                  <a:pt x="4236720" y="0"/>
                </a:lnTo>
                <a:lnTo>
                  <a:pt x="4236720" y="10667"/>
                </a:lnTo>
                <a:close/>
              </a:path>
              <a:path w="4497705" h="527685">
                <a:moveTo>
                  <a:pt x="4309871" y="10667"/>
                </a:moveTo>
                <a:lnTo>
                  <a:pt x="4268723" y="10667"/>
                </a:lnTo>
                <a:lnTo>
                  <a:pt x="4268723" y="0"/>
                </a:lnTo>
                <a:lnTo>
                  <a:pt x="4309871" y="0"/>
                </a:lnTo>
                <a:lnTo>
                  <a:pt x="4309871" y="10667"/>
                </a:lnTo>
                <a:close/>
              </a:path>
              <a:path w="4497705" h="527685">
                <a:moveTo>
                  <a:pt x="4384548" y="10667"/>
                </a:moveTo>
                <a:lnTo>
                  <a:pt x="4341876" y="10667"/>
                </a:lnTo>
                <a:lnTo>
                  <a:pt x="4341876" y="0"/>
                </a:lnTo>
                <a:lnTo>
                  <a:pt x="4384548" y="0"/>
                </a:lnTo>
                <a:lnTo>
                  <a:pt x="4384548" y="10667"/>
                </a:lnTo>
                <a:close/>
              </a:path>
              <a:path w="4497705" h="527685">
                <a:moveTo>
                  <a:pt x="4457699" y="10667"/>
                </a:moveTo>
                <a:lnTo>
                  <a:pt x="4415027" y="10667"/>
                </a:lnTo>
                <a:lnTo>
                  <a:pt x="4415027" y="0"/>
                </a:lnTo>
                <a:lnTo>
                  <a:pt x="4457699" y="0"/>
                </a:lnTo>
                <a:lnTo>
                  <a:pt x="4457699" y="10667"/>
                </a:lnTo>
                <a:close/>
              </a:path>
              <a:path w="4497705" h="527685">
                <a:moveTo>
                  <a:pt x="4497323" y="10667"/>
                </a:moveTo>
                <a:lnTo>
                  <a:pt x="4492752" y="10667"/>
                </a:lnTo>
                <a:lnTo>
                  <a:pt x="4489703" y="7619"/>
                </a:lnTo>
                <a:lnTo>
                  <a:pt x="4489703" y="0"/>
                </a:lnTo>
                <a:lnTo>
                  <a:pt x="4495799" y="0"/>
                </a:lnTo>
                <a:lnTo>
                  <a:pt x="4497323" y="3048"/>
                </a:lnTo>
                <a:lnTo>
                  <a:pt x="4497323" y="10667"/>
                </a:lnTo>
                <a:close/>
              </a:path>
              <a:path w="4497705" h="527685">
                <a:moveTo>
                  <a:pt x="4497323" y="44196"/>
                </a:moveTo>
                <a:lnTo>
                  <a:pt x="4488180" y="44196"/>
                </a:lnTo>
                <a:lnTo>
                  <a:pt x="4488180" y="6096"/>
                </a:lnTo>
                <a:lnTo>
                  <a:pt x="4489703" y="7619"/>
                </a:lnTo>
                <a:lnTo>
                  <a:pt x="4489703" y="10667"/>
                </a:lnTo>
                <a:lnTo>
                  <a:pt x="4497323" y="10667"/>
                </a:lnTo>
                <a:lnTo>
                  <a:pt x="4497323" y="44196"/>
                </a:lnTo>
                <a:close/>
              </a:path>
              <a:path w="4497705" h="527685">
                <a:moveTo>
                  <a:pt x="4492752" y="10667"/>
                </a:moveTo>
                <a:lnTo>
                  <a:pt x="4489703" y="10667"/>
                </a:lnTo>
                <a:lnTo>
                  <a:pt x="4489703" y="7619"/>
                </a:lnTo>
                <a:lnTo>
                  <a:pt x="4492752" y="10667"/>
                </a:lnTo>
                <a:close/>
              </a:path>
              <a:path w="4497705" h="527685">
                <a:moveTo>
                  <a:pt x="4497323" y="117348"/>
                </a:moveTo>
                <a:lnTo>
                  <a:pt x="4488180" y="117348"/>
                </a:lnTo>
                <a:lnTo>
                  <a:pt x="4488180" y="76200"/>
                </a:lnTo>
                <a:lnTo>
                  <a:pt x="4497323" y="76200"/>
                </a:lnTo>
                <a:lnTo>
                  <a:pt x="4497323" y="117348"/>
                </a:lnTo>
                <a:close/>
              </a:path>
              <a:path w="4497705" h="527685">
                <a:moveTo>
                  <a:pt x="4497323" y="190500"/>
                </a:moveTo>
                <a:lnTo>
                  <a:pt x="4488180" y="190500"/>
                </a:lnTo>
                <a:lnTo>
                  <a:pt x="4488180" y="149351"/>
                </a:lnTo>
                <a:lnTo>
                  <a:pt x="4497323" y="149351"/>
                </a:lnTo>
                <a:lnTo>
                  <a:pt x="4497323" y="190500"/>
                </a:lnTo>
                <a:close/>
              </a:path>
              <a:path w="4497705" h="527685">
                <a:moveTo>
                  <a:pt x="4497323" y="265175"/>
                </a:moveTo>
                <a:lnTo>
                  <a:pt x="4488180" y="265175"/>
                </a:lnTo>
                <a:lnTo>
                  <a:pt x="4488180" y="222504"/>
                </a:lnTo>
                <a:lnTo>
                  <a:pt x="4497323" y="222504"/>
                </a:lnTo>
                <a:lnTo>
                  <a:pt x="4497323" y="265175"/>
                </a:lnTo>
                <a:close/>
              </a:path>
              <a:path w="4497705" h="527685">
                <a:moveTo>
                  <a:pt x="4497323" y="338328"/>
                </a:moveTo>
                <a:lnTo>
                  <a:pt x="4488180" y="338328"/>
                </a:lnTo>
                <a:lnTo>
                  <a:pt x="4488180" y="295656"/>
                </a:lnTo>
                <a:lnTo>
                  <a:pt x="4497323" y="295656"/>
                </a:lnTo>
                <a:lnTo>
                  <a:pt x="4497323" y="338328"/>
                </a:lnTo>
                <a:close/>
              </a:path>
              <a:path w="4497705" h="527685">
                <a:moveTo>
                  <a:pt x="4497323" y="411480"/>
                </a:moveTo>
                <a:lnTo>
                  <a:pt x="4488180" y="411480"/>
                </a:lnTo>
                <a:lnTo>
                  <a:pt x="4488180" y="370332"/>
                </a:lnTo>
                <a:lnTo>
                  <a:pt x="4497323" y="370332"/>
                </a:lnTo>
                <a:lnTo>
                  <a:pt x="4497323" y="411480"/>
                </a:lnTo>
                <a:close/>
              </a:path>
              <a:path w="4497705" h="527685">
                <a:moveTo>
                  <a:pt x="4497323" y="484632"/>
                </a:moveTo>
                <a:lnTo>
                  <a:pt x="4488180" y="484632"/>
                </a:lnTo>
                <a:lnTo>
                  <a:pt x="4488180" y="443483"/>
                </a:lnTo>
                <a:lnTo>
                  <a:pt x="4497323" y="443483"/>
                </a:lnTo>
                <a:lnTo>
                  <a:pt x="4497323" y="484632"/>
                </a:lnTo>
                <a:close/>
              </a:path>
              <a:path w="4497705" h="527685">
                <a:moveTo>
                  <a:pt x="4495799" y="527304"/>
                </a:moveTo>
                <a:lnTo>
                  <a:pt x="4456176" y="527304"/>
                </a:lnTo>
                <a:lnTo>
                  <a:pt x="4456176" y="516636"/>
                </a:lnTo>
                <a:lnTo>
                  <a:pt x="4488180" y="516636"/>
                </a:lnTo>
                <a:lnTo>
                  <a:pt x="4488180" y="521208"/>
                </a:lnTo>
                <a:lnTo>
                  <a:pt x="4497323" y="521208"/>
                </a:lnTo>
                <a:lnTo>
                  <a:pt x="4497323" y="524256"/>
                </a:lnTo>
                <a:lnTo>
                  <a:pt x="4495799" y="527304"/>
                </a:lnTo>
                <a:close/>
              </a:path>
              <a:path w="4497705" h="527685">
                <a:moveTo>
                  <a:pt x="4488180" y="521208"/>
                </a:moveTo>
                <a:lnTo>
                  <a:pt x="4488180" y="516636"/>
                </a:lnTo>
                <a:lnTo>
                  <a:pt x="4492752" y="516636"/>
                </a:lnTo>
                <a:lnTo>
                  <a:pt x="4488180" y="521208"/>
                </a:lnTo>
                <a:close/>
              </a:path>
              <a:path w="4497705" h="527685">
                <a:moveTo>
                  <a:pt x="4497323" y="521208"/>
                </a:moveTo>
                <a:lnTo>
                  <a:pt x="4488180" y="521208"/>
                </a:lnTo>
                <a:lnTo>
                  <a:pt x="4492752" y="516636"/>
                </a:lnTo>
                <a:lnTo>
                  <a:pt x="4497323" y="516636"/>
                </a:lnTo>
                <a:lnTo>
                  <a:pt x="4497323" y="521208"/>
                </a:lnTo>
                <a:close/>
              </a:path>
              <a:path w="4497705" h="527685">
                <a:moveTo>
                  <a:pt x="4424171" y="527304"/>
                </a:moveTo>
                <a:lnTo>
                  <a:pt x="4381499" y="527304"/>
                </a:lnTo>
                <a:lnTo>
                  <a:pt x="4381499" y="516636"/>
                </a:lnTo>
                <a:lnTo>
                  <a:pt x="4424171" y="516636"/>
                </a:lnTo>
                <a:lnTo>
                  <a:pt x="4424171" y="527304"/>
                </a:lnTo>
                <a:close/>
              </a:path>
              <a:path w="4497705" h="527685">
                <a:moveTo>
                  <a:pt x="4351020" y="527304"/>
                </a:moveTo>
                <a:lnTo>
                  <a:pt x="4308348" y="527304"/>
                </a:lnTo>
                <a:lnTo>
                  <a:pt x="4308348" y="516636"/>
                </a:lnTo>
                <a:lnTo>
                  <a:pt x="4351020" y="516636"/>
                </a:lnTo>
                <a:lnTo>
                  <a:pt x="4351020" y="527304"/>
                </a:lnTo>
                <a:close/>
              </a:path>
              <a:path w="4497705" h="527685">
                <a:moveTo>
                  <a:pt x="4276344" y="527304"/>
                </a:moveTo>
                <a:lnTo>
                  <a:pt x="4235195" y="527304"/>
                </a:lnTo>
                <a:lnTo>
                  <a:pt x="4235195" y="516636"/>
                </a:lnTo>
                <a:lnTo>
                  <a:pt x="4276344" y="516636"/>
                </a:lnTo>
                <a:lnTo>
                  <a:pt x="4276344" y="527304"/>
                </a:lnTo>
                <a:close/>
              </a:path>
              <a:path w="4497705" h="527685">
                <a:moveTo>
                  <a:pt x="4203191" y="527304"/>
                </a:moveTo>
                <a:lnTo>
                  <a:pt x="4162043" y="527304"/>
                </a:lnTo>
                <a:lnTo>
                  <a:pt x="4162043" y="516636"/>
                </a:lnTo>
                <a:lnTo>
                  <a:pt x="4203191" y="516636"/>
                </a:lnTo>
                <a:lnTo>
                  <a:pt x="4203191" y="527304"/>
                </a:lnTo>
                <a:close/>
              </a:path>
              <a:path w="4497705" h="527685">
                <a:moveTo>
                  <a:pt x="4130039" y="527304"/>
                </a:moveTo>
                <a:lnTo>
                  <a:pt x="4087368" y="527304"/>
                </a:lnTo>
                <a:lnTo>
                  <a:pt x="4087368" y="516636"/>
                </a:lnTo>
                <a:lnTo>
                  <a:pt x="4130039" y="516636"/>
                </a:lnTo>
                <a:lnTo>
                  <a:pt x="4130039" y="527304"/>
                </a:lnTo>
                <a:close/>
              </a:path>
              <a:path w="4497705" h="527685">
                <a:moveTo>
                  <a:pt x="4056887" y="527304"/>
                </a:moveTo>
                <a:lnTo>
                  <a:pt x="4014216" y="527304"/>
                </a:lnTo>
                <a:lnTo>
                  <a:pt x="4014216" y="516636"/>
                </a:lnTo>
                <a:lnTo>
                  <a:pt x="4056887" y="516636"/>
                </a:lnTo>
                <a:lnTo>
                  <a:pt x="4056887" y="527304"/>
                </a:lnTo>
                <a:close/>
              </a:path>
              <a:path w="4497705" h="527685">
                <a:moveTo>
                  <a:pt x="3982211" y="527304"/>
                </a:moveTo>
                <a:lnTo>
                  <a:pt x="3941063" y="527304"/>
                </a:lnTo>
                <a:lnTo>
                  <a:pt x="3941063" y="516636"/>
                </a:lnTo>
                <a:lnTo>
                  <a:pt x="3982211" y="516636"/>
                </a:lnTo>
                <a:lnTo>
                  <a:pt x="3982211" y="527304"/>
                </a:lnTo>
                <a:close/>
              </a:path>
              <a:path w="4497705" h="527685">
                <a:moveTo>
                  <a:pt x="3909059" y="527304"/>
                </a:moveTo>
                <a:lnTo>
                  <a:pt x="3867911" y="527304"/>
                </a:lnTo>
                <a:lnTo>
                  <a:pt x="3867911" y="516636"/>
                </a:lnTo>
                <a:lnTo>
                  <a:pt x="3909059" y="516636"/>
                </a:lnTo>
                <a:lnTo>
                  <a:pt x="3909059" y="527304"/>
                </a:lnTo>
                <a:close/>
              </a:path>
              <a:path w="4497705" h="527685">
                <a:moveTo>
                  <a:pt x="3835907" y="527304"/>
                </a:moveTo>
                <a:lnTo>
                  <a:pt x="3793236" y="527304"/>
                </a:lnTo>
                <a:lnTo>
                  <a:pt x="3793236" y="516636"/>
                </a:lnTo>
                <a:lnTo>
                  <a:pt x="3835907" y="516636"/>
                </a:lnTo>
                <a:lnTo>
                  <a:pt x="3835907" y="527304"/>
                </a:lnTo>
                <a:close/>
              </a:path>
              <a:path w="4497705" h="527685">
                <a:moveTo>
                  <a:pt x="3762755" y="527304"/>
                </a:moveTo>
                <a:lnTo>
                  <a:pt x="3720084" y="527304"/>
                </a:lnTo>
                <a:lnTo>
                  <a:pt x="3720084" y="516636"/>
                </a:lnTo>
                <a:lnTo>
                  <a:pt x="3762755" y="516636"/>
                </a:lnTo>
                <a:lnTo>
                  <a:pt x="3762755" y="527304"/>
                </a:lnTo>
                <a:close/>
              </a:path>
              <a:path w="4497705" h="527685">
                <a:moveTo>
                  <a:pt x="3689603" y="527304"/>
                </a:moveTo>
                <a:lnTo>
                  <a:pt x="3646931" y="527304"/>
                </a:lnTo>
                <a:lnTo>
                  <a:pt x="3646931" y="516636"/>
                </a:lnTo>
                <a:lnTo>
                  <a:pt x="3689603" y="516636"/>
                </a:lnTo>
                <a:lnTo>
                  <a:pt x="3689603" y="527304"/>
                </a:lnTo>
                <a:close/>
              </a:path>
              <a:path w="4497705" h="527685">
                <a:moveTo>
                  <a:pt x="3614927" y="527304"/>
                </a:moveTo>
                <a:lnTo>
                  <a:pt x="3573779" y="527304"/>
                </a:lnTo>
                <a:lnTo>
                  <a:pt x="3573779" y="516636"/>
                </a:lnTo>
                <a:lnTo>
                  <a:pt x="3614927" y="516636"/>
                </a:lnTo>
                <a:lnTo>
                  <a:pt x="3614927" y="527304"/>
                </a:lnTo>
                <a:close/>
              </a:path>
              <a:path w="4497705" h="527685">
                <a:moveTo>
                  <a:pt x="3541775" y="527304"/>
                </a:moveTo>
                <a:lnTo>
                  <a:pt x="3499103" y="527304"/>
                </a:lnTo>
                <a:lnTo>
                  <a:pt x="3499103" y="516636"/>
                </a:lnTo>
                <a:lnTo>
                  <a:pt x="3541775" y="516636"/>
                </a:lnTo>
                <a:lnTo>
                  <a:pt x="3541775" y="527304"/>
                </a:lnTo>
                <a:close/>
              </a:path>
              <a:path w="4497705" h="527685">
                <a:moveTo>
                  <a:pt x="3468623" y="527304"/>
                </a:moveTo>
                <a:lnTo>
                  <a:pt x="3425952" y="527304"/>
                </a:lnTo>
                <a:lnTo>
                  <a:pt x="3425952" y="516636"/>
                </a:lnTo>
                <a:lnTo>
                  <a:pt x="3468623" y="516636"/>
                </a:lnTo>
                <a:lnTo>
                  <a:pt x="3468623" y="527304"/>
                </a:lnTo>
                <a:close/>
              </a:path>
              <a:path w="4497705" h="527685">
                <a:moveTo>
                  <a:pt x="3395471" y="527304"/>
                </a:moveTo>
                <a:lnTo>
                  <a:pt x="3352800" y="527304"/>
                </a:lnTo>
                <a:lnTo>
                  <a:pt x="3352800" y="516636"/>
                </a:lnTo>
                <a:lnTo>
                  <a:pt x="3395471" y="516636"/>
                </a:lnTo>
                <a:lnTo>
                  <a:pt x="3395471" y="527304"/>
                </a:lnTo>
                <a:close/>
              </a:path>
              <a:path w="4497705" h="527685">
                <a:moveTo>
                  <a:pt x="3320795" y="527304"/>
                </a:moveTo>
                <a:lnTo>
                  <a:pt x="3279647" y="527304"/>
                </a:lnTo>
                <a:lnTo>
                  <a:pt x="3279647" y="516636"/>
                </a:lnTo>
                <a:lnTo>
                  <a:pt x="3320795" y="516636"/>
                </a:lnTo>
                <a:lnTo>
                  <a:pt x="3320795" y="527304"/>
                </a:lnTo>
                <a:close/>
              </a:path>
              <a:path w="4497705" h="527685">
                <a:moveTo>
                  <a:pt x="3247643" y="527304"/>
                </a:moveTo>
                <a:lnTo>
                  <a:pt x="3206495" y="527304"/>
                </a:lnTo>
                <a:lnTo>
                  <a:pt x="3206495" y="516636"/>
                </a:lnTo>
                <a:lnTo>
                  <a:pt x="3247643" y="516636"/>
                </a:lnTo>
                <a:lnTo>
                  <a:pt x="3247643" y="527304"/>
                </a:lnTo>
                <a:close/>
              </a:path>
              <a:path w="4497705" h="527685">
                <a:moveTo>
                  <a:pt x="3174491" y="527304"/>
                </a:moveTo>
                <a:lnTo>
                  <a:pt x="3131819" y="527304"/>
                </a:lnTo>
                <a:lnTo>
                  <a:pt x="3131819" y="516636"/>
                </a:lnTo>
                <a:lnTo>
                  <a:pt x="3174491" y="516636"/>
                </a:lnTo>
                <a:lnTo>
                  <a:pt x="3174491" y="527304"/>
                </a:lnTo>
                <a:close/>
              </a:path>
              <a:path w="4497705" h="527685">
                <a:moveTo>
                  <a:pt x="3101339" y="527304"/>
                </a:moveTo>
                <a:lnTo>
                  <a:pt x="3058668" y="527304"/>
                </a:lnTo>
                <a:lnTo>
                  <a:pt x="3058668" y="516636"/>
                </a:lnTo>
                <a:lnTo>
                  <a:pt x="3101339" y="516636"/>
                </a:lnTo>
                <a:lnTo>
                  <a:pt x="3101339" y="527304"/>
                </a:lnTo>
                <a:close/>
              </a:path>
              <a:path w="4497705" h="527685">
                <a:moveTo>
                  <a:pt x="3026663" y="527304"/>
                </a:moveTo>
                <a:lnTo>
                  <a:pt x="2985516" y="527304"/>
                </a:lnTo>
                <a:lnTo>
                  <a:pt x="2985516" y="516636"/>
                </a:lnTo>
                <a:lnTo>
                  <a:pt x="3026663" y="516636"/>
                </a:lnTo>
                <a:lnTo>
                  <a:pt x="3026663" y="527304"/>
                </a:lnTo>
                <a:close/>
              </a:path>
              <a:path w="4497705" h="527685">
                <a:moveTo>
                  <a:pt x="2953511" y="527304"/>
                </a:moveTo>
                <a:lnTo>
                  <a:pt x="2912363" y="527304"/>
                </a:lnTo>
                <a:lnTo>
                  <a:pt x="2912363" y="516636"/>
                </a:lnTo>
                <a:lnTo>
                  <a:pt x="2953511" y="516636"/>
                </a:lnTo>
                <a:lnTo>
                  <a:pt x="2953511" y="527304"/>
                </a:lnTo>
                <a:close/>
              </a:path>
              <a:path w="4497705" h="527685">
                <a:moveTo>
                  <a:pt x="2880359" y="527304"/>
                </a:moveTo>
                <a:lnTo>
                  <a:pt x="2837687" y="527304"/>
                </a:lnTo>
                <a:lnTo>
                  <a:pt x="2837687" y="516636"/>
                </a:lnTo>
                <a:lnTo>
                  <a:pt x="2880359" y="516636"/>
                </a:lnTo>
                <a:lnTo>
                  <a:pt x="2880359" y="527304"/>
                </a:lnTo>
                <a:close/>
              </a:path>
              <a:path w="4497705" h="527685">
                <a:moveTo>
                  <a:pt x="2807207" y="527304"/>
                </a:moveTo>
                <a:lnTo>
                  <a:pt x="2764535" y="527304"/>
                </a:lnTo>
                <a:lnTo>
                  <a:pt x="2764535" y="516636"/>
                </a:lnTo>
                <a:lnTo>
                  <a:pt x="2807207" y="516636"/>
                </a:lnTo>
                <a:lnTo>
                  <a:pt x="2807207" y="527304"/>
                </a:lnTo>
                <a:close/>
              </a:path>
              <a:path w="4497705" h="527685">
                <a:moveTo>
                  <a:pt x="2732531" y="527304"/>
                </a:moveTo>
                <a:lnTo>
                  <a:pt x="2691384" y="527304"/>
                </a:lnTo>
                <a:lnTo>
                  <a:pt x="2691384" y="516636"/>
                </a:lnTo>
                <a:lnTo>
                  <a:pt x="2732531" y="516636"/>
                </a:lnTo>
                <a:lnTo>
                  <a:pt x="2732531" y="527304"/>
                </a:lnTo>
                <a:close/>
              </a:path>
              <a:path w="4497705" h="527685">
                <a:moveTo>
                  <a:pt x="2659379" y="527304"/>
                </a:moveTo>
                <a:lnTo>
                  <a:pt x="2618231" y="527304"/>
                </a:lnTo>
                <a:lnTo>
                  <a:pt x="2618231" y="516636"/>
                </a:lnTo>
                <a:lnTo>
                  <a:pt x="2659379" y="516636"/>
                </a:lnTo>
                <a:lnTo>
                  <a:pt x="2659379" y="527304"/>
                </a:lnTo>
                <a:close/>
              </a:path>
              <a:path w="4497705" h="527685">
                <a:moveTo>
                  <a:pt x="2586227" y="527304"/>
                </a:moveTo>
                <a:lnTo>
                  <a:pt x="2543555" y="527304"/>
                </a:lnTo>
                <a:lnTo>
                  <a:pt x="2543555" y="516636"/>
                </a:lnTo>
                <a:lnTo>
                  <a:pt x="2586227" y="516636"/>
                </a:lnTo>
                <a:lnTo>
                  <a:pt x="2586227" y="527304"/>
                </a:lnTo>
                <a:close/>
              </a:path>
              <a:path w="4497705" h="527685">
                <a:moveTo>
                  <a:pt x="2513075" y="527304"/>
                </a:moveTo>
                <a:lnTo>
                  <a:pt x="2470403" y="527304"/>
                </a:lnTo>
                <a:lnTo>
                  <a:pt x="2470403" y="516636"/>
                </a:lnTo>
                <a:lnTo>
                  <a:pt x="2513075" y="516636"/>
                </a:lnTo>
                <a:lnTo>
                  <a:pt x="2513075" y="527304"/>
                </a:lnTo>
                <a:close/>
              </a:path>
              <a:path w="4497705" h="527685">
                <a:moveTo>
                  <a:pt x="2438400" y="527304"/>
                </a:moveTo>
                <a:lnTo>
                  <a:pt x="2397252" y="527304"/>
                </a:lnTo>
                <a:lnTo>
                  <a:pt x="2397252" y="516636"/>
                </a:lnTo>
                <a:lnTo>
                  <a:pt x="2438400" y="516636"/>
                </a:lnTo>
                <a:lnTo>
                  <a:pt x="2438400" y="527304"/>
                </a:lnTo>
                <a:close/>
              </a:path>
              <a:path w="4497705" h="527685">
                <a:moveTo>
                  <a:pt x="2365247" y="527304"/>
                </a:moveTo>
                <a:lnTo>
                  <a:pt x="2324100" y="527304"/>
                </a:lnTo>
                <a:lnTo>
                  <a:pt x="2324100" y="516636"/>
                </a:lnTo>
                <a:lnTo>
                  <a:pt x="2365247" y="516636"/>
                </a:lnTo>
                <a:lnTo>
                  <a:pt x="2365247" y="527304"/>
                </a:lnTo>
                <a:close/>
              </a:path>
              <a:path w="4497705" h="527685">
                <a:moveTo>
                  <a:pt x="2292095" y="527304"/>
                </a:moveTo>
                <a:lnTo>
                  <a:pt x="2249423" y="527304"/>
                </a:lnTo>
                <a:lnTo>
                  <a:pt x="2249423" y="516636"/>
                </a:lnTo>
                <a:lnTo>
                  <a:pt x="2292095" y="516636"/>
                </a:lnTo>
                <a:lnTo>
                  <a:pt x="2292095" y="527304"/>
                </a:lnTo>
                <a:close/>
              </a:path>
              <a:path w="4497705" h="527685">
                <a:moveTo>
                  <a:pt x="2218943" y="527304"/>
                </a:moveTo>
                <a:lnTo>
                  <a:pt x="2176271" y="527304"/>
                </a:lnTo>
                <a:lnTo>
                  <a:pt x="2176271" y="516636"/>
                </a:lnTo>
                <a:lnTo>
                  <a:pt x="2218943" y="516636"/>
                </a:lnTo>
                <a:lnTo>
                  <a:pt x="2218943" y="527304"/>
                </a:lnTo>
                <a:close/>
              </a:path>
              <a:path w="4497705" h="527685">
                <a:moveTo>
                  <a:pt x="2145791" y="527304"/>
                </a:moveTo>
                <a:lnTo>
                  <a:pt x="2103119" y="527304"/>
                </a:lnTo>
                <a:lnTo>
                  <a:pt x="2103119" y="516636"/>
                </a:lnTo>
                <a:lnTo>
                  <a:pt x="2145791" y="516636"/>
                </a:lnTo>
                <a:lnTo>
                  <a:pt x="2145791" y="527304"/>
                </a:lnTo>
                <a:close/>
              </a:path>
              <a:path w="4497705" h="527685">
                <a:moveTo>
                  <a:pt x="2071116" y="527304"/>
                </a:moveTo>
                <a:lnTo>
                  <a:pt x="2029968" y="527304"/>
                </a:lnTo>
                <a:lnTo>
                  <a:pt x="2029968" y="516636"/>
                </a:lnTo>
                <a:lnTo>
                  <a:pt x="2071116" y="516636"/>
                </a:lnTo>
                <a:lnTo>
                  <a:pt x="2071116" y="527304"/>
                </a:lnTo>
                <a:close/>
              </a:path>
              <a:path w="4497705" h="527685">
                <a:moveTo>
                  <a:pt x="1997963" y="527304"/>
                </a:moveTo>
                <a:lnTo>
                  <a:pt x="1955291" y="527304"/>
                </a:lnTo>
                <a:lnTo>
                  <a:pt x="1955291" y="516636"/>
                </a:lnTo>
                <a:lnTo>
                  <a:pt x="1997963" y="516636"/>
                </a:lnTo>
                <a:lnTo>
                  <a:pt x="1997963" y="527304"/>
                </a:lnTo>
                <a:close/>
              </a:path>
              <a:path w="4497705" h="527685">
                <a:moveTo>
                  <a:pt x="1924811" y="527304"/>
                </a:moveTo>
                <a:lnTo>
                  <a:pt x="1882139" y="527304"/>
                </a:lnTo>
                <a:lnTo>
                  <a:pt x="1882139" y="516636"/>
                </a:lnTo>
                <a:lnTo>
                  <a:pt x="1924811" y="516636"/>
                </a:lnTo>
                <a:lnTo>
                  <a:pt x="1924811" y="527304"/>
                </a:lnTo>
                <a:close/>
              </a:path>
              <a:path w="4497705" h="527685">
                <a:moveTo>
                  <a:pt x="1851659" y="527304"/>
                </a:moveTo>
                <a:lnTo>
                  <a:pt x="1808987" y="527304"/>
                </a:lnTo>
                <a:lnTo>
                  <a:pt x="1808987" y="516636"/>
                </a:lnTo>
                <a:lnTo>
                  <a:pt x="1851659" y="516636"/>
                </a:lnTo>
                <a:lnTo>
                  <a:pt x="1851659" y="527304"/>
                </a:lnTo>
                <a:close/>
              </a:path>
              <a:path w="4497705" h="527685">
                <a:moveTo>
                  <a:pt x="1776984" y="527304"/>
                </a:moveTo>
                <a:lnTo>
                  <a:pt x="1735835" y="527304"/>
                </a:lnTo>
                <a:lnTo>
                  <a:pt x="1735835" y="516636"/>
                </a:lnTo>
                <a:lnTo>
                  <a:pt x="1776984" y="516636"/>
                </a:lnTo>
                <a:lnTo>
                  <a:pt x="1776984" y="527304"/>
                </a:lnTo>
                <a:close/>
              </a:path>
              <a:path w="4497705" h="527685">
                <a:moveTo>
                  <a:pt x="1703831" y="527304"/>
                </a:moveTo>
                <a:lnTo>
                  <a:pt x="1662684" y="527304"/>
                </a:lnTo>
                <a:lnTo>
                  <a:pt x="1662684" y="516636"/>
                </a:lnTo>
                <a:lnTo>
                  <a:pt x="1703831" y="516636"/>
                </a:lnTo>
                <a:lnTo>
                  <a:pt x="1703831" y="527304"/>
                </a:lnTo>
                <a:close/>
              </a:path>
              <a:path w="4497705" h="527685">
                <a:moveTo>
                  <a:pt x="1630679" y="527304"/>
                </a:moveTo>
                <a:lnTo>
                  <a:pt x="1588007" y="527304"/>
                </a:lnTo>
                <a:lnTo>
                  <a:pt x="1588007" y="516636"/>
                </a:lnTo>
                <a:lnTo>
                  <a:pt x="1630679" y="516636"/>
                </a:lnTo>
                <a:lnTo>
                  <a:pt x="1630679" y="527304"/>
                </a:lnTo>
                <a:close/>
              </a:path>
              <a:path w="4497705" h="527685">
                <a:moveTo>
                  <a:pt x="1557527" y="527304"/>
                </a:moveTo>
                <a:lnTo>
                  <a:pt x="1514855" y="527304"/>
                </a:lnTo>
                <a:lnTo>
                  <a:pt x="1514855" y="516636"/>
                </a:lnTo>
                <a:lnTo>
                  <a:pt x="1557527" y="516636"/>
                </a:lnTo>
                <a:lnTo>
                  <a:pt x="1557527" y="527304"/>
                </a:lnTo>
                <a:close/>
              </a:path>
              <a:path w="4497705" h="527685">
                <a:moveTo>
                  <a:pt x="1482851" y="527304"/>
                </a:moveTo>
                <a:lnTo>
                  <a:pt x="1441703" y="527304"/>
                </a:lnTo>
                <a:lnTo>
                  <a:pt x="1441703" y="516636"/>
                </a:lnTo>
                <a:lnTo>
                  <a:pt x="1482851" y="516636"/>
                </a:lnTo>
                <a:lnTo>
                  <a:pt x="1482851" y="527304"/>
                </a:lnTo>
                <a:close/>
              </a:path>
              <a:path w="4497705" h="527685">
                <a:moveTo>
                  <a:pt x="1409700" y="527304"/>
                </a:moveTo>
                <a:lnTo>
                  <a:pt x="1368551" y="527304"/>
                </a:lnTo>
                <a:lnTo>
                  <a:pt x="1368551" y="516636"/>
                </a:lnTo>
                <a:lnTo>
                  <a:pt x="1409700" y="516636"/>
                </a:lnTo>
                <a:lnTo>
                  <a:pt x="1409700" y="527304"/>
                </a:lnTo>
                <a:close/>
              </a:path>
              <a:path w="4497705" h="527685">
                <a:moveTo>
                  <a:pt x="1336547" y="527304"/>
                </a:moveTo>
                <a:lnTo>
                  <a:pt x="1293875" y="527304"/>
                </a:lnTo>
                <a:lnTo>
                  <a:pt x="1293875" y="516636"/>
                </a:lnTo>
                <a:lnTo>
                  <a:pt x="1336547" y="516636"/>
                </a:lnTo>
                <a:lnTo>
                  <a:pt x="1336547" y="527304"/>
                </a:lnTo>
                <a:close/>
              </a:path>
              <a:path w="4497705" h="527685">
                <a:moveTo>
                  <a:pt x="1263395" y="527304"/>
                </a:moveTo>
                <a:lnTo>
                  <a:pt x="1220723" y="527304"/>
                </a:lnTo>
                <a:lnTo>
                  <a:pt x="1220723" y="516636"/>
                </a:lnTo>
                <a:lnTo>
                  <a:pt x="1263395" y="516636"/>
                </a:lnTo>
                <a:lnTo>
                  <a:pt x="1263395" y="527304"/>
                </a:lnTo>
                <a:close/>
              </a:path>
              <a:path w="4497705" h="527685">
                <a:moveTo>
                  <a:pt x="1188719" y="527304"/>
                </a:moveTo>
                <a:lnTo>
                  <a:pt x="1147571" y="527304"/>
                </a:lnTo>
                <a:lnTo>
                  <a:pt x="1147571" y="516636"/>
                </a:lnTo>
                <a:lnTo>
                  <a:pt x="1188719" y="516636"/>
                </a:lnTo>
                <a:lnTo>
                  <a:pt x="1188719" y="527304"/>
                </a:lnTo>
                <a:close/>
              </a:path>
              <a:path w="4497705" h="527685">
                <a:moveTo>
                  <a:pt x="1115567" y="527304"/>
                </a:moveTo>
                <a:lnTo>
                  <a:pt x="1074419" y="527304"/>
                </a:lnTo>
                <a:lnTo>
                  <a:pt x="1074419" y="516636"/>
                </a:lnTo>
                <a:lnTo>
                  <a:pt x="1115567" y="516636"/>
                </a:lnTo>
                <a:lnTo>
                  <a:pt x="1115567" y="527304"/>
                </a:lnTo>
                <a:close/>
              </a:path>
              <a:path w="4497705" h="527685">
                <a:moveTo>
                  <a:pt x="1042416" y="527304"/>
                </a:moveTo>
                <a:lnTo>
                  <a:pt x="999743" y="527304"/>
                </a:lnTo>
                <a:lnTo>
                  <a:pt x="999743" y="516636"/>
                </a:lnTo>
                <a:lnTo>
                  <a:pt x="1042416" y="516636"/>
                </a:lnTo>
                <a:lnTo>
                  <a:pt x="1042416" y="527304"/>
                </a:lnTo>
                <a:close/>
              </a:path>
              <a:path w="4497705" h="527685">
                <a:moveTo>
                  <a:pt x="969263" y="527304"/>
                </a:moveTo>
                <a:lnTo>
                  <a:pt x="926591" y="527304"/>
                </a:lnTo>
                <a:lnTo>
                  <a:pt x="926591" y="516636"/>
                </a:lnTo>
                <a:lnTo>
                  <a:pt x="969263" y="516636"/>
                </a:lnTo>
                <a:lnTo>
                  <a:pt x="969263" y="527304"/>
                </a:lnTo>
                <a:close/>
              </a:path>
              <a:path w="4497705" h="527685">
                <a:moveTo>
                  <a:pt x="896111" y="527304"/>
                </a:moveTo>
                <a:lnTo>
                  <a:pt x="853439" y="527304"/>
                </a:lnTo>
                <a:lnTo>
                  <a:pt x="853439" y="516636"/>
                </a:lnTo>
                <a:lnTo>
                  <a:pt x="896111" y="516636"/>
                </a:lnTo>
                <a:lnTo>
                  <a:pt x="896111" y="527304"/>
                </a:lnTo>
                <a:close/>
              </a:path>
              <a:path w="4497705" h="527685">
                <a:moveTo>
                  <a:pt x="821435" y="527304"/>
                </a:moveTo>
                <a:lnTo>
                  <a:pt x="780287" y="527304"/>
                </a:lnTo>
                <a:lnTo>
                  <a:pt x="780287" y="516636"/>
                </a:lnTo>
                <a:lnTo>
                  <a:pt x="821435" y="516636"/>
                </a:lnTo>
                <a:lnTo>
                  <a:pt x="821435" y="527304"/>
                </a:lnTo>
                <a:close/>
              </a:path>
              <a:path w="4497705" h="527685">
                <a:moveTo>
                  <a:pt x="748283" y="527304"/>
                </a:moveTo>
                <a:lnTo>
                  <a:pt x="705611" y="527304"/>
                </a:lnTo>
                <a:lnTo>
                  <a:pt x="705611" y="516636"/>
                </a:lnTo>
                <a:lnTo>
                  <a:pt x="748283" y="516636"/>
                </a:lnTo>
                <a:lnTo>
                  <a:pt x="748283" y="527304"/>
                </a:lnTo>
                <a:close/>
              </a:path>
              <a:path w="4497705" h="527685">
                <a:moveTo>
                  <a:pt x="675131" y="527304"/>
                </a:moveTo>
                <a:lnTo>
                  <a:pt x="632459" y="527304"/>
                </a:lnTo>
                <a:lnTo>
                  <a:pt x="632459" y="516636"/>
                </a:lnTo>
                <a:lnTo>
                  <a:pt x="675131" y="516636"/>
                </a:lnTo>
                <a:lnTo>
                  <a:pt x="675131" y="527304"/>
                </a:lnTo>
                <a:close/>
              </a:path>
              <a:path w="4497705" h="527685">
                <a:moveTo>
                  <a:pt x="601979" y="527304"/>
                </a:moveTo>
                <a:lnTo>
                  <a:pt x="559307" y="527304"/>
                </a:lnTo>
                <a:lnTo>
                  <a:pt x="559307" y="516636"/>
                </a:lnTo>
                <a:lnTo>
                  <a:pt x="601979" y="516636"/>
                </a:lnTo>
                <a:lnTo>
                  <a:pt x="601979" y="527304"/>
                </a:lnTo>
                <a:close/>
              </a:path>
              <a:path w="4497705" h="527685">
                <a:moveTo>
                  <a:pt x="527303" y="527304"/>
                </a:moveTo>
                <a:lnTo>
                  <a:pt x="486155" y="527304"/>
                </a:lnTo>
                <a:lnTo>
                  <a:pt x="486155" y="516636"/>
                </a:lnTo>
                <a:lnTo>
                  <a:pt x="527303" y="516636"/>
                </a:lnTo>
                <a:lnTo>
                  <a:pt x="527303" y="527304"/>
                </a:lnTo>
                <a:close/>
              </a:path>
              <a:path w="4497705" h="527685">
                <a:moveTo>
                  <a:pt x="454151" y="527304"/>
                </a:moveTo>
                <a:lnTo>
                  <a:pt x="413003" y="527304"/>
                </a:lnTo>
                <a:lnTo>
                  <a:pt x="413003" y="516636"/>
                </a:lnTo>
                <a:lnTo>
                  <a:pt x="454151" y="516636"/>
                </a:lnTo>
                <a:lnTo>
                  <a:pt x="454151" y="527304"/>
                </a:lnTo>
                <a:close/>
              </a:path>
              <a:path w="4497705" h="527685">
                <a:moveTo>
                  <a:pt x="381000" y="527304"/>
                </a:moveTo>
                <a:lnTo>
                  <a:pt x="338327" y="527304"/>
                </a:lnTo>
                <a:lnTo>
                  <a:pt x="338327" y="516636"/>
                </a:lnTo>
                <a:lnTo>
                  <a:pt x="381000" y="516636"/>
                </a:lnTo>
                <a:lnTo>
                  <a:pt x="381000" y="527304"/>
                </a:lnTo>
                <a:close/>
              </a:path>
              <a:path w="4497705" h="527685">
                <a:moveTo>
                  <a:pt x="307847" y="527304"/>
                </a:moveTo>
                <a:lnTo>
                  <a:pt x="265175" y="527304"/>
                </a:lnTo>
                <a:lnTo>
                  <a:pt x="265175" y="516636"/>
                </a:lnTo>
                <a:lnTo>
                  <a:pt x="307847" y="516636"/>
                </a:lnTo>
                <a:lnTo>
                  <a:pt x="307847" y="527304"/>
                </a:lnTo>
                <a:close/>
              </a:path>
              <a:path w="4497705" h="527685">
                <a:moveTo>
                  <a:pt x="233171" y="527304"/>
                </a:moveTo>
                <a:lnTo>
                  <a:pt x="192023" y="527304"/>
                </a:lnTo>
                <a:lnTo>
                  <a:pt x="192023" y="516636"/>
                </a:lnTo>
                <a:lnTo>
                  <a:pt x="233171" y="516636"/>
                </a:lnTo>
                <a:lnTo>
                  <a:pt x="233171" y="527304"/>
                </a:lnTo>
                <a:close/>
              </a:path>
              <a:path w="4497705" h="527685">
                <a:moveTo>
                  <a:pt x="160019" y="527304"/>
                </a:moveTo>
                <a:lnTo>
                  <a:pt x="118871" y="527304"/>
                </a:lnTo>
                <a:lnTo>
                  <a:pt x="118871" y="516636"/>
                </a:lnTo>
                <a:lnTo>
                  <a:pt x="160019" y="516636"/>
                </a:lnTo>
                <a:lnTo>
                  <a:pt x="160019" y="527304"/>
                </a:lnTo>
                <a:close/>
              </a:path>
              <a:path w="4497705" h="527685">
                <a:moveTo>
                  <a:pt x="86867" y="527304"/>
                </a:moveTo>
                <a:lnTo>
                  <a:pt x="44195" y="527304"/>
                </a:lnTo>
                <a:lnTo>
                  <a:pt x="44195" y="516636"/>
                </a:lnTo>
                <a:lnTo>
                  <a:pt x="86867" y="516636"/>
                </a:lnTo>
                <a:lnTo>
                  <a:pt x="86867" y="527304"/>
                </a:lnTo>
                <a:close/>
              </a:path>
            </a:pathLst>
          </a:custGeom>
          <a:solidFill>
            <a:srgbClr val="213F59"/>
          </a:solidFill>
        </p:spPr>
        <p:txBody>
          <a:bodyPr wrap="square" lIns="0" tIns="0" rIns="0" bIns="0" rtlCol="0"/>
          <a:lstStyle/>
          <a:p>
            <a:endParaRPr sz="1749"/>
          </a:p>
        </p:txBody>
      </p:sp>
      <p:sp>
        <p:nvSpPr>
          <p:cNvPr id="16" name="object 16"/>
          <p:cNvSpPr txBox="1"/>
          <p:nvPr/>
        </p:nvSpPr>
        <p:spPr>
          <a:xfrm>
            <a:off x="430050" y="858798"/>
            <a:ext cx="8205165" cy="353009"/>
          </a:xfrm>
          <a:prstGeom prst="rect">
            <a:avLst/>
          </a:prstGeom>
          <a:solidFill>
            <a:srgbClr val="FBE4D6"/>
          </a:solidFill>
          <a:ln w="10667">
            <a:solidFill>
              <a:srgbClr val="000000"/>
            </a:solidFill>
          </a:ln>
        </p:spPr>
        <p:txBody>
          <a:bodyPr vert="horz" wrap="square" lIns="0" tIns="121630" rIns="0" bIns="0" rtlCol="0">
            <a:spAutoFit/>
          </a:bodyPr>
          <a:lstStyle/>
          <a:p>
            <a:pPr marL="85792">
              <a:spcBef>
                <a:spcPts val="958"/>
              </a:spcBef>
            </a:pPr>
            <a:r>
              <a:rPr sz="1496" spc="-17" dirty="0">
                <a:latin typeface="ＭＳ Ｐゴシック"/>
                <a:cs typeface="ＭＳ Ｐゴシック"/>
              </a:rPr>
              <a:t>論点：ニーズに対応するために産学官の多様な主体を巻き込むべきではないか。</a:t>
            </a:r>
            <a:endParaRPr sz="1496">
              <a:latin typeface="ＭＳ Ｐゴシック"/>
              <a:cs typeface="ＭＳ Ｐゴシック"/>
            </a:endParaRPr>
          </a:p>
        </p:txBody>
      </p:sp>
      <p:sp>
        <p:nvSpPr>
          <p:cNvPr id="17" name="object 17"/>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58</a:t>
            </a:fld>
            <a:endParaRPr spc="-21" dirty="0"/>
          </a:p>
        </p:txBody>
      </p:sp>
    </p:spTree>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flipH="1">
            <a:off x="-1" y="195478"/>
            <a:ext cx="5696537" cy="236092"/>
          </a:xfrm>
          <a:prstGeom prst="rect">
            <a:avLst/>
          </a:prstGeom>
        </p:spPr>
        <p:txBody>
          <a:bodyPr vert="horz" wrap="square" lIns="0" tIns="10860" rIns="0" bIns="0" rtlCol="0">
            <a:spAutoFit/>
          </a:bodyPr>
          <a:lstStyle/>
          <a:p>
            <a:pPr marL="10860">
              <a:lnSpc>
                <a:spcPct val="100000"/>
              </a:lnSpc>
              <a:spcBef>
                <a:spcPts val="86"/>
              </a:spcBef>
            </a:pPr>
            <a:r>
              <a:rPr spc="-56" dirty="0"/>
              <a:t>テーマ②【</a:t>
            </a:r>
            <a:r>
              <a:rPr dirty="0">
                <a:solidFill>
                  <a:srgbClr val="1F4D79"/>
                </a:solidFill>
              </a:rPr>
              <a:t>官</a:t>
            </a:r>
            <a:r>
              <a:rPr spc="43" dirty="0"/>
              <a:t>との連携】 関係機関との連携</a:t>
            </a:r>
          </a:p>
        </p:txBody>
      </p:sp>
      <p:sp>
        <p:nvSpPr>
          <p:cNvPr id="3" name="object 3"/>
          <p:cNvSpPr txBox="1"/>
          <p:nvPr/>
        </p:nvSpPr>
        <p:spPr>
          <a:xfrm>
            <a:off x="6872551" y="6297246"/>
            <a:ext cx="1931969" cy="315397"/>
          </a:xfrm>
          <a:prstGeom prst="rect">
            <a:avLst/>
          </a:prstGeom>
        </p:spPr>
        <p:txBody>
          <a:bodyPr vert="horz" wrap="square" lIns="0" tIns="19548" rIns="0" bIns="0" rtlCol="0">
            <a:spAutoFit/>
          </a:bodyPr>
          <a:lstStyle/>
          <a:p>
            <a:pPr marL="10860">
              <a:spcBef>
                <a:spcPts val="154"/>
              </a:spcBef>
            </a:pPr>
            <a:r>
              <a:rPr sz="641" dirty="0">
                <a:latin typeface="ＭＳ Ｐゴシック"/>
                <a:cs typeface="ＭＳ Ｐゴシック"/>
              </a:rPr>
              <a:t>（平成30年3月16日  広島県道路メンテナンス会議</a:t>
            </a:r>
            <a:r>
              <a:rPr sz="641" spc="-43" dirty="0">
                <a:latin typeface="ＭＳ Ｐゴシック"/>
                <a:cs typeface="ＭＳ Ｐゴシック"/>
              </a:rPr>
              <a:t>）</a:t>
            </a:r>
            <a:endParaRPr sz="641">
              <a:latin typeface="ＭＳ Ｐゴシック"/>
              <a:cs typeface="ＭＳ Ｐゴシック"/>
            </a:endParaRPr>
          </a:p>
          <a:p>
            <a:pPr marR="4344" algn="r">
              <a:spcBef>
                <a:spcPts val="133"/>
              </a:spcBef>
            </a:pPr>
            <a:r>
              <a:rPr sz="1197" spc="-21" dirty="0">
                <a:latin typeface="Arial"/>
                <a:cs typeface="Arial"/>
              </a:rPr>
              <a:t>14</a:t>
            </a:r>
            <a:endParaRPr sz="1197">
              <a:latin typeface="Arial"/>
              <a:cs typeface="Arial"/>
            </a:endParaRPr>
          </a:p>
        </p:txBody>
      </p:sp>
      <p:sp>
        <p:nvSpPr>
          <p:cNvPr id="4" name="object 4"/>
          <p:cNvSpPr txBox="1"/>
          <p:nvPr/>
        </p:nvSpPr>
        <p:spPr>
          <a:xfrm>
            <a:off x="3087240" y="1351401"/>
            <a:ext cx="5696537" cy="2039502"/>
          </a:xfrm>
          <a:prstGeom prst="rect">
            <a:avLst/>
          </a:prstGeom>
          <a:solidFill>
            <a:srgbClr val="DDEBF6"/>
          </a:solidFill>
        </p:spPr>
        <p:txBody>
          <a:bodyPr vert="horz" wrap="square" lIns="0" tIns="42896" rIns="0" bIns="0" rtlCol="0">
            <a:spAutoFit/>
          </a:bodyPr>
          <a:lstStyle/>
          <a:p>
            <a:pPr marL="32036">
              <a:spcBef>
                <a:spcPts val="338"/>
              </a:spcBef>
            </a:pPr>
            <a:r>
              <a:rPr sz="1496" dirty="0">
                <a:latin typeface="ＭＳ Ｐゴシック"/>
                <a:cs typeface="ＭＳ Ｐゴシック"/>
              </a:rPr>
              <a:t>【連携内容（</a:t>
            </a:r>
            <a:r>
              <a:rPr sz="1496" spc="-4" dirty="0">
                <a:latin typeface="ＭＳ Ｐゴシック"/>
                <a:cs typeface="ＭＳ Ｐゴシック"/>
              </a:rPr>
              <a:t>イメージ</a:t>
            </a:r>
            <a:r>
              <a:rPr sz="1496" dirty="0">
                <a:latin typeface="ＭＳ Ｐゴシック"/>
                <a:cs typeface="ＭＳ Ｐゴシック"/>
              </a:rPr>
              <a:t>）</a:t>
            </a:r>
            <a:r>
              <a:rPr sz="1496" spc="-43" dirty="0">
                <a:latin typeface="ＭＳ Ｐゴシック"/>
                <a:cs typeface="ＭＳ Ｐゴシック"/>
              </a:rPr>
              <a:t>】</a:t>
            </a:r>
            <a:endParaRPr sz="1496">
              <a:latin typeface="ＭＳ Ｐゴシック"/>
              <a:cs typeface="ＭＳ Ｐゴシック"/>
            </a:endParaRPr>
          </a:p>
          <a:p>
            <a:pPr marL="193847" marR="1682721" indent="-161811">
              <a:lnSpc>
                <a:spcPct val="117400"/>
              </a:lnSpc>
              <a:spcBef>
                <a:spcPts val="274"/>
              </a:spcBef>
            </a:pPr>
            <a:r>
              <a:rPr sz="1325" spc="-21" dirty="0">
                <a:latin typeface="ＭＳ Ｐゴシック"/>
                <a:cs typeface="ＭＳ Ｐゴシック"/>
              </a:rPr>
              <a:t>〇</a:t>
            </a:r>
            <a:r>
              <a:rPr sz="1325" u="sng" spc="-34" dirty="0">
                <a:uFill>
                  <a:solidFill>
                    <a:srgbClr val="000000"/>
                  </a:solidFill>
                </a:uFill>
                <a:latin typeface="ＭＳ Ｐゴシック"/>
                <a:cs typeface="ＭＳ Ｐゴシック"/>
              </a:rPr>
              <a:t>課題や方向性の議論の整理、資料作成等の人的支援</a:t>
            </a:r>
            <a:r>
              <a:rPr sz="1325" spc="-26" dirty="0">
                <a:latin typeface="ＭＳ Ｐゴシック"/>
                <a:cs typeface="ＭＳ Ｐゴシック"/>
              </a:rPr>
              <a:t>都道府県、地方整備局</a:t>
            </a:r>
            <a:endParaRPr sz="1325">
              <a:latin typeface="ＭＳ Ｐゴシック"/>
              <a:cs typeface="ＭＳ Ｐゴシック"/>
            </a:endParaRPr>
          </a:p>
          <a:p>
            <a:pPr marL="32579">
              <a:spcBef>
                <a:spcPts val="564"/>
              </a:spcBef>
            </a:pPr>
            <a:r>
              <a:rPr sz="1325" spc="-21" dirty="0">
                <a:latin typeface="ＭＳ Ｐゴシック"/>
                <a:cs typeface="ＭＳ Ｐゴシック"/>
              </a:rPr>
              <a:t>〇</a:t>
            </a:r>
            <a:r>
              <a:rPr sz="1325" u="sng" spc="-26" dirty="0">
                <a:uFill>
                  <a:solidFill>
                    <a:srgbClr val="000000"/>
                  </a:solidFill>
                </a:uFill>
                <a:latin typeface="ＭＳ Ｐゴシック"/>
                <a:cs typeface="ＭＳ Ｐゴシック"/>
              </a:rPr>
              <a:t>研修や講習会の実施</a:t>
            </a:r>
            <a:endParaRPr sz="1325">
              <a:latin typeface="ＭＳ Ｐゴシック"/>
              <a:cs typeface="ＭＳ Ｐゴシック"/>
            </a:endParaRPr>
          </a:p>
          <a:p>
            <a:pPr marL="193847">
              <a:spcBef>
                <a:spcPts val="278"/>
              </a:spcBef>
            </a:pPr>
            <a:r>
              <a:rPr sz="1325" spc="-38" dirty="0">
                <a:latin typeface="ＭＳ Ｐゴシック"/>
                <a:cs typeface="ＭＳ Ｐゴシック"/>
              </a:rPr>
              <a:t>都道府県、建設技術センター、メンテナンスセンター、道路メンテナンス会議</a:t>
            </a:r>
            <a:endParaRPr sz="1325">
              <a:latin typeface="ＭＳ Ｐゴシック"/>
              <a:cs typeface="ＭＳ Ｐゴシック"/>
            </a:endParaRPr>
          </a:p>
          <a:p>
            <a:pPr marL="32579">
              <a:spcBef>
                <a:spcPts val="564"/>
              </a:spcBef>
            </a:pPr>
            <a:r>
              <a:rPr sz="1325" spc="-21" dirty="0">
                <a:latin typeface="ＭＳ Ｐゴシック"/>
                <a:cs typeface="ＭＳ Ｐゴシック"/>
              </a:rPr>
              <a:t>〇</a:t>
            </a:r>
            <a:r>
              <a:rPr sz="1325" u="sng" spc="-30" dirty="0">
                <a:uFill>
                  <a:solidFill>
                    <a:srgbClr val="000000"/>
                  </a:solidFill>
                </a:uFill>
                <a:latin typeface="ＭＳ Ｐゴシック"/>
                <a:cs typeface="ＭＳ Ｐゴシック"/>
              </a:rPr>
              <a:t>他自治体の事例・取組状況の共有</a:t>
            </a:r>
            <a:endParaRPr sz="1325">
              <a:latin typeface="ＭＳ Ｐゴシック"/>
              <a:cs typeface="ＭＳ Ｐゴシック"/>
            </a:endParaRPr>
          </a:p>
          <a:p>
            <a:pPr marL="193847">
              <a:spcBef>
                <a:spcPts val="278"/>
              </a:spcBef>
            </a:pPr>
            <a:r>
              <a:rPr sz="1325" spc="-38" dirty="0">
                <a:latin typeface="ＭＳ Ｐゴシック"/>
                <a:cs typeface="ＭＳ Ｐゴシック"/>
              </a:rPr>
              <a:t>都道府県、道路メンテナンス会議、自治体メンテ相談窓口</a:t>
            </a:r>
            <a:endParaRPr sz="1325">
              <a:latin typeface="ＭＳ Ｐゴシック"/>
              <a:cs typeface="ＭＳ Ｐゴシック"/>
            </a:endParaRPr>
          </a:p>
        </p:txBody>
      </p:sp>
      <p:sp>
        <p:nvSpPr>
          <p:cNvPr id="5" name="object 5"/>
          <p:cNvSpPr txBox="1"/>
          <p:nvPr/>
        </p:nvSpPr>
        <p:spPr>
          <a:xfrm>
            <a:off x="4734322" y="3605273"/>
            <a:ext cx="1992241" cy="1363289"/>
          </a:xfrm>
          <a:prstGeom prst="rect">
            <a:avLst/>
          </a:prstGeom>
        </p:spPr>
        <p:txBody>
          <a:bodyPr vert="horz" wrap="square" lIns="0" tIns="10317" rIns="0" bIns="0" rtlCol="0">
            <a:spAutoFit/>
          </a:bodyPr>
          <a:lstStyle/>
          <a:p>
            <a:pPr marL="10860">
              <a:spcBef>
                <a:spcPts val="81"/>
              </a:spcBef>
            </a:pPr>
            <a:r>
              <a:rPr sz="1325" b="1" spc="-252" dirty="0">
                <a:latin typeface="メイリオ"/>
                <a:cs typeface="メイリオ"/>
              </a:rPr>
              <a:t>【道路メンテナンスセンター】</a:t>
            </a:r>
            <a:endParaRPr sz="1325">
              <a:latin typeface="メイリオ"/>
              <a:cs typeface="メイリオ"/>
            </a:endParaRPr>
          </a:p>
          <a:p>
            <a:pPr marL="64616" marR="10317">
              <a:lnSpc>
                <a:spcPct val="101899"/>
              </a:lnSpc>
              <a:spcBef>
                <a:spcPts val="825"/>
              </a:spcBef>
            </a:pPr>
            <a:r>
              <a:rPr sz="1112" spc="4" dirty="0">
                <a:solidFill>
                  <a:srgbClr val="333333"/>
                </a:solidFill>
                <a:latin typeface="ＭＳ Ｐゴシック"/>
                <a:cs typeface="ＭＳ Ｐゴシック"/>
              </a:rPr>
              <a:t>地域のメンテナンス拠点として、地方公共団体の施設の診断・</a:t>
            </a:r>
            <a:r>
              <a:rPr sz="1112" dirty="0">
                <a:solidFill>
                  <a:srgbClr val="333333"/>
                </a:solidFill>
                <a:latin typeface="ＭＳ Ｐゴシック"/>
                <a:cs typeface="ＭＳ Ｐゴシック"/>
              </a:rPr>
              <a:t>修繕の代行、高度な技術を要する施設に関する相談、点検 に</a:t>
            </a:r>
            <a:r>
              <a:rPr sz="1112" spc="4" dirty="0">
                <a:solidFill>
                  <a:srgbClr val="333333"/>
                </a:solidFill>
                <a:latin typeface="ＭＳ Ｐゴシック"/>
                <a:cs typeface="ＭＳ Ｐゴシック"/>
              </a:rPr>
              <a:t>関する技術指導や研修を実施。</a:t>
            </a:r>
            <a:endParaRPr sz="1112">
              <a:latin typeface="ＭＳ Ｐゴシック"/>
              <a:cs typeface="ＭＳ Ｐゴシック"/>
            </a:endParaRPr>
          </a:p>
        </p:txBody>
      </p:sp>
      <p:sp>
        <p:nvSpPr>
          <p:cNvPr id="6" name="object 6"/>
          <p:cNvSpPr txBox="1"/>
          <p:nvPr/>
        </p:nvSpPr>
        <p:spPr>
          <a:xfrm>
            <a:off x="6945369" y="3597392"/>
            <a:ext cx="1738663" cy="214320"/>
          </a:xfrm>
          <a:prstGeom prst="rect">
            <a:avLst/>
          </a:prstGeom>
        </p:spPr>
        <p:txBody>
          <a:bodyPr vert="horz" wrap="square" lIns="0" tIns="10317" rIns="0" bIns="0" rtlCol="0">
            <a:spAutoFit/>
          </a:bodyPr>
          <a:lstStyle/>
          <a:p>
            <a:pPr marL="10860">
              <a:spcBef>
                <a:spcPts val="81"/>
              </a:spcBef>
            </a:pPr>
            <a:r>
              <a:rPr sz="1325" b="1" spc="-231" dirty="0">
                <a:latin typeface="メイリオ"/>
                <a:cs typeface="メイリオ"/>
              </a:rPr>
              <a:t>【道路メンテナンス会議】</a:t>
            </a:r>
            <a:endParaRPr sz="1325">
              <a:latin typeface="メイリオ"/>
              <a:cs typeface="メイリオ"/>
            </a:endParaRPr>
          </a:p>
        </p:txBody>
      </p:sp>
      <p:sp>
        <p:nvSpPr>
          <p:cNvPr id="7" name="object 7"/>
          <p:cNvSpPr txBox="1"/>
          <p:nvPr/>
        </p:nvSpPr>
        <p:spPr>
          <a:xfrm>
            <a:off x="6920910" y="3914524"/>
            <a:ext cx="1694681" cy="881711"/>
          </a:xfrm>
          <a:prstGeom prst="rect">
            <a:avLst/>
          </a:prstGeom>
        </p:spPr>
        <p:txBody>
          <a:bodyPr vert="horz" wrap="square" lIns="0" tIns="9774" rIns="0" bIns="0" rtlCol="0">
            <a:spAutoFit/>
          </a:bodyPr>
          <a:lstStyle/>
          <a:p>
            <a:pPr marL="10860" marR="4344">
              <a:lnSpc>
                <a:spcPct val="101699"/>
              </a:lnSpc>
              <a:spcBef>
                <a:spcPts val="77"/>
              </a:spcBef>
            </a:pPr>
            <a:r>
              <a:rPr sz="1112" spc="4" dirty="0">
                <a:latin typeface="ＭＳ Ｐゴシック"/>
                <a:cs typeface="ＭＳ Ｐゴシック"/>
              </a:rPr>
              <a:t>関係機関の連携による検討体制を整え、課題の状況を</a:t>
            </a:r>
            <a:r>
              <a:rPr sz="1112" spc="-4" dirty="0">
                <a:latin typeface="ＭＳ Ｐゴシック"/>
                <a:cs typeface="ＭＳ Ｐゴシック"/>
              </a:rPr>
              <a:t>継続的に把握・共有し、効</a:t>
            </a:r>
            <a:r>
              <a:rPr sz="1112" spc="34" dirty="0">
                <a:latin typeface="ＭＳ Ｐゴシック"/>
                <a:cs typeface="ＭＳ Ｐゴシック"/>
              </a:rPr>
              <a:t>果的な老朽化 対策の推進</a:t>
            </a:r>
            <a:r>
              <a:rPr sz="1112" spc="4" dirty="0">
                <a:latin typeface="ＭＳ Ｐゴシック"/>
                <a:cs typeface="ＭＳ Ｐゴシック"/>
              </a:rPr>
              <a:t>を図る。</a:t>
            </a:r>
            <a:endParaRPr sz="1112">
              <a:latin typeface="ＭＳ Ｐゴシック"/>
              <a:cs typeface="ＭＳ Ｐゴシック"/>
            </a:endParaRPr>
          </a:p>
        </p:txBody>
      </p:sp>
      <p:pic>
        <p:nvPicPr>
          <p:cNvPr id="8" name="object 8"/>
          <p:cNvPicPr/>
          <p:nvPr/>
        </p:nvPicPr>
        <p:blipFill>
          <a:blip r:embed="rId2" cstate="print"/>
          <a:stretch>
            <a:fillRect/>
          </a:stretch>
        </p:blipFill>
        <p:spPr>
          <a:xfrm>
            <a:off x="6884716" y="5058956"/>
            <a:ext cx="1780147" cy="1195018"/>
          </a:xfrm>
          <a:prstGeom prst="rect">
            <a:avLst/>
          </a:prstGeom>
        </p:spPr>
      </p:pic>
      <p:pic>
        <p:nvPicPr>
          <p:cNvPr id="9" name="object 9"/>
          <p:cNvPicPr/>
          <p:nvPr/>
        </p:nvPicPr>
        <p:blipFill>
          <a:blip r:embed="rId3" cstate="print"/>
          <a:stretch>
            <a:fillRect/>
          </a:stretch>
        </p:blipFill>
        <p:spPr>
          <a:xfrm>
            <a:off x="2436953" y="5055047"/>
            <a:ext cx="2074666" cy="1204140"/>
          </a:xfrm>
          <a:prstGeom prst="rect">
            <a:avLst/>
          </a:prstGeom>
        </p:spPr>
      </p:pic>
      <p:sp>
        <p:nvSpPr>
          <p:cNvPr id="10" name="object 10"/>
          <p:cNvSpPr txBox="1"/>
          <p:nvPr/>
        </p:nvSpPr>
        <p:spPr>
          <a:xfrm>
            <a:off x="2509484" y="3605273"/>
            <a:ext cx="1898303" cy="1363289"/>
          </a:xfrm>
          <a:prstGeom prst="rect">
            <a:avLst/>
          </a:prstGeom>
        </p:spPr>
        <p:txBody>
          <a:bodyPr vert="horz" wrap="square" lIns="0" tIns="10317" rIns="0" bIns="0" rtlCol="0">
            <a:spAutoFit/>
          </a:bodyPr>
          <a:lstStyle/>
          <a:p>
            <a:pPr marL="10860">
              <a:spcBef>
                <a:spcPts val="81"/>
              </a:spcBef>
            </a:pPr>
            <a:r>
              <a:rPr sz="1325" b="1" spc="-201" dirty="0">
                <a:latin typeface="メイリオ"/>
                <a:cs typeface="メイリオ"/>
              </a:rPr>
              <a:t>【自治体メンテ相談窓口】</a:t>
            </a:r>
            <a:endParaRPr sz="1325">
              <a:latin typeface="メイリオ"/>
              <a:cs typeface="メイリオ"/>
            </a:endParaRPr>
          </a:p>
          <a:p>
            <a:pPr marL="17376" marR="4344">
              <a:lnSpc>
                <a:spcPct val="101899"/>
              </a:lnSpc>
              <a:spcBef>
                <a:spcPts val="825"/>
              </a:spcBef>
            </a:pPr>
            <a:r>
              <a:rPr sz="1112" spc="9" dirty="0">
                <a:latin typeface="ＭＳ Ｐゴシック"/>
                <a:cs typeface="ＭＳ Ｐゴシック"/>
              </a:rPr>
              <a:t>各地方整備局の企画部等に設</a:t>
            </a:r>
            <a:r>
              <a:rPr sz="1112" dirty="0">
                <a:latin typeface="ＭＳ Ｐゴシック"/>
                <a:cs typeface="ＭＳ Ｐゴシック"/>
              </a:rPr>
              <a:t>置。地方公共団体職員等を対</a:t>
            </a:r>
            <a:r>
              <a:rPr sz="1112" spc="4" dirty="0">
                <a:latin typeface="ＭＳ Ｐゴシック"/>
                <a:cs typeface="ＭＳ Ｐゴシック"/>
              </a:rPr>
              <a:t>象とした研修・講習会、メンテナ</a:t>
            </a:r>
            <a:r>
              <a:rPr sz="1112" dirty="0">
                <a:latin typeface="ＭＳ Ｐゴシック"/>
                <a:cs typeface="ＭＳ Ｐゴシック"/>
              </a:rPr>
              <a:t>ンスに関する技術相談、包括</a:t>
            </a:r>
            <a:r>
              <a:rPr sz="1112" spc="9" dirty="0">
                <a:latin typeface="ＭＳ Ｐゴシック"/>
                <a:cs typeface="ＭＳ Ｐゴシック"/>
              </a:rPr>
              <a:t>民間委託の先進事例の紹介等</a:t>
            </a:r>
            <a:r>
              <a:rPr sz="1112" spc="4" dirty="0">
                <a:latin typeface="ＭＳ Ｐゴシック"/>
                <a:cs typeface="ＭＳ Ｐゴシック"/>
              </a:rPr>
              <a:t>を実施。</a:t>
            </a:r>
            <a:endParaRPr sz="1112">
              <a:latin typeface="ＭＳ Ｐゴシック"/>
              <a:cs typeface="ＭＳ Ｐゴシック"/>
            </a:endParaRPr>
          </a:p>
        </p:txBody>
      </p:sp>
      <p:sp>
        <p:nvSpPr>
          <p:cNvPr id="11" name="object 11"/>
          <p:cNvSpPr txBox="1"/>
          <p:nvPr/>
        </p:nvSpPr>
        <p:spPr>
          <a:xfrm>
            <a:off x="433750" y="3605273"/>
            <a:ext cx="1909706" cy="1363289"/>
          </a:xfrm>
          <a:prstGeom prst="rect">
            <a:avLst/>
          </a:prstGeom>
        </p:spPr>
        <p:txBody>
          <a:bodyPr vert="horz" wrap="square" lIns="0" tIns="10317" rIns="0" bIns="0" rtlCol="0">
            <a:spAutoFit/>
          </a:bodyPr>
          <a:lstStyle/>
          <a:p>
            <a:pPr marL="146064">
              <a:spcBef>
                <a:spcPts val="81"/>
              </a:spcBef>
            </a:pPr>
            <a:r>
              <a:rPr sz="1325" b="1" spc="-201" dirty="0">
                <a:latin typeface="メイリオ"/>
                <a:cs typeface="メイリオ"/>
              </a:rPr>
              <a:t>【都道府県との連携】</a:t>
            </a:r>
            <a:endParaRPr sz="1325">
              <a:latin typeface="メイリオ"/>
              <a:cs typeface="メイリオ"/>
            </a:endParaRPr>
          </a:p>
          <a:p>
            <a:pPr marL="10860" marR="4344">
              <a:lnSpc>
                <a:spcPct val="101899"/>
              </a:lnSpc>
              <a:spcBef>
                <a:spcPts val="825"/>
              </a:spcBef>
            </a:pPr>
            <a:r>
              <a:rPr sz="1112" spc="4" dirty="0">
                <a:solidFill>
                  <a:srgbClr val="333333"/>
                </a:solidFill>
                <a:latin typeface="ＭＳ Ｐゴシック"/>
                <a:cs typeface="ＭＳ Ｐゴシック"/>
              </a:rPr>
              <a:t>市町村が、県土木事務所へ職員を派遣。県土木事務所の技</a:t>
            </a:r>
            <a:r>
              <a:rPr sz="1112" dirty="0">
                <a:solidFill>
                  <a:srgbClr val="333333"/>
                </a:solidFill>
                <a:latin typeface="ＭＳ Ｐゴシック"/>
                <a:cs typeface="ＭＳ Ｐゴシック"/>
              </a:rPr>
              <a:t>術職員の指導を受けながら、発</a:t>
            </a:r>
            <a:r>
              <a:rPr sz="1112" spc="4" dirty="0">
                <a:solidFill>
                  <a:srgbClr val="333333"/>
                </a:solidFill>
                <a:latin typeface="ＭＳ Ｐゴシック"/>
                <a:cs typeface="ＭＳ Ｐゴシック"/>
              </a:rPr>
              <a:t>注から監督業務まで一連の現</a:t>
            </a:r>
            <a:r>
              <a:rPr sz="1112" dirty="0">
                <a:solidFill>
                  <a:srgbClr val="333333"/>
                </a:solidFill>
                <a:latin typeface="ＭＳ Ｐゴシック"/>
                <a:cs typeface="ＭＳ Ｐゴシック"/>
              </a:rPr>
              <a:t>場に携わり、市町村へ技術を持</a:t>
            </a:r>
            <a:r>
              <a:rPr sz="1112" spc="4" dirty="0">
                <a:solidFill>
                  <a:srgbClr val="333333"/>
                </a:solidFill>
                <a:latin typeface="ＭＳ Ｐゴシック"/>
                <a:cs typeface="ＭＳ Ｐゴシック"/>
              </a:rPr>
              <a:t>ち帰る。</a:t>
            </a:r>
            <a:endParaRPr sz="1112">
              <a:latin typeface="ＭＳ Ｐゴシック"/>
              <a:cs typeface="ＭＳ Ｐゴシック"/>
            </a:endParaRPr>
          </a:p>
        </p:txBody>
      </p:sp>
      <p:pic>
        <p:nvPicPr>
          <p:cNvPr id="12" name="object 12"/>
          <p:cNvPicPr/>
          <p:nvPr/>
        </p:nvPicPr>
        <p:blipFill>
          <a:blip r:embed="rId4" cstate="print"/>
          <a:stretch>
            <a:fillRect/>
          </a:stretch>
        </p:blipFill>
        <p:spPr>
          <a:xfrm>
            <a:off x="652895" y="5077200"/>
            <a:ext cx="1587277" cy="1189806"/>
          </a:xfrm>
          <a:prstGeom prst="rect">
            <a:avLst/>
          </a:prstGeom>
        </p:spPr>
      </p:pic>
      <p:sp>
        <p:nvSpPr>
          <p:cNvPr id="13" name="object 13"/>
          <p:cNvSpPr txBox="1"/>
          <p:nvPr/>
        </p:nvSpPr>
        <p:spPr>
          <a:xfrm>
            <a:off x="626520" y="6279656"/>
            <a:ext cx="1731603" cy="361887"/>
          </a:xfrm>
          <a:prstGeom prst="rect">
            <a:avLst/>
          </a:prstGeom>
        </p:spPr>
        <p:txBody>
          <a:bodyPr vert="horz" wrap="square" lIns="0" tIns="14661" rIns="0" bIns="0" rtlCol="0">
            <a:spAutoFit/>
          </a:bodyPr>
          <a:lstStyle/>
          <a:p>
            <a:pPr marL="10860">
              <a:spcBef>
                <a:spcPts val="115"/>
              </a:spcBef>
            </a:pPr>
            <a:r>
              <a:rPr sz="727" dirty="0">
                <a:latin typeface="ＭＳ Ｐゴシック"/>
                <a:cs typeface="ＭＳ Ｐゴシック"/>
              </a:rPr>
              <a:t>（奈良県事例：積算資料の作成指導</a:t>
            </a:r>
            <a:r>
              <a:rPr sz="727" spc="-43" dirty="0">
                <a:latin typeface="ＭＳ Ｐゴシック"/>
                <a:cs typeface="ＭＳ Ｐゴシック"/>
              </a:rPr>
              <a:t>）</a:t>
            </a:r>
            <a:endParaRPr sz="727">
              <a:latin typeface="ＭＳ Ｐゴシック"/>
              <a:cs typeface="ＭＳ Ｐゴシック"/>
            </a:endParaRPr>
          </a:p>
          <a:p>
            <a:pPr marL="422445">
              <a:spcBef>
                <a:spcPts val="509"/>
              </a:spcBef>
            </a:pPr>
            <a:r>
              <a:rPr sz="556" dirty="0">
                <a:latin typeface="ＭＳ Ｐゴシック"/>
                <a:cs typeface="ＭＳ Ｐゴシック"/>
              </a:rPr>
              <a:t>出典）</a:t>
            </a:r>
            <a:r>
              <a:rPr sz="556" spc="-9" dirty="0">
                <a:latin typeface="ＭＳ Ｐゴシック"/>
                <a:cs typeface="ＭＳ Ｐゴシック"/>
              </a:rPr>
              <a:t>奈良県提供資料より国土交通省作成</a:t>
            </a:r>
            <a:endParaRPr sz="556">
              <a:latin typeface="ＭＳ Ｐゴシック"/>
              <a:cs typeface="ＭＳ Ｐゴシック"/>
            </a:endParaRPr>
          </a:p>
        </p:txBody>
      </p:sp>
      <p:sp>
        <p:nvSpPr>
          <p:cNvPr id="14" name="object 14"/>
          <p:cNvSpPr txBox="1"/>
          <p:nvPr/>
        </p:nvSpPr>
        <p:spPr>
          <a:xfrm>
            <a:off x="320583" y="1351401"/>
            <a:ext cx="2676955" cy="1856760"/>
          </a:xfrm>
          <a:prstGeom prst="rect">
            <a:avLst/>
          </a:prstGeom>
          <a:solidFill>
            <a:srgbClr val="DDEBF6"/>
          </a:solidFill>
        </p:spPr>
        <p:txBody>
          <a:bodyPr vert="horz" wrap="square" lIns="0" tIns="42896" rIns="0" bIns="0" rtlCol="0">
            <a:spAutoFit/>
          </a:bodyPr>
          <a:lstStyle/>
          <a:p>
            <a:pPr marL="32579">
              <a:spcBef>
                <a:spcPts val="338"/>
              </a:spcBef>
            </a:pPr>
            <a:r>
              <a:rPr sz="1496" spc="-9" dirty="0">
                <a:latin typeface="ＭＳ Ｐゴシック"/>
                <a:cs typeface="ＭＳ Ｐゴシック"/>
              </a:rPr>
              <a:t>【関係機関】</a:t>
            </a:r>
            <a:endParaRPr sz="1496">
              <a:latin typeface="ＭＳ Ｐゴシック"/>
              <a:cs typeface="ＭＳ Ｐゴシック"/>
            </a:endParaRPr>
          </a:p>
          <a:p>
            <a:pPr marL="32579">
              <a:spcBef>
                <a:spcPts val="304"/>
              </a:spcBef>
            </a:pPr>
            <a:r>
              <a:rPr sz="1197" spc="-9" dirty="0">
                <a:latin typeface="ＭＳ Ｐゴシック"/>
                <a:cs typeface="ＭＳ Ｐゴシック"/>
              </a:rPr>
              <a:t>〇都道府県等</a:t>
            </a:r>
            <a:endParaRPr sz="1197">
              <a:latin typeface="ＭＳ Ｐゴシック"/>
              <a:cs typeface="ＭＳ Ｐゴシック"/>
            </a:endParaRPr>
          </a:p>
          <a:p>
            <a:pPr marL="32579">
              <a:spcBef>
                <a:spcPts val="316"/>
              </a:spcBef>
            </a:pPr>
            <a:r>
              <a:rPr sz="1197" spc="-9" dirty="0">
                <a:latin typeface="ＭＳ Ｐゴシック"/>
                <a:cs typeface="ＭＳ Ｐゴシック"/>
              </a:rPr>
              <a:t>〇建設技術センター</a:t>
            </a:r>
            <a:endParaRPr sz="1197">
              <a:latin typeface="ＭＳ Ｐゴシック"/>
              <a:cs typeface="ＭＳ Ｐゴシック"/>
            </a:endParaRPr>
          </a:p>
          <a:p>
            <a:pPr marL="32579" marR="100996" indent="102624">
              <a:lnSpc>
                <a:spcPts val="1753"/>
              </a:lnSpc>
              <a:spcBef>
                <a:spcPts val="111"/>
              </a:spcBef>
            </a:pPr>
            <a:r>
              <a:rPr sz="1197" spc="9" dirty="0">
                <a:latin typeface="ＭＳ Ｐゴシック"/>
                <a:cs typeface="ＭＳ Ｐゴシック"/>
              </a:rPr>
              <a:t>（</a:t>
            </a:r>
            <a:r>
              <a:rPr sz="1197" spc="17" dirty="0">
                <a:latin typeface="ＭＳ Ｐゴシック"/>
                <a:cs typeface="ＭＳ Ｐゴシック"/>
              </a:rPr>
              <a:t>都道府県、国土交通省地方整備局</a:t>
            </a:r>
            <a:r>
              <a:rPr sz="1197" spc="9" dirty="0">
                <a:latin typeface="ＭＳ Ｐゴシック"/>
                <a:cs typeface="ＭＳ Ｐゴシック"/>
              </a:rPr>
              <a:t>）〇インフラメンテナンス市区町村会議</a:t>
            </a:r>
            <a:r>
              <a:rPr sz="1197" spc="13" dirty="0">
                <a:latin typeface="ＭＳ Ｐゴシック"/>
                <a:cs typeface="ＭＳ Ｐゴシック"/>
              </a:rPr>
              <a:t>〇自治体メンテ相談窓口</a:t>
            </a:r>
            <a:endParaRPr sz="1197">
              <a:latin typeface="ＭＳ Ｐゴシック"/>
              <a:cs typeface="ＭＳ Ｐゴシック"/>
            </a:endParaRPr>
          </a:p>
          <a:p>
            <a:pPr marL="32579">
              <a:spcBef>
                <a:spcPts val="209"/>
              </a:spcBef>
            </a:pPr>
            <a:r>
              <a:rPr sz="1197" spc="-4" dirty="0">
                <a:latin typeface="ＭＳ Ｐゴシック"/>
                <a:cs typeface="ＭＳ Ｐゴシック"/>
              </a:rPr>
              <a:t>〇道路メンテナンスセンター</a:t>
            </a:r>
            <a:endParaRPr sz="1197">
              <a:latin typeface="ＭＳ Ｐゴシック"/>
              <a:cs typeface="ＭＳ Ｐゴシック"/>
            </a:endParaRPr>
          </a:p>
          <a:p>
            <a:pPr marL="32579">
              <a:spcBef>
                <a:spcPts val="321"/>
              </a:spcBef>
              <a:tabLst>
                <a:tab pos="2445620" algn="l"/>
              </a:tabLst>
            </a:pPr>
            <a:r>
              <a:rPr sz="1197" dirty="0">
                <a:latin typeface="ＭＳ Ｐゴシック"/>
                <a:cs typeface="ＭＳ Ｐゴシック"/>
              </a:rPr>
              <a:t>〇道路メンテナンス会</a:t>
            </a:r>
            <a:r>
              <a:rPr sz="1197" spc="-43" dirty="0">
                <a:latin typeface="ＭＳ Ｐゴシック"/>
                <a:cs typeface="ＭＳ Ｐゴシック"/>
              </a:rPr>
              <a:t>議</a:t>
            </a:r>
            <a:r>
              <a:rPr sz="1197" dirty="0">
                <a:latin typeface="ＭＳ Ｐゴシック"/>
                <a:cs typeface="ＭＳ Ｐゴシック"/>
              </a:rPr>
              <a:t>	</a:t>
            </a:r>
            <a:r>
              <a:rPr sz="1112" spc="-43" dirty="0">
                <a:latin typeface="ＭＳ Ｐゴシック"/>
                <a:cs typeface="ＭＳ Ｐゴシック"/>
              </a:rPr>
              <a:t>等</a:t>
            </a:r>
            <a:endParaRPr sz="1112">
              <a:latin typeface="ＭＳ Ｐゴシック"/>
              <a:cs typeface="ＭＳ Ｐゴシック"/>
            </a:endParaRPr>
          </a:p>
        </p:txBody>
      </p:sp>
      <p:sp>
        <p:nvSpPr>
          <p:cNvPr id="15" name="object 15"/>
          <p:cNvSpPr txBox="1"/>
          <p:nvPr/>
        </p:nvSpPr>
        <p:spPr>
          <a:xfrm>
            <a:off x="5356792" y="6289983"/>
            <a:ext cx="671139" cy="141992"/>
          </a:xfrm>
          <a:prstGeom prst="rect">
            <a:avLst/>
          </a:prstGeom>
        </p:spPr>
        <p:txBody>
          <a:bodyPr vert="horz" wrap="square" lIns="0" tIns="10317" rIns="0" bIns="0" rtlCol="0">
            <a:spAutoFit/>
          </a:bodyPr>
          <a:lstStyle/>
          <a:p>
            <a:pPr marL="10860">
              <a:spcBef>
                <a:spcPts val="81"/>
              </a:spcBef>
            </a:pPr>
            <a:r>
              <a:rPr sz="855" spc="-17" dirty="0">
                <a:latin typeface="ＭＳ Ｐゴシック"/>
                <a:cs typeface="ＭＳ Ｐゴシック"/>
              </a:rPr>
              <a:t>研修実施状況</a:t>
            </a:r>
            <a:endParaRPr sz="855">
              <a:latin typeface="ＭＳ Ｐゴシック"/>
              <a:cs typeface="ＭＳ Ｐゴシック"/>
            </a:endParaRPr>
          </a:p>
        </p:txBody>
      </p:sp>
      <p:pic>
        <p:nvPicPr>
          <p:cNvPr id="16" name="object 16"/>
          <p:cNvPicPr/>
          <p:nvPr/>
        </p:nvPicPr>
        <p:blipFill>
          <a:blip r:embed="rId5" cstate="print"/>
          <a:stretch>
            <a:fillRect/>
          </a:stretch>
        </p:blipFill>
        <p:spPr>
          <a:xfrm>
            <a:off x="4821777" y="5055047"/>
            <a:ext cx="1704921" cy="1211959"/>
          </a:xfrm>
          <a:prstGeom prst="rect">
            <a:avLst/>
          </a:prstGeom>
        </p:spPr>
      </p:pic>
      <p:sp>
        <p:nvSpPr>
          <p:cNvPr id="17" name="object 17"/>
          <p:cNvSpPr txBox="1"/>
          <p:nvPr/>
        </p:nvSpPr>
        <p:spPr>
          <a:xfrm>
            <a:off x="499119" y="794941"/>
            <a:ext cx="8205165" cy="352461"/>
          </a:xfrm>
          <a:prstGeom prst="rect">
            <a:avLst/>
          </a:prstGeom>
          <a:solidFill>
            <a:srgbClr val="FBE4D6"/>
          </a:solidFill>
          <a:ln w="10667">
            <a:solidFill>
              <a:srgbClr val="000000"/>
            </a:solidFill>
          </a:ln>
        </p:spPr>
        <p:txBody>
          <a:bodyPr vert="horz" wrap="square" lIns="0" tIns="121087" rIns="0" bIns="0" rtlCol="0">
            <a:spAutoFit/>
          </a:bodyPr>
          <a:lstStyle/>
          <a:p>
            <a:pPr marL="85792">
              <a:spcBef>
                <a:spcPts val="953"/>
              </a:spcBef>
            </a:pPr>
            <a:r>
              <a:rPr sz="1496" spc="-13" dirty="0">
                <a:latin typeface="ＭＳ Ｐゴシック"/>
                <a:cs typeface="ＭＳ Ｐゴシック"/>
              </a:rPr>
              <a:t>論点：ニーズに対応するために産学官の多様な主体を巻き込むべきではないか。</a:t>
            </a:r>
            <a:endParaRPr sz="1496">
              <a:latin typeface="ＭＳ Ｐゴシック"/>
              <a:cs typeface="ＭＳ Ｐゴシック"/>
            </a:endParaRP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E8C43F86-4F54-C976-06EB-481A55B0FF0C}"/>
              </a:ext>
            </a:extLst>
          </p:cNvPr>
          <p:cNvPicPr>
            <a:picLocks noChangeAspect="1"/>
          </p:cNvPicPr>
          <p:nvPr/>
        </p:nvPicPr>
        <p:blipFill>
          <a:blip r:embed="rId2"/>
          <a:stretch>
            <a:fillRect/>
          </a:stretch>
        </p:blipFill>
        <p:spPr>
          <a:xfrm>
            <a:off x="1356852" y="179173"/>
            <a:ext cx="6858000" cy="6718921"/>
          </a:xfrm>
          <a:prstGeom prst="rect">
            <a:avLst/>
          </a:prstGeom>
        </p:spPr>
      </p:pic>
    </p:spTree>
    <p:extLst>
      <p:ext uri="{BB962C8B-B14F-4D97-AF65-F5344CB8AC3E}">
        <p14:creationId xmlns:p14="http://schemas.microsoft.com/office/powerpoint/2010/main" val="1933415543"/>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335645" y="247617"/>
            <a:ext cx="4460686" cy="236092"/>
          </a:xfrm>
          <a:prstGeom prst="rect">
            <a:avLst/>
          </a:prstGeom>
        </p:spPr>
        <p:txBody>
          <a:bodyPr vert="horz" wrap="square" lIns="0" tIns="10860" rIns="0" bIns="0" rtlCol="0">
            <a:spAutoFit/>
          </a:bodyPr>
          <a:lstStyle/>
          <a:p>
            <a:pPr marL="10860">
              <a:lnSpc>
                <a:spcPct val="100000"/>
              </a:lnSpc>
              <a:spcBef>
                <a:spcPts val="86"/>
              </a:spcBef>
              <a:tabLst>
                <a:tab pos="1220095" algn="l"/>
              </a:tabLst>
            </a:pPr>
            <a:r>
              <a:rPr spc="-47" dirty="0"/>
              <a:t>テ</a:t>
            </a:r>
            <a:r>
              <a:rPr spc="-145" dirty="0"/>
              <a:t>ー</a:t>
            </a:r>
            <a:r>
              <a:rPr spc="-68" dirty="0"/>
              <a:t>マ</a:t>
            </a:r>
            <a:r>
              <a:rPr spc="-43" dirty="0"/>
              <a:t>③</a:t>
            </a:r>
            <a:r>
              <a:rPr dirty="0"/>
              <a:t>	支援体制</a:t>
            </a:r>
            <a:r>
              <a:rPr spc="107" dirty="0"/>
              <a:t>の</a:t>
            </a:r>
            <a:r>
              <a:rPr spc="184" dirty="0"/>
              <a:t>あ</a:t>
            </a:r>
            <a:r>
              <a:rPr spc="435" dirty="0"/>
              <a:t>り</a:t>
            </a:r>
            <a:r>
              <a:rPr dirty="0"/>
              <a:t>方</a:t>
            </a:r>
            <a:r>
              <a:rPr spc="184" dirty="0"/>
              <a:t>に</a:t>
            </a:r>
            <a:r>
              <a:rPr dirty="0"/>
              <a:t>つ</a:t>
            </a:r>
            <a:r>
              <a:rPr spc="60" dirty="0"/>
              <a:t>い</a:t>
            </a:r>
            <a:r>
              <a:rPr spc="180" dirty="0"/>
              <a:t>て</a:t>
            </a:r>
          </a:p>
        </p:txBody>
      </p:sp>
      <p:grpSp>
        <p:nvGrpSpPr>
          <p:cNvPr id="3" name="object 3"/>
          <p:cNvGrpSpPr/>
          <p:nvPr/>
        </p:nvGrpSpPr>
        <p:grpSpPr>
          <a:xfrm>
            <a:off x="423535" y="2300118"/>
            <a:ext cx="8407159" cy="4070275"/>
            <a:chOff x="495300" y="2461260"/>
            <a:chExt cx="9831705" cy="4759960"/>
          </a:xfrm>
        </p:grpSpPr>
        <p:sp>
          <p:nvSpPr>
            <p:cNvPr id="4" name="object 4"/>
            <p:cNvSpPr/>
            <p:nvPr/>
          </p:nvSpPr>
          <p:spPr>
            <a:xfrm>
              <a:off x="495300" y="2461260"/>
              <a:ext cx="9831705" cy="4759960"/>
            </a:xfrm>
            <a:custGeom>
              <a:avLst/>
              <a:gdLst/>
              <a:ahLst/>
              <a:cxnLst/>
              <a:rect l="l" t="t" r="r" b="b"/>
              <a:pathLst>
                <a:path w="9831705" h="4759959">
                  <a:moveTo>
                    <a:pt x="7619" y="4751832"/>
                  </a:moveTo>
                  <a:lnTo>
                    <a:pt x="0" y="4751832"/>
                  </a:lnTo>
                  <a:lnTo>
                    <a:pt x="0" y="4695444"/>
                  </a:lnTo>
                  <a:lnTo>
                    <a:pt x="15239" y="4695444"/>
                  </a:lnTo>
                  <a:lnTo>
                    <a:pt x="15239" y="4744212"/>
                  </a:lnTo>
                  <a:lnTo>
                    <a:pt x="7619" y="4744212"/>
                  </a:lnTo>
                  <a:lnTo>
                    <a:pt x="7619" y="4751832"/>
                  </a:lnTo>
                  <a:close/>
                </a:path>
                <a:path w="9831705" h="4759959">
                  <a:moveTo>
                    <a:pt x="18287" y="4759452"/>
                  </a:moveTo>
                  <a:lnTo>
                    <a:pt x="7619" y="4759452"/>
                  </a:lnTo>
                  <a:lnTo>
                    <a:pt x="7619" y="4744212"/>
                  </a:lnTo>
                  <a:lnTo>
                    <a:pt x="15239" y="4744212"/>
                  </a:lnTo>
                  <a:lnTo>
                    <a:pt x="15239" y="4751832"/>
                  </a:lnTo>
                  <a:lnTo>
                    <a:pt x="18287" y="4751832"/>
                  </a:lnTo>
                  <a:lnTo>
                    <a:pt x="18287" y="4759452"/>
                  </a:lnTo>
                  <a:close/>
                </a:path>
                <a:path w="9831705" h="4759959">
                  <a:moveTo>
                    <a:pt x="18287" y="4751832"/>
                  </a:moveTo>
                  <a:lnTo>
                    <a:pt x="15239" y="4751832"/>
                  </a:lnTo>
                  <a:lnTo>
                    <a:pt x="15239" y="4744212"/>
                  </a:lnTo>
                  <a:lnTo>
                    <a:pt x="18287" y="4744212"/>
                  </a:lnTo>
                  <a:lnTo>
                    <a:pt x="18287" y="4751832"/>
                  </a:lnTo>
                  <a:close/>
                </a:path>
                <a:path w="9831705" h="4759959">
                  <a:moveTo>
                    <a:pt x="15239" y="4654295"/>
                  </a:moveTo>
                  <a:lnTo>
                    <a:pt x="0" y="4654295"/>
                  </a:lnTo>
                  <a:lnTo>
                    <a:pt x="0" y="4597908"/>
                  </a:lnTo>
                  <a:lnTo>
                    <a:pt x="15239" y="4597908"/>
                  </a:lnTo>
                  <a:lnTo>
                    <a:pt x="15239" y="4654295"/>
                  </a:lnTo>
                  <a:close/>
                </a:path>
                <a:path w="9831705" h="4759959">
                  <a:moveTo>
                    <a:pt x="15239" y="4555236"/>
                  </a:moveTo>
                  <a:lnTo>
                    <a:pt x="0" y="4555236"/>
                  </a:lnTo>
                  <a:lnTo>
                    <a:pt x="0" y="4500372"/>
                  </a:lnTo>
                  <a:lnTo>
                    <a:pt x="15239" y="4500372"/>
                  </a:lnTo>
                  <a:lnTo>
                    <a:pt x="15239" y="4555236"/>
                  </a:lnTo>
                  <a:close/>
                </a:path>
                <a:path w="9831705" h="4759959">
                  <a:moveTo>
                    <a:pt x="15239" y="4457700"/>
                  </a:moveTo>
                  <a:lnTo>
                    <a:pt x="0" y="4457700"/>
                  </a:lnTo>
                  <a:lnTo>
                    <a:pt x="0" y="4401311"/>
                  </a:lnTo>
                  <a:lnTo>
                    <a:pt x="15239" y="4401311"/>
                  </a:lnTo>
                  <a:lnTo>
                    <a:pt x="15239" y="4457700"/>
                  </a:lnTo>
                  <a:close/>
                </a:path>
                <a:path w="9831705" h="4759959">
                  <a:moveTo>
                    <a:pt x="15239" y="4360163"/>
                  </a:moveTo>
                  <a:lnTo>
                    <a:pt x="0" y="4360163"/>
                  </a:lnTo>
                  <a:lnTo>
                    <a:pt x="0" y="4303776"/>
                  </a:lnTo>
                  <a:lnTo>
                    <a:pt x="15239" y="4303776"/>
                  </a:lnTo>
                  <a:lnTo>
                    <a:pt x="15239" y="4360163"/>
                  </a:lnTo>
                  <a:close/>
                </a:path>
                <a:path w="9831705" h="4759959">
                  <a:moveTo>
                    <a:pt x="15239" y="4261104"/>
                  </a:moveTo>
                  <a:lnTo>
                    <a:pt x="0" y="4261104"/>
                  </a:lnTo>
                  <a:lnTo>
                    <a:pt x="0" y="4206240"/>
                  </a:lnTo>
                  <a:lnTo>
                    <a:pt x="15239" y="4206240"/>
                  </a:lnTo>
                  <a:lnTo>
                    <a:pt x="15239" y="4261104"/>
                  </a:lnTo>
                  <a:close/>
                </a:path>
                <a:path w="9831705" h="4759959">
                  <a:moveTo>
                    <a:pt x="15239" y="4163568"/>
                  </a:moveTo>
                  <a:lnTo>
                    <a:pt x="0" y="4163568"/>
                  </a:lnTo>
                  <a:lnTo>
                    <a:pt x="0" y="4107179"/>
                  </a:lnTo>
                  <a:lnTo>
                    <a:pt x="15239" y="4107179"/>
                  </a:lnTo>
                  <a:lnTo>
                    <a:pt x="15239" y="4163568"/>
                  </a:lnTo>
                  <a:close/>
                </a:path>
                <a:path w="9831705" h="4759959">
                  <a:moveTo>
                    <a:pt x="15239" y="4066032"/>
                  </a:moveTo>
                  <a:lnTo>
                    <a:pt x="0" y="4066032"/>
                  </a:lnTo>
                  <a:lnTo>
                    <a:pt x="0" y="4009644"/>
                  </a:lnTo>
                  <a:lnTo>
                    <a:pt x="15239" y="4009644"/>
                  </a:lnTo>
                  <a:lnTo>
                    <a:pt x="15239" y="4066032"/>
                  </a:lnTo>
                  <a:close/>
                </a:path>
                <a:path w="9831705" h="4759959">
                  <a:moveTo>
                    <a:pt x="15239" y="3966972"/>
                  </a:moveTo>
                  <a:lnTo>
                    <a:pt x="0" y="3966972"/>
                  </a:lnTo>
                  <a:lnTo>
                    <a:pt x="0" y="3912108"/>
                  </a:lnTo>
                  <a:lnTo>
                    <a:pt x="15239" y="3912108"/>
                  </a:lnTo>
                  <a:lnTo>
                    <a:pt x="15239" y="3966972"/>
                  </a:lnTo>
                  <a:close/>
                </a:path>
                <a:path w="9831705" h="4759959">
                  <a:moveTo>
                    <a:pt x="15239" y="3869436"/>
                  </a:moveTo>
                  <a:lnTo>
                    <a:pt x="0" y="3869436"/>
                  </a:lnTo>
                  <a:lnTo>
                    <a:pt x="0" y="3813047"/>
                  </a:lnTo>
                  <a:lnTo>
                    <a:pt x="15239" y="3813047"/>
                  </a:lnTo>
                  <a:lnTo>
                    <a:pt x="15239" y="3869436"/>
                  </a:lnTo>
                  <a:close/>
                </a:path>
                <a:path w="9831705" h="4759959">
                  <a:moveTo>
                    <a:pt x="15239" y="3771900"/>
                  </a:moveTo>
                  <a:lnTo>
                    <a:pt x="0" y="3771900"/>
                  </a:lnTo>
                  <a:lnTo>
                    <a:pt x="0" y="3715511"/>
                  </a:lnTo>
                  <a:lnTo>
                    <a:pt x="15239" y="3715511"/>
                  </a:lnTo>
                  <a:lnTo>
                    <a:pt x="15239" y="3771900"/>
                  </a:lnTo>
                  <a:close/>
                </a:path>
                <a:path w="9831705" h="4759959">
                  <a:moveTo>
                    <a:pt x="15239" y="3672840"/>
                  </a:moveTo>
                  <a:lnTo>
                    <a:pt x="0" y="3672840"/>
                  </a:lnTo>
                  <a:lnTo>
                    <a:pt x="0" y="3617976"/>
                  </a:lnTo>
                  <a:lnTo>
                    <a:pt x="15239" y="3617976"/>
                  </a:lnTo>
                  <a:lnTo>
                    <a:pt x="15239" y="3672840"/>
                  </a:lnTo>
                  <a:close/>
                </a:path>
                <a:path w="9831705" h="4759959">
                  <a:moveTo>
                    <a:pt x="15239" y="3575304"/>
                  </a:moveTo>
                  <a:lnTo>
                    <a:pt x="0" y="3575304"/>
                  </a:lnTo>
                  <a:lnTo>
                    <a:pt x="0" y="3518916"/>
                  </a:lnTo>
                  <a:lnTo>
                    <a:pt x="15239" y="3518916"/>
                  </a:lnTo>
                  <a:lnTo>
                    <a:pt x="15239" y="3575304"/>
                  </a:lnTo>
                  <a:close/>
                </a:path>
                <a:path w="9831705" h="4759959">
                  <a:moveTo>
                    <a:pt x="15239" y="3477768"/>
                  </a:moveTo>
                  <a:lnTo>
                    <a:pt x="0" y="3477768"/>
                  </a:lnTo>
                  <a:lnTo>
                    <a:pt x="0" y="3421379"/>
                  </a:lnTo>
                  <a:lnTo>
                    <a:pt x="15239" y="3421379"/>
                  </a:lnTo>
                  <a:lnTo>
                    <a:pt x="15239" y="3477768"/>
                  </a:lnTo>
                  <a:close/>
                </a:path>
                <a:path w="9831705" h="4759959">
                  <a:moveTo>
                    <a:pt x="15239" y="3380232"/>
                  </a:moveTo>
                  <a:lnTo>
                    <a:pt x="0" y="3380232"/>
                  </a:lnTo>
                  <a:lnTo>
                    <a:pt x="0" y="3323844"/>
                  </a:lnTo>
                  <a:lnTo>
                    <a:pt x="15239" y="3323844"/>
                  </a:lnTo>
                  <a:lnTo>
                    <a:pt x="15239" y="3380232"/>
                  </a:lnTo>
                  <a:close/>
                </a:path>
                <a:path w="9831705" h="4759959">
                  <a:moveTo>
                    <a:pt x="15239" y="3281172"/>
                  </a:moveTo>
                  <a:lnTo>
                    <a:pt x="0" y="3281172"/>
                  </a:lnTo>
                  <a:lnTo>
                    <a:pt x="0" y="3224784"/>
                  </a:lnTo>
                  <a:lnTo>
                    <a:pt x="15239" y="3224784"/>
                  </a:lnTo>
                  <a:lnTo>
                    <a:pt x="15239" y="3281172"/>
                  </a:lnTo>
                  <a:close/>
                </a:path>
                <a:path w="9831705" h="4759959">
                  <a:moveTo>
                    <a:pt x="15239" y="3183636"/>
                  </a:moveTo>
                  <a:lnTo>
                    <a:pt x="0" y="3183636"/>
                  </a:lnTo>
                  <a:lnTo>
                    <a:pt x="0" y="3127247"/>
                  </a:lnTo>
                  <a:lnTo>
                    <a:pt x="15239" y="3127247"/>
                  </a:lnTo>
                  <a:lnTo>
                    <a:pt x="15239" y="3183636"/>
                  </a:lnTo>
                  <a:close/>
                </a:path>
                <a:path w="9831705" h="4759959">
                  <a:moveTo>
                    <a:pt x="15239" y="3086100"/>
                  </a:moveTo>
                  <a:lnTo>
                    <a:pt x="0" y="3086100"/>
                  </a:lnTo>
                  <a:lnTo>
                    <a:pt x="0" y="3029711"/>
                  </a:lnTo>
                  <a:lnTo>
                    <a:pt x="15239" y="3029711"/>
                  </a:lnTo>
                  <a:lnTo>
                    <a:pt x="15239" y="3086100"/>
                  </a:lnTo>
                  <a:close/>
                </a:path>
                <a:path w="9831705" h="4759959">
                  <a:moveTo>
                    <a:pt x="15239" y="2987040"/>
                  </a:moveTo>
                  <a:lnTo>
                    <a:pt x="0" y="2987040"/>
                  </a:lnTo>
                  <a:lnTo>
                    <a:pt x="0" y="2932176"/>
                  </a:lnTo>
                  <a:lnTo>
                    <a:pt x="15239" y="2932176"/>
                  </a:lnTo>
                  <a:lnTo>
                    <a:pt x="15239" y="2987040"/>
                  </a:lnTo>
                  <a:close/>
                </a:path>
                <a:path w="9831705" h="4759959">
                  <a:moveTo>
                    <a:pt x="15239" y="2889504"/>
                  </a:moveTo>
                  <a:lnTo>
                    <a:pt x="0" y="2889504"/>
                  </a:lnTo>
                  <a:lnTo>
                    <a:pt x="0" y="2833116"/>
                  </a:lnTo>
                  <a:lnTo>
                    <a:pt x="15239" y="2833116"/>
                  </a:lnTo>
                  <a:lnTo>
                    <a:pt x="15239" y="2889504"/>
                  </a:lnTo>
                  <a:close/>
                </a:path>
                <a:path w="9831705" h="4759959">
                  <a:moveTo>
                    <a:pt x="15239" y="2791968"/>
                  </a:moveTo>
                  <a:lnTo>
                    <a:pt x="0" y="2791968"/>
                  </a:lnTo>
                  <a:lnTo>
                    <a:pt x="0" y="2735579"/>
                  </a:lnTo>
                  <a:lnTo>
                    <a:pt x="15239" y="2735579"/>
                  </a:lnTo>
                  <a:lnTo>
                    <a:pt x="15239" y="2791968"/>
                  </a:lnTo>
                  <a:close/>
                </a:path>
                <a:path w="9831705" h="4759959">
                  <a:moveTo>
                    <a:pt x="15239" y="2692908"/>
                  </a:moveTo>
                  <a:lnTo>
                    <a:pt x="0" y="2692908"/>
                  </a:lnTo>
                  <a:lnTo>
                    <a:pt x="0" y="2638043"/>
                  </a:lnTo>
                  <a:lnTo>
                    <a:pt x="15239" y="2638043"/>
                  </a:lnTo>
                  <a:lnTo>
                    <a:pt x="15239" y="2692908"/>
                  </a:lnTo>
                  <a:close/>
                </a:path>
                <a:path w="9831705" h="4759959">
                  <a:moveTo>
                    <a:pt x="15239" y="2595372"/>
                  </a:moveTo>
                  <a:lnTo>
                    <a:pt x="0" y="2595372"/>
                  </a:lnTo>
                  <a:lnTo>
                    <a:pt x="0" y="2538984"/>
                  </a:lnTo>
                  <a:lnTo>
                    <a:pt x="15239" y="2538984"/>
                  </a:lnTo>
                  <a:lnTo>
                    <a:pt x="15239" y="2595372"/>
                  </a:lnTo>
                  <a:close/>
                </a:path>
                <a:path w="9831705" h="4759959">
                  <a:moveTo>
                    <a:pt x="15239" y="2497836"/>
                  </a:moveTo>
                  <a:lnTo>
                    <a:pt x="0" y="2497836"/>
                  </a:lnTo>
                  <a:lnTo>
                    <a:pt x="0" y="2441447"/>
                  </a:lnTo>
                  <a:lnTo>
                    <a:pt x="15239" y="2441447"/>
                  </a:lnTo>
                  <a:lnTo>
                    <a:pt x="15239" y="2497836"/>
                  </a:lnTo>
                  <a:close/>
                </a:path>
                <a:path w="9831705" h="4759959">
                  <a:moveTo>
                    <a:pt x="15239" y="2398776"/>
                  </a:moveTo>
                  <a:lnTo>
                    <a:pt x="0" y="2398776"/>
                  </a:lnTo>
                  <a:lnTo>
                    <a:pt x="0" y="2343912"/>
                  </a:lnTo>
                  <a:lnTo>
                    <a:pt x="15239" y="2343912"/>
                  </a:lnTo>
                  <a:lnTo>
                    <a:pt x="15239" y="2398776"/>
                  </a:lnTo>
                  <a:close/>
                </a:path>
                <a:path w="9831705" h="4759959">
                  <a:moveTo>
                    <a:pt x="15239" y="2301240"/>
                  </a:moveTo>
                  <a:lnTo>
                    <a:pt x="0" y="2301240"/>
                  </a:lnTo>
                  <a:lnTo>
                    <a:pt x="0" y="2244852"/>
                  </a:lnTo>
                  <a:lnTo>
                    <a:pt x="15239" y="2244852"/>
                  </a:lnTo>
                  <a:lnTo>
                    <a:pt x="15239" y="2301240"/>
                  </a:lnTo>
                  <a:close/>
                </a:path>
                <a:path w="9831705" h="4759959">
                  <a:moveTo>
                    <a:pt x="15239" y="2203704"/>
                  </a:moveTo>
                  <a:lnTo>
                    <a:pt x="0" y="2203704"/>
                  </a:lnTo>
                  <a:lnTo>
                    <a:pt x="0" y="2147316"/>
                  </a:lnTo>
                  <a:lnTo>
                    <a:pt x="15239" y="2147316"/>
                  </a:lnTo>
                  <a:lnTo>
                    <a:pt x="15239" y="2203704"/>
                  </a:lnTo>
                  <a:close/>
                </a:path>
                <a:path w="9831705" h="4759959">
                  <a:moveTo>
                    <a:pt x="15239" y="2104643"/>
                  </a:moveTo>
                  <a:lnTo>
                    <a:pt x="0" y="2104643"/>
                  </a:lnTo>
                  <a:lnTo>
                    <a:pt x="0" y="2049780"/>
                  </a:lnTo>
                  <a:lnTo>
                    <a:pt x="15239" y="2049780"/>
                  </a:lnTo>
                  <a:lnTo>
                    <a:pt x="15239" y="2104643"/>
                  </a:lnTo>
                  <a:close/>
                </a:path>
                <a:path w="9831705" h="4759959">
                  <a:moveTo>
                    <a:pt x="15239" y="2007108"/>
                  </a:moveTo>
                  <a:lnTo>
                    <a:pt x="0" y="2007108"/>
                  </a:lnTo>
                  <a:lnTo>
                    <a:pt x="0" y="1950720"/>
                  </a:lnTo>
                  <a:lnTo>
                    <a:pt x="15239" y="1950720"/>
                  </a:lnTo>
                  <a:lnTo>
                    <a:pt x="15239" y="2007108"/>
                  </a:lnTo>
                  <a:close/>
                </a:path>
                <a:path w="9831705" h="4759959">
                  <a:moveTo>
                    <a:pt x="15239" y="1909572"/>
                  </a:moveTo>
                  <a:lnTo>
                    <a:pt x="0" y="1909572"/>
                  </a:lnTo>
                  <a:lnTo>
                    <a:pt x="0" y="1853184"/>
                  </a:lnTo>
                  <a:lnTo>
                    <a:pt x="15239" y="1853184"/>
                  </a:lnTo>
                  <a:lnTo>
                    <a:pt x="15239" y="1909572"/>
                  </a:lnTo>
                  <a:close/>
                </a:path>
                <a:path w="9831705" h="4759959">
                  <a:moveTo>
                    <a:pt x="15239" y="1810512"/>
                  </a:moveTo>
                  <a:lnTo>
                    <a:pt x="0" y="1810512"/>
                  </a:lnTo>
                  <a:lnTo>
                    <a:pt x="0" y="1755648"/>
                  </a:lnTo>
                  <a:lnTo>
                    <a:pt x="15239" y="1755648"/>
                  </a:lnTo>
                  <a:lnTo>
                    <a:pt x="15239" y="1810512"/>
                  </a:lnTo>
                  <a:close/>
                </a:path>
                <a:path w="9831705" h="4759959">
                  <a:moveTo>
                    <a:pt x="15239" y="1712976"/>
                  </a:moveTo>
                  <a:lnTo>
                    <a:pt x="0" y="1712976"/>
                  </a:lnTo>
                  <a:lnTo>
                    <a:pt x="0" y="1656588"/>
                  </a:lnTo>
                  <a:lnTo>
                    <a:pt x="15239" y="1656588"/>
                  </a:lnTo>
                  <a:lnTo>
                    <a:pt x="15239" y="1712976"/>
                  </a:lnTo>
                  <a:close/>
                </a:path>
                <a:path w="9831705" h="4759959">
                  <a:moveTo>
                    <a:pt x="15239" y="1615440"/>
                  </a:moveTo>
                  <a:lnTo>
                    <a:pt x="0" y="1615440"/>
                  </a:lnTo>
                  <a:lnTo>
                    <a:pt x="0" y="1559051"/>
                  </a:lnTo>
                  <a:lnTo>
                    <a:pt x="15239" y="1559051"/>
                  </a:lnTo>
                  <a:lnTo>
                    <a:pt x="15239" y="1615440"/>
                  </a:lnTo>
                  <a:close/>
                </a:path>
                <a:path w="9831705" h="4759959">
                  <a:moveTo>
                    <a:pt x="15239" y="1517904"/>
                  </a:moveTo>
                  <a:lnTo>
                    <a:pt x="0" y="1517904"/>
                  </a:lnTo>
                  <a:lnTo>
                    <a:pt x="0" y="1461516"/>
                  </a:lnTo>
                  <a:lnTo>
                    <a:pt x="15239" y="1461516"/>
                  </a:lnTo>
                  <a:lnTo>
                    <a:pt x="15239" y="1517904"/>
                  </a:lnTo>
                  <a:close/>
                </a:path>
                <a:path w="9831705" h="4759959">
                  <a:moveTo>
                    <a:pt x="15239" y="1418843"/>
                  </a:moveTo>
                  <a:lnTo>
                    <a:pt x="0" y="1418843"/>
                  </a:lnTo>
                  <a:lnTo>
                    <a:pt x="0" y="1362456"/>
                  </a:lnTo>
                  <a:lnTo>
                    <a:pt x="15239" y="1362456"/>
                  </a:lnTo>
                  <a:lnTo>
                    <a:pt x="15239" y="1418843"/>
                  </a:lnTo>
                  <a:close/>
                </a:path>
                <a:path w="9831705" h="4759959">
                  <a:moveTo>
                    <a:pt x="15239" y="1321308"/>
                  </a:moveTo>
                  <a:lnTo>
                    <a:pt x="0" y="1321308"/>
                  </a:lnTo>
                  <a:lnTo>
                    <a:pt x="0" y="1264920"/>
                  </a:lnTo>
                  <a:lnTo>
                    <a:pt x="15239" y="1264920"/>
                  </a:lnTo>
                  <a:lnTo>
                    <a:pt x="15239" y="1321308"/>
                  </a:lnTo>
                  <a:close/>
                </a:path>
                <a:path w="9831705" h="4759959">
                  <a:moveTo>
                    <a:pt x="15239" y="1223772"/>
                  </a:moveTo>
                  <a:lnTo>
                    <a:pt x="0" y="1223772"/>
                  </a:lnTo>
                  <a:lnTo>
                    <a:pt x="0" y="1167384"/>
                  </a:lnTo>
                  <a:lnTo>
                    <a:pt x="15239" y="1167384"/>
                  </a:lnTo>
                  <a:lnTo>
                    <a:pt x="15239" y="1223772"/>
                  </a:lnTo>
                  <a:close/>
                </a:path>
                <a:path w="9831705" h="4759959">
                  <a:moveTo>
                    <a:pt x="15239" y="1124712"/>
                  </a:moveTo>
                  <a:lnTo>
                    <a:pt x="0" y="1124712"/>
                  </a:lnTo>
                  <a:lnTo>
                    <a:pt x="0" y="1069848"/>
                  </a:lnTo>
                  <a:lnTo>
                    <a:pt x="15239" y="1069848"/>
                  </a:lnTo>
                  <a:lnTo>
                    <a:pt x="15239" y="1124712"/>
                  </a:lnTo>
                  <a:close/>
                </a:path>
                <a:path w="9831705" h="4759959">
                  <a:moveTo>
                    <a:pt x="15239" y="1027175"/>
                  </a:moveTo>
                  <a:lnTo>
                    <a:pt x="0" y="1027175"/>
                  </a:lnTo>
                  <a:lnTo>
                    <a:pt x="0" y="970788"/>
                  </a:lnTo>
                  <a:lnTo>
                    <a:pt x="15239" y="970788"/>
                  </a:lnTo>
                  <a:lnTo>
                    <a:pt x="15239" y="1027175"/>
                  </a:lnTo>
                  <a:close/>
                </a:path>
                <a:path w="9831705" h="4759959">
                  <a:moveTo>
                    <a:pt x="15239" y="929640"/>
                  </a:moveTo>
                  <a:lnTo>
                    <a:pt x="0" y="929640"/>
                  </a:lnTo>
                  <a:lnTo>
                    <a:pt x="0" y="873251"/>
                  </a:lnTo>
                  <a:lnTo>
                    <a:pt x="15239" y="873251"/>
                  </a:lnTo>
                  <a:lnTo>
                    <a:pt x="15239" y="929640"/>
                  </a:lnTo>
                  <a:close/>
                </a:path>
                <a:path w="9831705" h="4759959">
                  <a:moveTo>
                    <a:pt x="15239" y="830580"/>
                  </a:moveTo>
                  <a:lnTo>
                    <a:pt x="0" y="830580"/>
                  </a:lnTo>
                  <a:lnTo>
                    <a:pt x="0" y="775716"/>
                  </a:lnTo>
                  <a:lnTo>
                    <a:pt x="15239" y="775716"/>
                  </a:lnTo>
                  <a:lnTo>
                    <a:pt x="15239" y="830580"/>
                  </a:lnTo>
                  <a:close/>
                </a:path>
                <a:path w="9831705" h="4759959">
                  <a:moveTo>
                    <a:pt x="15239" y="733043"/>
                  </a:moveTo>
                  <a:lnTo>
                    <a:pt x="0" y="733043"/>
                  </a:lnTo>
                  <a:lnTo>
                    <a:pt x="0" y="676656"/>
                  </a:lnTo>
                  <a:lnTo>
                    <a:pt x="15239" y="676656"/>
                  </a:lnTo>
                  <a:lnTo>
                    <a:pt x="15239" y="733043"/>
                  </a:lnTo>
                  <a:close/>
                </a:path>
                <a:path w="9831705" h="4759959">
                  <a:moveTo>
                    <a:pt x="15239" y="635508"/>
                  </a:moveTo>
                  <a:lnTo>
                    <a:pt x="0" y="635508"/>
                  </a:lnTo>
                  <a:lnTo>
                    <a:pt x="0" y="579120"/>
                  </a:lnTo>
                  <a:lnTo>
                    <a:pt x="15239" y="579120"/>
                  </a:lnTo>
                  <a:lnTo>
                    <a:pt x="15239" y="635508"/>
                  </a:lnTo>
                  <a:close/>
                </a:path>
                <a:path w="9831705" h="4759959">
                  <a:moveTo>
                    <a:pt x="15239" y="536448"/>
                  </a:moveTo>
                  <a:lnTo>
                    <a:pt x="0" y="536448"/>
                  </a:lnTo>
                  <a:lnTo>
                    <a:pt x="0" y="481583"/>
                  </a:lnTo>
                  <a:lnTo>
                    <a:pt x="15239" y="481583"/>
                  </a:lnTo>
                  <a:lnTo>
                    <a:pt x="15239" y="536448"/>
                  </a:lnTo>
                  <a:close/>
                </a:path>
                <a:path w="9831705" h="4759959">
                  <a:moveTo>
                    <a:pt x="15239" y="438912"/>
                  </a:moveTo>
                  <a:lnTo>
                    <a:pt x="0" y="438912"/>
                  </a:lnTo>
                  <a:lnTo>
                    <a:pt x="0" y="382524"/>
                  </a:lnTo>
                  <a:lnTo>
                    <a:pt x="15239" y="382524"/>
                  </a:lnTo>
                  <a:lnTo>
                    <a:pt x="15239" y="438912"/>
                  </a:lnTo>
                  <a:close/>
                </a:path>
                <a:path w="9831705" h="4759959">
                  <a:moveTo>
                    <a:pt x="15239" y="341375"/>
                  </a:moveTo>
                  <a:lnTo>
                    <a:pt x="0" y="341375"/>
                  </a:lnTo>
                  <a:lnTo>
                    <a:pt x="0" y="284988"/>
                  </a:lnTo>
                  <a:lnTo>
                    <a:pt x="15239" y="284988"/>
                  </a:lnTo>
                  <a:lnTo>
                    <a:pt x="15239" y="341375"/>
                  </a:lnTo>
                  <a:close/>
                </a:path>
                <a:path w="9831705" h="4759959">
                  <a:moveTo>
                    <a:pt x="15239" y="242316"/>
                  </a:moveTo>
                  <a:lnTo>
                    <a:pt x="0" y="242316"/>
                  </a:lnTo>
                  <a:lnTo>
                    <a:pt x="0" y="187451"/>
                  </a:lnTo>
                  <a:lnTo>
                    <a:pt x="15239" y="187451"/>
                  </a:lnTo>
                  <a:lnTo>
                    <a:pt x="15239" y="242316"/>
                  </a:lnTo>
                  <a:close/>
                </a:path>
                <a:path w="9831705" h="4759959">
                  <a:moveTo>
                    <a:pt x="15239" y="144780"/>
                  </a:moveTo>
                  <a:lnTo>
                    <a:pt x="0" y="144780"/>
                  </a:lnTo>
                  <a:lnTo>
                    <a:pt x="0" y="88391"/>
                  </a:lnTo>
                  <a:lnTo>
                    <a:pt x="15239" y="88391"/>
                  </a:lnTo>
                  <a:lnTo>
                    <a:pt x="15239" y="144780"/>
                  </a:lnTo>
                  <a:close/>
                </a:path>
                <a:path w="9831705" h="4759959">
                  <a:moveTo>
                    <a:pt x="15239" y="47243"/>
                  </a:moveTo>
                  <a:lnTo>
                    <a:pt x="0" y="47243"/>
                  </a:lnTo>
                  <a:lnTo>
                    <a:pt x="0" y="0"/>
                  </a:lnTo>
                  <a:lnTo>
                    <a:pt x="24384" y="0"/>
                  </a:lnTo>
                  <a:lnTo>
                    <a:pt x="24384" y="7620"/>
                  </a:lnTo>
                  <a:lnTo>
                    <a:pt x="15239" y="7620"/>
                  </a:lnTo>
                  <a:lnTo>
                    <a:pt x="7619" y="13716"/>
                  </a:lnTo>
                  <a:lnTo>
                    <a:pt x="15239" y="13716"/>
                  </a:lnTo>
                  <a:lnTo>
                    <a:pt x="15239" y="47243"/>
                  </a:lnTo>
                  <a:close/>
                </a:path>
                <a:path w="9831705" h="4759959">
                  <a:moveTo>
                    <a:pt x="15239" y="13716"/>
                  </a:moveTo>
                  <a:lnTo>
                    <a:pt x="7619" y="13716"/>
                  </a:lnTo>
                  <a:lnTo>
                    <a:pt x="15239" y="7620"/>
                  </a:lnTo>
                  <a:lnTo>
                    <a:pt x="15239" y="13716"/>
                  </a:lnTo>
                  <a:close/>
                </a:path>
                <a:path w="9831705" h="4759959">
                  <a:moveTo>
                    <a:pt x="24384" y="13716"/>
                  </a:moveTo>
                  <a:lnTo>
                    <a:pt x="15239" y="13716"/>
                  </a:lnTo>
                  <a:lnTo>
                    <a:pt x="15239" y="7620"/>
                  </a:lnTo>
                  <a:lnTo>
                    <a:pt x="24384" y="7620"/>
                  </a:lnTo>
                  <a:lnTo>
                    <a:pt x="24384" y="13716"/>
                  </a:lnTo>
                  <a:close/>
                </a:path>
                <a:path w="9831705" h="4759959">
                  <a:moveTo>
                    <a:pt x="121920" y="13716"/>
                  </a:moveTo>
                  <a:lnTo>
                    <a:pt x="65532" y="13716"/>
                  </a:lnTo>
                  <a:lnTo>
                    <a:pt x="65532" y="0"/>
                  </a:lnTo>
                  <a:lnTo>
                    <a:pt x="121920" y="0"/>
                  </a:lnTo>
                  <a:lnTo>
                    <a:pt x="121920" y="13716"/>
                  </a:lnTo>
                  <a:close/>
                </a:path>
                <a:path w="9831705" h="4759959">
                  <a:moveTo>
                    <a:pt x="219456" y="13716"/>
                  </a:moveTo>
                  <a:lnTo>
                    <a:pt x="164591" y="13716"/>
                  </a:lnTo>
                  <a:lnTo>
                    <a:pt x="164591" y="0"/>
                  </a:lnTo>
                  <a:lnTo>
                    <a:pt x="219456" y="0"/>
                  </a:lnTo>
                  <a:lnTo>
                    <a:pt x="219456" y="13716"/>
                  </a:lnTo>
                  <a:close/>
                </a:path>
                <a:path w="9831705" h="4759959">
                  <a:moveTo>
                    <a:pt x="318516" y="13716"/>
                  </a:moveTo>
                  <a:lnTo>
                    <a:pt x="262127" y="13716"/>
                  </a:lnTo>
                  <a:lnTo>
                    <a:pt x="262127" y="0"/>
                  </a:lnTo>
                  <a:lnTo>
                    <a:pt x="318516" y="0"/>
                  </a:lnTo>
                  <a:lnTo>
                    <a:pt x="318516" y="13716"/>
                  </a:lnTo>
                  <a:close/>
                </a:path>
                <a:path w="9831705" h="4759959">
                  <a:moveTo>
                    <a:pt x="416052" y="13716"/>
                  </a:moveTo>
                  <a:lnTo>
                    <a:pt x="359664" y="13716"/>
                  </a:lnTo>
                  <a:lnTo>
                    <a:pt x="359664" y="0"/>
                  </a:lnTo>
                  <a:lnTo>
                    <a:pt x="416052" y="0"/>
                  </a:lnTo>
                  <a:lnTo>
                    <a:pt x="416052" y="13716"/>
                  </a:lnTo>
                  <a:close/>
                </a:path>
                <a:path w="9831705" h="4759959">
                  <a:moveTo>
                    <a:pt x="513587" y="13716"/>
                  </a:moveTo>
                  <a:lnTo>
                    <a:pt x="458724" y="13716"/>
                  </a:lnTo>
                  <a:lnTo>
                    <a:pt x="458724" y="0"/>
                  </a:lnTo>
                  <a:lnTo>
                    <a:pt x="513587" y="0"/>
                  </a:lnTo>
                  <a:lnTo>
                    <a:pt x="513587" y="13716"/>
                  </a:lnTo>
                  <a:close/>
                </a:path>
                <a:path w="9831705" h="4759959">
                  <a:moveTo>
                    <a:pt x="612648" y="13716"/>
                  </a:moveTo>
                  <a:lnTo>
                    <a:pt x="556260" y="13716"/>
                  </a:lnTo>
                  <a:lnTo>
                    <a:pt x="556260" y="0"/>
                  </a:lnTo>
                  <a:lnTo>
                    <a:pt x="612648" y="0"/>
                  </a:lnTo>
                  <a:lnTo>
                    <a:pt x="612648" y="13716"/>
                  </a:lnTo>
                  <a:close/>
                </a:path>
                <a:path w="9831705" h="4759959">
                  <a:moveTo>
                    <a:pt x="710184" y="13716"/>
                  </a:moveTo>
                  <a:lnTo>
                    <a:pt x="653796" y="13716"/>
                  </a:lnTo>
                  <a:lnTo>
                    <a:pt x="653796" y="0"/>
                  </a:lnTo>
                  <a:lnTo>
                    <a:pt x="710184" y="0"/>
                  </a:lnTo>
                  <a:lnTo>
                    <a:pt x="710184" y="13716"/>
                  </a:lnTo>
                  <a:close/>
                </a:path>
                <a:path w="9831705" h="4759959">
                  <a:moveTo>
                    <a:pt x="807720" y="13716"/>
                  </a:moveTo>
                  <a:lnTo>
                    <a:pt x="752855" y="13716"/>
                  </a:lnTo>
                  <a:lnTo>
                    <a:pt x="752855" y="0"/>
                  </a:lnTo>
                  <a:lnTo>
                    <a:pt x="807720" y="0"/>
                  </a:lnTo>
                  <a:lnTo>
                    <a:pt x="807720" y="13716"/>
                  </a:lnTo>
                  <a:close/>
                </a:path>
                <a:path w="9831705" h="4759959">
                  <a:moveTo>
                    <a:pt x="906779" y="13716"/>
                  </a:moveTo>
                  <a:lnTo>
                    <a:pt x="850392" y="13716"/>
                  </a:lnTo>
                  <a:lnTo>
                    <a:pt x="850392" y="0"/>
                  </a:lnTo>
                  <a:lnTo>
                    <a:pt x="906779" y="0"/>
                  </a:lnTo>
                  <a:lnTo>
                    <a:pt x="906779" y="13716"/>
                  </a:lnTo>
                  <a:close/>
                </a:path>
                <a:path w="9831705" h="4759959">
                  <a:moveTo>
                    <a:pt x="1004316" y="13716"/>
                  </a:moveTo>
                  <a:lnTo>
                    <a:pt x="947928" y="13716"/>
                  </a:lnTo>
                  <a:lnTo>
                    <a:pt x="947928" y="0"/>
                  </a:lnTo>
                  <a:lnTo>
                    <a:pt x="1004316" y="0"/>
                  </a:lnTo>
                  <a:lnTo>
                    <a:pt x="1004316" y="13716"/>
                  </a:lnTo>
                  <a:close/>
                </a:path>
                <a:path w="9831705" h="4759959">
                  <a:moveTo>
                    <a:pt x="1101851" y="13716"/>
                  </a:moveTo>
                  <a:lnTo>
                    <a:pt x="1046988" y="13716"/>
                  </a:lnTo>
                  <a:lnTo>
                    <a:pt x="1046988" y="0"/>
                  </a:lnTo>
                  <a:lnTo>
                    <a:pt x="1101851" y="0"/>
                  </a:lnTo>
                  <a:lnTo>
                    <a:pt x="1101851" y="13716"/>
                  </a:lnTo>
                  <a:close/>
                </a:path>
                <a:path w="9831705" h="4759959">
                  <a:moveTo>
                    <a:pt x="1200912" y="13716"/>
                  </a:moveTo>
                  <a:lnTo>
                    <a:pt x="1144524" y="13716"/>
                  </a:lnTo>
                  <a:lnTo>
                    <a:pt x="1144524" y="0"/>
                  </a:lnTo>
                  <a:lnTo>
                    <a:pt x="1200912" y="0"/>
                  </a:lnTo>
                  <a:lnTo>
                    <a:pt x="1200912" y="13716"/>
                  </a:lnTo>
                  <a:close/>
                </a:path>
                <a:path w="9831705" h="4759959">
                  <a:moveTo>
                    <a:pt x="1298448" y="13716"/>
                  </a:moveTo>
                  <a:lnTo>
                    <a:pt x="1242059" y="13716"/>
                  </a:lnTo>
                  <a:lnTo>
                    <a:pt x="1242059" y="0"/>
                  </a:lnTo>
                  <a:lnTo>
                    <a:pt x="1298448" y="0"/>
                  </a:lnTo>
                  <a:lnTo>
                    <a:pt x="1298448" y="13716"/>
                  </a:lnTo>
                  <a:close/>
                </a:path>
                <a:path w="9831705" h="4759959">
                  <a:moveTo>
                    <a:pt x="1395984" y="13716"/>
                  </a:moveTo>
                  <a:lnTo>
                    <a:pt x="1339596" y="13716"/>
                  </a:lnTo>
                  <a:lnTo>
                    <a:pt x="1339596" y="0"/>
                  </a:lnTo>
                  <a:lnTo>
                    <a:pt x="1395984" y="0"/>
                  </a:lnTo>
                  <a:lnTo>
                    <a:pt x="1395984" y="13716"/>
                  </a:lnTo>
                  <a:close/>
                </a:path>
                <a:path w="9831705" h="4759959">
                  <a:moveTo>
                    <a:pt x="1495044" y="13716"/>
                  </a:moveTo>
                  <a:lnTo>
                    <a:pt x="1438655" y="13716"/>
                  </a:lnTo>
                  <a:lnTo>
                    <a:pt x="1438655" y="0"/>
                  </a:lnTo>
                  <a:lnTo>
                    <a:pt x="1495044" y="0"/>
                  </a:lnTo>
                  <a:lnTo>
                    <a:pt x="1495044" y="13716"/>
                  </a:lnTo>
                  <a:close/>
                </a:path>
                <a:path w="9831705" h="4759959">
                  <a:moveTo>
                    <a:pt x="1592580" y="13716"/>
                  </a:moveTo>
                  <a:lnTo>
                    <a:pt x="1536192" y="13716"/>
                  </a:lnTo>
                  <a:lnTo>
                    <a:pt x="1536192" y="0"/>
                  </a:lnTo>
                  <a:lnTo>
                    <a:pt x="1592580" y="0"/>
                  </a:lnTo>
                  <a:lnTo>
                    <a:pt x="1592580" y="13716"/>
                  </a:lnTo>
                  <a:close/>
                </a:path>
                <a:path w="9831705" h="4759959">
                  <a:moveTo>
                    <a:pt x="1690116" y="13716"/>
                  </a:moveTo>
                  <a:lnTo>
                    <a:pt x="1633728" y="13716"/>
                  </a:lnTo>
                  <a:lnTo>
                    <a:pt x="1633728" y="0"/>
                  </a:lnTo>
                  <a:lnTo>
                    <a:pt x="1690116" y="0"/>
                  </a:lnTo>
                  <a:lnTo>
                    <a:pt x="1690116" y="13716"/>
                  </a:lnTo>
                  <a:close/>
                </a:path>
                <a:path w="9831705" h="4759959">
                  <a:moveTo>
                    <a:pt x="1787651" y="13716"/>
                  </a:moveTo>
                  <a:lnTo>
                    <a:pt x="1732788" y="13716"/>
                  </a:lnTo>
                  <a:lnTo>
                    <a:pt x="1732788" y="0"/>
                  </a:lnTo>
                  <a:lnTo>
                    <a:pt x="1787651" y="0"/>
                  </a:lnTo>
                  <a:lnTo>
                    <a:pt x="1787651" y="13716"/>
                  </a:lnTo>
                  <a:close/>
                </a:path>
                <a:path w="9831705" h="4759959">
                  <a:moveTo>
                    <a:pt x="1886712" y="13716"/>
                  </a:moveTo>
                  <a:lnTo>
                    <a:pt x="1830324" y="13716"/>
                  </a:lnTo>
                  <a:lnTo>
                    <a:pt x="1830324" y="0"/>
                  </a:lnTo>
                  <a:lnTo>
                    <a:pt x="1886712" y="0"/>
                  </a:lnTo>
                  <a:lnTo>
                    <a:pt x="1886712" y="13716"/>
                  </a:lnTo>
                  <a:close/>
                </a:path>
                <a:path w="9831705" h="4759959">
                  <a:moveTo>
                    <a:pt x="1984248" y="13716"/>
                  </a:moveTo>
                  <a:lnTo>
                    <a:pt x="1927860" y="13716"/>
                  </a:lnTo>
                  <a:lnTo>
                    <a:pt x="1927860" y="0"/>
                  </a:lnTo>
                  <a:lnTo>
                    <a:pt x="1984248" y="0"/>
                  </a:lnTo>
                  <a:lnTo>
                    <a:pt x="1984248" y="13716"/>
                  </a:lnTo>
                  <a:close/>
                </a:path>
                <a:path w="9831705" h="4759959">
                  <a:moveTo>
                    <a:pt x="2081784" y="13716"/>
                  </a:moveTo>
                  <a:lnTo>
                    <a:pt x="2026919" y="13716"/>
                  </a:lnTo>
                  <a:lnTo>
                    <a:pt x="2026919" y="0"/>
                  </a:lnTo>
                  <a:lnTo>
                    <a:pt x="2081784" y="0"/>
                  </a:lnTo>
                  <a:lnTo>
                    <a:pt x="2081784" y="13716"/>
                  </a:lnTo>
                  <a:close/>
                </a:path>
                <a:path w="9831705" h="4759959">
                  <a:moveTo>
                    <a:pt x="2180843" y="13716"/>
                  </a:moveTo>
                  <a:lnTo>
                    <a:pt x="2124456" y="13716"/>
                  </a:lnTo>
                  <a:lnTo>
                    <a:pt x="2124456" y="0"/>
                  </a:lnTo>
                  <a:lnTo>
                    <a:pt x="2180843" y="0"/>
                  </a:lnTo>
                  <a:lnTo>
                    <a:pt x="2180843" y="13716"/>
                  </a:lnTo>
                  <a:close/>
                </a:path>
                <a:path w="9831705" h="4759959">
                  <a:moveTo>
                    <a:pt x="2278380" y="13716"/>
                  </a:moveTo>
                  <a:lnTo>
                    <a:pt x="2221992" y="13716"/>
                  </a:lnTo>
                  <a:lnTo>
                    <a:pt x="2221992" y="0"/>
                  </a:lnTo>
                  <a:lnTo>
                    <a:pt x="2278380" y="0"/>
                  </a:lnTo>
                  <a:lnTo>
                    <a:pt x="2278380" y="13716"/>
                  </a:lnTo>
                  <a:close/>
                </a:path>
                <a:path w="9831705" h="4759959">
                  <a:moveTo>
                    <a:pt x="2375916" y="13716"/>
                  </a:moveTo>
                  <a:lnTo>
                    <a:pt x="2321052" y="13716"/>
                  </a:lnTo>
                  <a:lnTo>
                    <a:pt x="2321052" y="0"/>
                  </a:lnTo>
                  <a:lnTo>
                    <a:pt x="2375916" y="0"/>
                  </a:lnTo>
                  <a:lnTo>
                    <a:pt x="2375916" y="13716"/>
                  </a:lnTo>
                  <a:close/>
                </a:path>
                <a:path w="9831705" h="4759959">
                  <a:moveTo>
                    <a:pt x="2474976" y="13716"/>
                  </a:moveTo>
                  <a:lnTo>
                    <a:pt x="2418588" y="13716"/>
                  </a:lnTo>
                  <a:lnTo>
                    <a:pt x="2418588" y="0"/>
                  </a:lnTo>
                  <a:lnTo>
                    <a:pt x="2474976" y="0"/>
                  </a:lnTo>
                  <a:lnTo>
                    <a:pt x="2474976" y="13716"/>
                  </a:lnTo>
                  <a:close/>
                </a:path>
                <a:path w="9831705" h="4759959">
                  <a:moveTo>
                    <a:pt x="2572511" y="13716"/>
                  </a:moveTo>
                  <a:lnTo>
                    <a:pt x="2516124" y="13716"/>
                  </a:lnTo>
                  <a:lnTo>
                    <a:pt x="2516124" y="0"/>
                  </a:lnTo>
                  <a:lnTo>
                    <a:pt x="2572511" y="0"/>
                  </a:lnTo>
                  <a:lnTo>
                    <a:pt x="2572511" y="13716"/>
                  </a:lnTo>
                  <a:close/>
                </a:path>
                <a:path w="9831705" h="4759959">
                  <a:moveTo>
                    <a:pt x="2670048" y="13716"/>
                  </a:moveTo>
                  <a:lnTo>
                    <a:pt x="2615184" y="13716"/>
                  </a:lnTo>
                  <a:lnTo>
                    <a:pt x="2615184" y="0"/>
                  </a:lnTo>
                  <a:lnTo>
                    <a:pt x="2670048" y="0"/>
                  </a:lnTo>
                  <a:lnTo>
                    <a:pt x="2670048" y="13716"/>
                  </a:lnTo>
                  <a:close/>
                </a:path>
                <a:path w="9831705" h="4759959">
                  <a:moveTo>
                    <a:pt x="2769108" y="13716"/>
                  </a:moveTo>
                  <a:lnTo>
                    <a:pt x="2712719" y="13716"/>
                  </a:lnTo>
                  <a:lnTo>
                    <a:pt x="2712719" y="0"/>
                  </a:lnTo>
                  <a:lnTo>
                    <a:pt x="2769108" y="0"/>
                  </a:lnTo>
                  <a:lnTo>
                    <a:pt x="2769108" y="13716"/>
                  </a:lnTo>
                  <a:close/>
                </a:path>
                <a:path w="9831705" h="4759959">
                  <a:moveTo>
                    <a:pt x="2866643" y="13716"/>
                  </a:moveTo>
                  <a:lnTo>
                    <a:pt x="2810256" y="13716"/>
                  </a:lnTo>
                  <a:lnTo>
                    <a:pt x="2810256" y="0"/>
                  </a:lnTo>
                  <a:lnTo>
                    <a:pt x="2866643" y="0"/>
                  </a:lnTo>
                  <a:lnTo>
                    <a:pt x="2866643" y="13716"/>
                  </a:lnTo>
                  <a:close/>
                </a:path>
                <a:path w="9831705" h="4759959">
                  <a:moveTo>
                    <a:pt x="2964180" y="13716"/>
                  </a:moveTo>
                  <a:lnTo>
                    <a:pt x="2909316" y="13716"/>
                  </a:lnTo>
                  <a:lnTo>
                    <a:pt x="2909316" y="0"/>
                  </a:lnTo>
                  <a:lnTo>
                    <a:pt x="2964180" y="0"/>
                  </a:lnTo>
                  <a:lnTo>
                    <a:pt x="2964180" y="13716"/>
                  </a:lnTo>
                  <a:close/>
                </a:path>
                <a:path w="9831705" h="4759959">
                  <a:moveTo>
                    <a:pt x="3063240" y="13716"/>
                  </a:moveTo>
                  <a:lnTo>
                    <a:pt x="3006852" y="13716"/>
                  </a:lnTo>
                  <a:lnTo>
                    <a:pt x="3006852" y="0"/>
                  </a:lnTo>
                  <a:lnTo>
                    <a:pt x="3063240" y="0"/>
                  </a:lnTo>
                  <a:lnTo>
                    <a:pt x="3063240" y="13716"/>
                  </a:lnTo>
                  <a:close/>
                </a:path>
                <a:path w="9831705" h="4759959">
                  <a:moveTo>
                    <a:pt x="3160776" y="13716"/>
                  </a:moveTo>
                  <a:lnTo>
                    <a:pt x="3104388" y="13716"/>
                  </a:lnTo>
                  <a:lnTo>
                    <a:pt x="3104388" y="0"/>
                  </a:lnTo>
                  <a:lnTo>
                    <a:pt x="3160776" y="0"/>
                  </a:lnTo>
                  <a:lnTo>
                    <a:pt x="3160776" y="13716"/>
                  </a:lnTo>
                  <a:close/>
                </a:path>
                <a:path w="9831705" h="4759959">
                  <a:moveTo>
                    <a:pt x="3258311" y="13716"/>
                  </a:moveTo>
                  <a:lnTo>
                    <a:pt x="3201924" y="13716"/>
                  </a:lnTo>
                  <a:lnTo>
                    <a:pt x="3201924" y="0"/>
                  </a:lnTo>
                  <a:lnTo>
                    <a:pt x="3258311" y="0"/>
                  </a:lnTo>
                  <a:lnTo>
                    <a:pt x="3258311" y="13716"/>
                  </a:lnTo>
                  <a:close/>
                </a:path>
                <a:path w="9831705" h="4759959">
                  <a:moveTo>
                    <a:pt x="3357372" y="13716"/>
                  </a:moveTo>
                  <a:lnTo>
                    <a:pt x="3300984" y="13716"/>
                  </a:lnTo>
                  <a:lnTo>
                    <a:pt x="3300984" y="0"/>
                  </a:lnTo>
                  <a:lnTo>
                    <a:pt x="3357372" y="0"/>
                  </a:lnTo>
                  <a:lnTo>
                    <a:pt x="3357372" y="13716"/>
                  </a:lnTo>
                  <a:close/>
                </a:path>
                <a:path w="9831705" h="4759959">
                  <a:moveTo>
                    <a:pt x="3454908" y="13716"/>
                  </a:moveTo>
                  <a:lnTo>
                    <a:pt x="3398519" y="13716"/>
                  </a:lnTo>
                  <a:lnTo>
                    <a:pt x="3398519" y="0"/>
                  </a:lnTo>
                  <a:lnTo>
                    <a:pt x="3454908" y="0"/>
                  </a:lnTo>
                  <a:lnTo>
                    <a:pt x="3454908" y="13716"/>
                  </a:lnTo>
                  <a:close/>
                </a:path>
                <a:path w="9831705" h="4759959">
                  <a:moveTo>
                    <a:pt x="3552444" y="13716"/>
                  </a:moveTo>
                  <a:lnTo>
                    <a:pt x="3496056" y="13716"/>
                  </a:lnTo>
                  <a:lnTo>
                    <a:pt x="3496056" y="0"/>
                  </a:lnTo>
                  <a:lnTo>
                    <a:pt x="3552444" y="0"/>
                  </a:lnTo>
                  <a:lnTo>
                    <a:pt x="3552444" y="13716"/>
                  </a:lnTo>
                  <a:close/>
                </a:path>
                <a:path w="9831705" h="4759959">
                  <a:moveTo>
                    <a:pt x="3649980" y="13716"/>
                  </a:moveTo>
                  <a:lnTo>
                    <a:pt x="3595116" y="13716"/>
                  </a:lnTo>
                  <a:lnTo>
                    <a:pt x="3595116" y="0"/>
                  </a:lnTo>
                  <a:lnTo>
                    <a:pt x="3649980" y="0"/>
                  </a:lnTo>
                  <a:lnTo>
                    <a:pt x="3649980" y="13716"/>
                  </a:lnTo>
                  <a:close/>
                </a:path>
                <a:path w="9831705" h="4759959">
                  <a:moveTo>
                    <a:pt x="3749040" y="13716"/>
                  </a:moveTo>
                  <a:lnTo>
                    <a:pt x="3692652" y="13716"/>
                  </a:lnTo>
                  <a:lnTo>
                    <a:pt x="3692652" y="0"/>
                  </a:lnTo>
                  <a:lnTo>
                    <a:pt x="3749040" y="0"/>
                  </a:lnTo>
                  <a:lnTo>
                    <a:pt x="3749040" y="13716"/>
                  </a:lnTo>
                  <a:close/>
                </a:path>
                <a:path w="9831705" h="4759959">
                  <a:moveTo>
                    <a:pt x="3846576" y="13716"/>
                  </a:moveTo>
                  <a:lnTo>
                    <a:pt x="3790188" y="13716"/>
                  </a:lnTo>
                  <a:lnTo>
                    <a:pt x="3790188" y="0"/>
                  </a:lnTo>
                  <a:lnTo>
                    <a:pt x="3846576" y="0"/>
                  </a:lnTo>
                  <a:lnTo>
                    <a:pt x="3846576" y="13716"/>
                  </a:lnTo>
                  <a:close/>
                </a:path>
                <a:path w="9831705" h="4759959">
                  <a:moveTo>
                    <a:pt x="3944111" y="13716"/>
                  </a:moveTo>
                  <a:lnTo>
                    <a:pt x="3889248" y="13716"/>
                  </a:lnTo>
                  <a:lnTo>
                    <a:pt x="3889248" y="0"/>
                  </a:lnTo>
                  <a:lnTo>
                    <a:pt x="3944111" y="0"/>
                  </a:lnTo>
                  <a:lnTo>
                    <a:pt x="3944111" y="13716"/>
                  </a:lnTo>
                  <a:close/>
                </a:path>
                <a:path w="9831705" h="4759959">
                  <a:moveTo>
                    <a:pt x="4043172" y="13716"/>
                  </a:moveTo>
                  <a:lnTo>
                    <a:pt x="3986784" y="13716"/>
                  </a:lnTo>
                  <a:lnTo>
                    <a:pt x="3986784" y="0"/>
                  </a:lnTo>
                  <a:lnTo>
                    <a:pt x="4043172" y="0"/>
                  </a:lnTo>
                  <a:lnTo>
                    <a:pt x="4043172" y="13716"/>
                  </a:lnTo>
                  <a:close/>
                </a:path>
                <a:path w="9831705" h="4759959">
                  <a:moveTo>
                    <a:pt x="4140708" y="13716"/>
                  </a:moveTo>
                  <a:lnTo>
                    <a:pt x="4084320" y="13716"/>
                  </a:lnTo>
                  <a:lnTo>
                    <a:pt x="4084320" y="0"/>
                  </a:lnTo>
                  <a:lnTo>
                    <a:pt x="4140708" y="0"/>
                  </a:lnTo>
                  <a:lnTo>
                    <a:pt x="4140708" y="13716"/>
                  </a:lnTo>
                  <a:close/>
                </a:path>
                <a:path w="9831705" h="4759959">
                  <a:moveTo>
                    <a:pt x="4238244" y="13716"/>
                  </a:moveTo>
                  <a:lnTo>
                    <a:pt x="4183380" y="13716"/>
                  </a:lnTo>
                  <a:lnTo>
                    <a:pt x="4183380" y="0"/>
                  </a:lnTo>
                  <a:lnTo>
                    <a:pt x="4238244" y="0"/>
                  </a:lnTo>
                  <a:lnTo>
                    <a:pt x="4238244" y="13716"/>
                  </a:lnTo>
                  <a:close/>
                </a:path>
                <a:path w="9831705" h="4759959">
                  <a:moveTo>
                    <a:pt x="4337303" y="13716"/>
                  </a:moveTo>
                  <a:lnTo>
                    <a:pt x="4280916" y="13716"/>
                  </a:lnTo>
                  <a:lnTo>
                    <a:pt x="4280916" y="0"/>
                  </a:lnTo>
                  <a:lnTo>
                    <a:pt x="4337303" y="0"/>
                  </a:lnTo>
                  <a:lnTo>
                    <a:pt x="4337303" y="13716"/>
                  </a:lnTo>
                  <a:close/>
                </a:path>
                <a:path w="9831705" h="4759959">
                  <a:moveTo>
                    <a:pt x="4434839" y="13716"/>
                  </a:moveTo>
                  <a:lnTo>
                    <a:pt x="4378452" y="13716"/>
                  </a:lnTo>
                  <a:lnTo>
                    <a:pt x="4378452" y="0"/>
                  </a:lnTo>
                  <a:lnTo>
                    <a:pt x="4434839" y="0"/>
                  </a:lnTo>
                  <a:lnTo>
                    <a:pt x="4434839" y="13716"/>
                  </a:lnTo>
                  <a:close/>
                </a:path>
                <a:path w="9831705" h="4759959">
                  <a:moveTo>
                    <a:pt x="4532376" y="13716"/>
                  </a:moveTo>
                  <a:lnTo>
                    <a:pt x="4477512" y="13716"/>
                  </a:lnTo>
                  <a:lnTo>
                    <a:pt x="4477512" y="0"/>
                  </a:lnTo>
                  <a:lnTo>
                    <a:pt x="4532376" y="0"/>
                  </a:lnTo>
                  <a:lnTo>
                    <a:pt x="4532376" y="13716"/>
                  </a:lnTo>
                  <a:close/>
                </a:path>
                <a:path w="9831705" h="4759959">
                  <a:moveTo>
                    <a:pt x="4631436" y="13716"/>
                  </a:moveTo>
                  <a:lnTo>
                    <a:pt x="4575048" y="13716"/>
                  </a:lnTo>
                  <a:lnTo>
                    <a:pt x="4575048" y="0"/>
                  </a:lnTo>
                  <a:lnTo>
                    <a:pt x="4631436" y="0"/>
                  </a:lnTo>
                  <a:lnTo>
                    <a:pt x="4631436" y="13716"/>
                  </a:lnTo>
                  <a:close/>
                </a:path>
                <a:path w="9831705" h="4759959">
                  <a:moveTo>
                    <a:pt x="4728971" y="13716"/>
                  </a:moveTo>
                  <a:lnTo>
                    <a:pt x="4672584" y="13716"/>
                  </a:lnTo>
                  <a:lnTo>
                    <a:pt x="4672584" y="0"/>
                  </a:lnTo>
                  <a:lnTo>
                    <a:pt x="4728971" y="0"/>
                  </a:lnTo>
                  <a:lnTo>
                    <a:pt x="4728971" y="13716"/>
                  </a:lnTo>
                  <a:close/>
                </a:path>
                <a:path w="9831705" h="4759959">
                  <a:moveTo>
                    <a:pt x="4826507" y="13716"/>
                  </a:moveTo>
                  <a:lnTo>
                    <a:pt x="4771644" y="13716"/>
                  </a:lnTo>
                  <a:lnTo>
                    <a:pt x="4771644" y="0"/>
                  </a:lnTo>
                  <a:lnTo>
                    <a:pt x="4826507" y="0"/>
                  </a:lnTo>
                  <a:lnTo>
                    <a:pt x="4826507" y="13716"/>
                  </a:lnTo>
                  <a:close/>
                </a:path>
                <a:path w="9831705" h="4759959">
                  <a:moveTo>
                    <a:pt x="4925568" y="13716"/>
                  </a:moveTo>
                  <a:lnTo>
                    <a:pt x="4869180" y="13716"/>
                  </a:lnTo>
                  <a:lnTo>
                    <a:pt x="4869180" y="0"/>
                  </a:lnTo>
                  <a:lnTo>
                    <a:pt x="4925568" y="0"/>
                  </a:lnTo>
                  <a:lnTo>
                    <a:pt x="4925568" y="13716"/>
                  </a:lnTo>
                  <a:close/>
                </a:path>
                <a:path w="9831705" h="4759959">
                  <a:moveTo>
                    <a:pt x="5023104" y="13716"/>
                  </a:moveTo>
                  <a:lnTo>
                    <a:pt x="4966716" y="13716"/>
                  </a:lnTo>
                  <a:lnTo>
                    <a:pt x="4966716" y="0"/>
                  </a:lnTo>
                  <a:lnTo>
                    <a:pt x="5023104" y="0"/>
                  </a:lnTo>
                  <a:lnTo>
                    <a:pt x="5023104" y="13716"/>
                  </a:lnTo>
                  <a:close/>
                </a:path>
                <a:path w="9831705" h="4759959">
                  <a:moveTo>
                    <a:pt x="5120639" y="13716"/>
                  </a:moveTo>
                  <a:lnTo>
                    <a:pt x="5064252" y="13716"/>
                  </a:lnTo>
                  <a:lnTo>
                    <a:pt x="5064252" y="0"/>
                  </a:lnTo>
                  <a:lnTo>
                    <a:pt x="5120639" y="0"/>
                  </a:lnTo>
                  <a:lnTo>
                    <a:pt x="5120639" y="13716"/>
                  </a:lnTo>
                  <a:close/>
                </a:path>
                <a:path w="9831705" h="4759959">
                  <a:moveTo>
                    <a:pt x="5219700" y="13716"/>
                  </a:moveTo>
                  <a:lnTo>
                    <a:pt x="5163312" y="13716"/>
                  </a:lnTo>
                  <a:lnTo>
                    <a:pt x="5163312" y="0"/>
                  </a:lnTo>
                  <a:lnTo>
                    <a:pt x="5219700" y="0"/>
                  </a:lnTo>
                  <a:lnTo>
                    <a:pt x="5219700" y="13716"/>
                  </a:lnTo>
                  <a:close/>
                </a:path>
                <a:path w="9831705" h="4759959">
                  <a:moveTo>
                    <a:pt x="5317236" y="13716"/>
                  </a:moveTo>
                  <a:lnTo>
                    <a:pt x="5260848" y="13716"/>
                  </a:lnTo>
                  <a:lnTo>
                    <a:pt x="5260848" y="0"/>
                  </a:lnTo>
                  <a:lnTo>
                    <a:pt x="5317236" y="0"/>
                  </a:lnTo>
                  <a:lnTo>
                    <a:pt x="5317236" y="13716"/>
                  </a:lnTo>
                  <a:close/>
                </a:path>
                <a:path w="9831705" h="4759959">
                  <a:moveTo>
                    <a:pt x="5414771" y="13716"/>
                  </a:moveTo>
                  <a:lnTo>
                    <a:pt x="5358384" y="13716"/>
                  </a:lnTo>
                  <a:lnTo>
                    <a:pt x="5358384" y="0"/>
                  </a:lnTo>
                  <a:lnTo>
                    <a:pt x="5414771" y="0"/>
                  </a:lnTo>
                  <a:lnTo>
                    <a:pt x="5414771" y="13716"/>
                  </a:lnTo>
                  <a:close/>
                </a:path>
                <a:path w="9831705" h="4759959">
                  <a:moveTo>
                    <a:pt x="5512307" y="13716"/>
                  </a:moveTo>
                  <a:lnTo>
                    <a:pt x="5457444" y="13716"/>
                  </a:lnTo>
                  <a:lnTo>
                    <a:pt x="5457444" y="0"/>
                  </a:lnTo>
                  <a:lnTo>
                    <a:pt x="5512307" y="0"/>
                  </a:lnTo>
                  <a:lnTo>
                    <a:pt x="5512307" y="13716"/>
                  </a:lnTo>
                  <a:close/>
                </a:path>
                <a:path w="9831705" h="4759959">
                  <a:moveTo>
                    <a:pt x="5611368" y="13716"/>
                  </a:moveTo>
                  <a:lnTo>
                    <a:pt x="5554980" y="13716"/>
                  </a:lnTo>
                  <a:lnTo>
                    <a:pt x="5554980" y="0"/>
                  </a:lnTo>
                  <a:lnTo>
                    <a:pt x="5611368" y="0"/>
                  </a:lnTo>
                  <a:lnTo>
                    <a:pt x="5611368" y="13716"/>
                  </a:lnTo>
                  <a:close/>
                </a:path>
                <a:path w="9831705" h="4759959">
                  <a:moveTo>
                    <a:pt x="5708904" y="13716"/>
                  </a:moveTo>
                  <a:lnTo>
                    <a:pt x="5652516" y="13716"/>
                  </a:lnTo>
                  <a:lnTo>
                    <a:pt x="5652516" y="0"/>
                  </a:lnTo>
                  <a:lnTo>
                    <a:pt x="5708904" y="0"/>
                  </a:lnTo>
                  <a:lnTo>
                    <a:pt x="5708904" y="13716"/>
                  </a:lnTo>
                  <a:close/>
                </a:path>
                <a:path w="9831705" h="4759959">
                  <a:moveTo>
                    <a:pt x="5806439" y="13716"/>
                  </a:moveTo>
                  <a:lnTo>
                    <a:pt x="5751576" y="13716"/>
                  </a:lnTo>
                  <a:lnTo>
                    <a:pt x="5751576" y="0"/>
                  </a:lnTo>
                  <a:lnTo>
                    <a:pt x="5806439" y="0"/>
                  </a:lnTo>
                  <a:lnTo>
                    <a:pt x="5806439" y="13716"/>
                  </a:lnTo>
                  <a:close/>
                </a:path>
                <a:path w="9831705" h="4759959">
                  <a:moveTo>
                    <a:pt x="5905500" y="13716"/>
                  </a:moveTo>
                  <a:lnTo>
                    <a:pt x="5849112" y="13716"/>
                  </a:lnTo>
                  <a:lnTo>
                    <a:pt x="5849112" y="0"/>
                  </a:lnTo>
                  <a:lnTo>
                    <a:pt x="5905500" y="0"/>
                  </a:lnTo>
                  <a:lnTo>
                    <a:pt x="5905500" y="13716"/>
                  </a:lnTo>
                  <a:close/>
                </a:path>
                <a:path w="9831705" h="4759959">
                  <a:moveTo>
                    <a:pt x="6003036" y="13716"/>
                  </a:moveTo>
                  <a:lnTo>
                    <a:pt x="5946648" y="13716"/>
                  </a:lnTo>
                  <a:lnTo>
                    <a:pt x="5946648" y="0"/>
                  </a:lnTo>
                  <a:lnTo>
                    <a:pt x="6003036" y="0"/>
                  </a:lnTo>
                  <a:lnTo>
                    <a:pt x="6003036" y="13716"/>
                  </a:lnTo>
                  <a:close/>
                </a:path>
                <a:path w="9831705" h="4759959">
                  <a:moveTo>
                    <a:pt x="6100571" y="13716"/>
                  </a:moveTo>
                  <a:lnTo>
                    <a:pt x="6045707" y="13716"/>
                  </a:lnTo>
                  <a:lnTo>
                    <a:pt x="6045707" y="0"/>
                  </a:lnTo>
                  <a:lnTo>
                    <a:pt x="6100571" y="0"/>
                  </a:lnTo>
                  <a:lnTo>
                    <a:pt x="6100571" y="13716"/>
                  </a:lnTo>
                  <a:close/>
                </a:path>
                <a:path w="9831705" h="4759959">
                  <a:moveTo>
                    <a:pt x="6199632" y="13716"/>
                  </a:moveTo>
                  <a:lnTo>
                    <a:pt x="6143244" y="13716"/>
                  </a:lnTo>
                  <a:lnTo>
                    <a:pt x="6143244" y="0"/>
                  </a:lnTo>
                  <a:lnTo>
                    <a:pt x="6199632" y="0"/>
                  </a:lnTo>
                  <a:lnTo>
                    <a:pt x="6199632" y="13716"/>
                  </a:lnTo>
                  <a:close/>
                </a:path>
                <a:path w="9831705" h="4759959">
                  <a:moveTo>
                    <a:pt x="6297168" y="13716"/>
                  </a:moveTo>
                  <a:lnTo>
                    <a:pt x="6240780" y="13716"/>
                  </a:lnTo>
                  <a:lnTo>
                    <a:pt x="6240780" y="0"/>
                  </a:lnTo>
                  <a:lnTo>
                    <a:pt x="6297168" y="0"/>
                  </a:lnTo>
                  <a:lnTo>
                    <a:pt x="6297168" y="13716"/>
                  </a:lnTo>
                  <a:close/>
                </a:path>
                <a:path w="9831705" h="4759959">
                  <a:moveTo>
                    <a:pt x="6394704" y="13716"/>
                  </a:moveTo>
                  <a:lnTo>
                    <a:pt x="6339839" y="13716"/>
                  </a:lnTo>
                  <a:lnTo>
                    <a:pt x="6339839" y="0"/>
                  </a:lnTo>
                  <a:lnTo>
                    <a:pt x="6394704" y="0"/>
                  </a:lnTo>
                  <a:lnTo>
                    <a:pt x="6394704" y="13716"/>
                  </a:lnTo>
                  <a:close/>
                </a:path>
                <a:path w="9831705" h="4759959">
                  <a:moveTo>
                    <a:pt x="6493764" y="13716"/>
                  </a:moveTo>
                  <a:lnTo>
                    <a:pt x="6437376" y="13716"/>
                  </a:lnTo>
                  <a:lnTo>
                    <a:pt x="6437376" y="0"/>
                  </a:lnTo>
                  <a:lnTo>
                    <a:pt x="6493764" y="0"/>
                  </a:lnTo>
                  <a:lnTo>
                    <a:pt x="6493764" y="13716"/>
                  </a:lnTo>
                  <a:close/>
                </a:path>
                <a:path w="9831705" h="4759959">
                  <a:moveTo>
                    <a:pt x="6591300" y="13716"/>
                  </a:moveTo>
                  <a:lnTo>
                    <a:pt x="6534912" y="13716"/>
                  </a:lnTo>
                  <a:lnTo>
                    <a:pt x="6534912" y="0"/>
                  </a:lnTo>
                  <a:lnTo>
                    <a:pt x="6591300" y="0"/>
                  </a:lnTo>
                  <a:lnTo>
                    <a:pt x="6591300" y="13716"/>
                  </a:lnTo>
                  <a:close/>
                </a:path>
                <a:path w="9831705" h="4759959">
                  <a:moveTo>
                    <a:pt x="6688836" y="13716"/>
                  </a:moveTo>
                  <a:lnTo>
                    <a:pt x="6632448" y="13716"/>
                  </a:lnTo>
                  <a:lnTo>
                    <a:pt x="6632448" y="0"/>
                  </a:lnTo>
                  <a:lnTo>
                    <a:pt x="6688836" y="0"/>
                  </a:lnTo>
                  <a:lnTo>
                    <a:pt x="6688836" y="13716"/>
                  </a:lnTo>
                  <a:close/>
                </a:path>
                <a:path w="9831705" h="4759959">
                  <a:moveTo>
                    <a:pt x="6787896" y="13716"/>
                  </a:moveTo>
                  <a:lnTo>
                    <a:pt x="6731507" y="13716"/>
                  </a:lnTo>
                  <a:lnTo>
                    <a:pt x="6731507" y="0"/>
                  </a:lnTo>
                  <a:lnTo>
                    <a:pt x="6787896" y="0"/>
                  </a:lnTo>
                  <a:lnTo>
                    <a:pt x="6787896" y="13716"/>
                  </a:lnTo>
                  <a:close/>
                </a:path>
                <a:path w="9831705" h="4759959">
                  <a:moveTo>
                    <a:pt x="6885432" y="13716"/>
                  </a:moveTo>
                  <a:lnTo>
                    <a:pt x="6829044" y="13716"/>
                  </a:lnTo>
                  <a:lnTo>
                    <a:pt x="6829044" y="0"/>
                  </a:lnTo>
                  <a:lnTo>
                    <a:pt x="6885432" y="0"/>
                  </a:lnTo>
                  <a:lnTo>
                    <a:pt x="6885432" y="13716"/>
                  </a:lnTo>
                  <a:close/>
                </a:path>
                <a:path w="9831705" h="4759959">
                  <a:moveTo>
                    <a:pt x="6982968" y="13716"/>
                  </a:moveTo>
                  <a:lnTo>
                    <a:pt x="6926580" y="13716"/>
                  </a:lnTo>
                  <a:lnTo>
                    <a:pt x="6926580" y="0"/>
                  </a:lnTo>
                  <a:lnTo>
                    <a:pt x="6982968" y="0"/>
                  </a:lnTo>
                  <a:lnTo>
                    <a:pt x="6982968" y="13716"/>
                  </a:lnTo>
                  <a:close/>
                </a:path>
                <a:path w="9831705" h="4759959">
                  <a:moveTo>
                    <a:pt x="7082028" y="13716"/>
                  </a:moveTo>
                  <a:lnTo>
                    <a:pt x="7025639" y="13716"/>
                  </a:lnTo>
                  <a:lnTo>
                    <a:pt x="7025639" y="0"/>
                  </a:lnTo>
                  <a:lnTo>
                    <a:pt x="7082028" y="0"/>
                  </a:lnTo>
                  <a:lnTo>
                    <a:pt x="7082028" y="13716"/>
                  </a:lnTo>
                  <a:close/>
                </a:path>
                <a:path w="9831705" h="4759959">
                  <a:moveTo>
                    <a:pt x="7179564" y="13716"/>
                  </a:moveTo>
                  <a:lnTo>
                    <a:pt x="7123176" y="13716"/>
                  </a:lnTo>
                  <a:lnTo>
                    <a:pt x="7123176" y="0"/>
                  </a:lnTo>
                  <a:lnTo>
                    <a:pt x="7179564" y="0"/>
                  </a:lnTo>
                  <a:lnTo>
                    <a:pt x="7179564" y="13716"/>
                  </a:lnTo>
                  <a:close/>
                </a:path>
                <a:path w="9831705" h="4759959">
                  <a:moveTo>
                    <a:pt x="7277100" y="13716"/>
                  </a:moveTo>
                  <a:lnTo>
                    <a:pt x="7220712" y="13716"/>
                  </a:lnTo>
                  <a:lnTo>
                    <a:pt x="7220712" y="0"/>
                  </a:lnTo>
                  <a:lnTo>
                    <a:pt x="7277100" y="0"/>
                  </a:lnTo>
                  <a:lnTo>
                    <a:pt x="7277100" y="13716"/>
                  </a:lnTo>
                  <a:close/>
                </a:path>
                <a:path w="9831705" h="4759959">
                  <a:moveTo>
                    <a:pt x="7374636" y="13716"/>
                  </a:moveTo>
                  <a:lnTo>
                    <a:pt x="7319772" y="13716"/>
                  </a:lnTo>
                  <a:lnTo>
                    <a:pt x="7319772" y="0"/>
                  </a:lnTo>
                  <a:lnTo>
                    <a:pt x="7374636" y="0"/>
                  </a:lnTo>
                  <a:lnTo>
                    <a:pt x="7374636" y="13716"/>
                  </a:lnTo>
                  <a:close/>
                </a:path>
                <a:path w="9831705" h="4759959">
                  <a:moveTo>
                    <a:pt x="7473696" y="13716"/>
                  </a:moveTo>
                  <a:lnTo>
                    <a:pt x="7417307" y="13716"/>
                  </a:lnTo>
                  <a:lnTo>
                    <a:pt x="7417307" y="0"/>
                  </a:lnTo>
                  <a:lnTo>
                    <a:pt x="7473696" y="0"/>
                  </a:lnTo>
                  <a:lnTo>
                    <a:pt x="7473696" y="13716"/>
                  </a:lnTo>
                  <a:close/>
                </a:path>
                <a:path w="9831705" h="4759959">
                  <a:moveTo>
                    <a:pt x="7571232" y="13716"/>
                  </a:moveTo>
                  <a:lnTo>
                    <a:pt x="7514844" y="13716"/>
                  </a:lnTo>
                  <a:lnTo>
                    <a:pt x="7514844" y="0"/>
                  </a:lnTo>
                  <a:lnTo>
                    <a:pt x="7571232" y="0"/>
                  </a:lnTo>
                  <a:lnTo>
                    <a:pt x="7571232" y="13716"/>
                  </a:lnTo>
                  <a:close/>
                </a:path>
                <a:path w="9831705" h="4759959">
                  <a:moveTo>
                    <a:pt x="7668768" y="13716"/>
                  </a:moveTo>
                  <a:lnTo>
                    <a:pt x="7613904" y="13716"/>
                  </a:lnTo>
                  <a:lnTo>
                    <a:pt x="7613904" y="0"/>
                  </a:lnTo>
                  <a:lnTo>
                    <a:pt x="7668768" y="0"/>
                  </a:lnTo>
                  <a:lnTo>
                    <a:pt x="7668768" y="13716"/>
                  </a:lnTo>
                  <a:close/>
                </a:path>
                <a:path w="9831705" h="4759959">
                  <a:moveTo>
                    <a:pt x="7767828" y="13716"/>
                  </a:moveTo>
                  <a:lnTo>
                    <a:pt x="7711440" y="13716"/>
                  </a:lnTo>
                  <a:lnTo>
                    <a:pt x="7711440" y="0"/>
                  </a:lnTo>
                  <a:lnTo>
                    <a:pt x="7767828" y="0"/>
                  </a:lnTo>
                  <a:lnTo>
                    <a:pt x="7767828" y="13716"/>
                  </a:lnTo>
                  <a:close/>
                </a:path>
                <a:path w="9831705" h="4759959">
                  <a:moveTo>
                    <a:pt x="7865364" y="13716"/>
                  </a:moveTo>
                  <a:lnTo>
                    <a:pt x="7808976" y="13716"/>
                  </a:lnTo>
                  <a:lnTo>
                    <a:pt x="7808976" y="0"/>
                  </a:lnTo>
                  <a:lnTo>
                    <a:pt x="7865364" y="0"/>
                  </a:lnTo>
                  <a:lnTo>
                    <a:pt x="7865364" y="13716"/>
                  </a:lnTo>
                  <a:close/>
                </a:path>
                <a:path w="9831705" h="4759959">
                  <a:moveTo>
                    <a:pt x="7962900" y="13716"/>
                  </a:moveTo>
                  <a:lnTo>
                    <a:pt x="7908036" y="13716"/>
                  </a:lnTo>
                  <a:lnTo>
                    <a:pt x="7908036" y="0"/>
                  </a:lnTo>
                  <a:lnTo>
                    <a:pt x="7962900" y="0"/>
                  </a:lnTo>
                  <a:lnTo>
                    <a:pt x="7962900" y="13716"/>
                  </a:lnTo>
                  <a:close/>
                </a:path>
                <a:path w="9831705" h="4759959">
                  <a:moveTo>
                    <a:pt x="8061960" y="13716"/>
                  </a:moveTo>
                  <a:lnTo>
                    <a:pt x="8005572" y="13716"/>
                  </a:lnTo>
                  <a:lnTo>
                    <a:pt x="8005572" y="0"/>
                  </a:lnTo>
                  <a:lnTo>
                    <a:pt x="8061960" y="0"/>
                  </a:lnTo>
                  <a:lnTo>
                    <a:pt x="8061960" y="13716"/>
                  </a:lnTo>
                  <a:close/>
                </a:path>
                <a:path w="9831705" h="4759959">
                  <a:moveTo>
                    <a:pt x="8159496" y="13716"/>
                  </a:moveTo>
                  <a:lnTo>
                    <a:pt x="8103107" y="13716"/>
                  </a:lnTo>
                  <a:lnTo>
                    <a:pt x="8103107" y="0"/>
                  </a:lnTo>
                  <a:lnTo>
                    <a:pt x="8159496" y="0"/>
                  </a:lnTo>
                  <a:lnTo>
                    <a:pt x="8159496" y="13716"/>
                  </a:lnTo>
                  <a:close/>
                </a:path>
                <a:path w="9831705" h="4759959">
                  <a:moveTo>
                    <a:pt x="8257032" y="13716"/>
                  </a:moveTo>
                  <a:lnTo>
                    <a:pt x="8202168" y="13716"/>
                  </a:lnTo>
                  <a:lnTo>
                    <a:pt x="8202168" y="0"/>
                  </a:lnTo>
                  <a:lnTo>
                    <a:pt x="8257032" y="0"/>
                  </a:lnTo>
                  <a:lnTo>
                    <a:pt x="8257032" y="13716"/>
                  </a:lnTo>
                  <a:close/>
                </a:path>
                <a:path w="9831705" h="4759959">
                  <a:moveTo>
                    <a:pt x="8356092" y="13716"/>
                  </a:moveTo>
                  <a:lnTo>
                    <a:pt x="8299704" y="13716"/>
                  </a:lnTo>
                  <a:lnTo>
                    <a:pt x="8299704" y="0"/>
                  </a:lnTo>
                  <a:lnTo>
                    <a:pt x="8356092" y="0"/>
                  </a:lnTo>
                  <a:lnTo>
                    <a:pt x="8356092" y="13716"/>
                  </a:lnTo>
                  <a:close/>
                </a:path>
                <a:path w="9831705" h="4759959">
                  <a:moveTo>
                    <a:pt x="8453628" y="13716"/>
                  </a:moveTo>
                  <a:lnTo>
                    <a:pt x="8397240" y="13716"/>
                  </a:lnTo>
                  <a:lnTo>
                    <a:pt x="8397240" y="0"/>
                  </a:lnTo>
                  <a:lnTo>
                    <a:pt x="8453628" y="0"/>
                  </a:lnTo>
                  <a:lnTo>
                    <a:pt x="8453628" y="13716"/>
                  </a:lnTo>
                  <a:close/>
                </a:path>
                <a:path w="9831705" h="4759959">
                  <a:moveTo>
                    <a:pt x="8551164" y="13716"/>
                  </a:moveTo>
                  <a:lnTo>
                    <a:pt x="8494776" y="13716"/>
                  </a:lnTo>
                  <a:lnTo>
                    <a:pt x="8494776" y="0"/>
                  </a:lnTo>
                  <a:lnTo>
                    <a:pt x="8551164" y="0"/>
                  </a:lnTo>
                  <a:lnTo>
                    <a:pt x="8551164" y="13716"/>
                  </a:lnTo>
                  <a:close/>
                </a:path>
                <a:path w="9831705" h="4759959">
                  <a:moveTo>
                    <a:pt x="8650224" y="13716"/>
                  </a:moveTo>
                  <a:lnTo>
                    <a:pt x="8593836" y="13716"/>
                  </a:lnTo>
                  <a:lnTo>
                    <a:pt x="8593836" y="0"/>
                  </a:lnTo>
                  <a:lnTo>
                    <a:pt x="8650224" y="0"/>
                  </a:lnTo>
                  <a:lnTo>
                    <a:pt x="8650224" y="13716"/>
                  </a:lnTo>
                  <a:close/>
                </a:path>
                <a:path w="9831705" h="4759959">
                  <a:moveTo>
                    <a:pt x="8747760" y="13716"/>
                  </a:moveTo>
                  <a:lnTo>
                    <a:pt x="8691372" y="13716"/>
                  </a:lnTo>
                  <a:lnTo>
                    <a:pt x="8691372" y="0"/>
                  </a:lnTo>
                  <a:lnTo>
                    <a:pt x="8747760" y="0"/>
                  </a:lnTo>
                  <a:lnTo>
                    <a:pt x="8747760" y="13716"/>
                  </a:lnTo>
                  <a:close/>
                </a:path>
                <a:path w="9831705" h="4759959">
                  <a:moveTo>
                    <a:pt x="8845296" y="13716"/>
                  </a:moveTo>
                  <a:lnTo>
                    <a:pt x="8788907" y="13716"/>
                  </a:lnTo>
                  <a:lnTo>
                    <a:pt x="8788907" y="0"/>
                  </a:lnTo>
                  <a:lnTo>
                    <a:pt x="8845296" y="0"/>
                  </a:lnTo>
                  <a:lnTo>
                    <a:pt x="8845296" y="13716"/>
                  </a:lnTo>
                  <a:close/>
                </a:path>
                <a:path w="9831705" h="4759959">
                  <a:moveTo>
                    <a:pt x="8942832" y="13716"/>
                  </a:moveTo>
                  <a:lnTo>
                    <a:pt x="8887968" y="13716"/>
                  </a:lnTo>
                  <a:lnTo>
                    <a:pt x="8887968" y="0"/>
                  </a:lnTo>
                  <a:lnTo>
                    <a:pt x="8942832" y="0"/>
                  </a:lnTo>
                  <a:lnTo>
                    <a:pt x="8942832" y="13716"/>
                  </a:lnTo>
                  <a:close/>
                </a:path>
                <a:path w="9831705" h="4759959">
                  <a:moveTo>
                    <a:pt x="9041892" y="13716"/>
                  </a:moveTo>
                  <a:lnTo>
                    <a:pt x="8985504" y="13716"/>
                  </a:lnTo>
                  <a:lnTo>
                    <a:pt x="8985504" y="0"/>
                  </a:lnTo>
                  <a:lnTo>
                    <a:pt x="9041892" y="0"/>
                  </a:lnTo>
                  <a:lnTo>
                    <a:pt x="9041892" y="13716"/>
                  </a:lnTo>
                  <a:close/>
                </a:path>
                <a:path w="9831705" h="4759959">
                  <a:moveTo>
                    <a:pt x="9139428" y="13716"/>
                  </a:moveTo>
                  <a:lnTo>
                    <a:pt x="9083040" y="13716"/>
                  </a:lnTo>
                  <a:lnTo>
                    <a:pt x="9083040" y="0"/>
                  </a:lnTo>
                  <a:lnTo>
                    <a:pt x="9139428" y="0"/>
                  </a:lnTo>
                  <a:lnTo>
                    <a:pt x="9139428" y="13716"/>
                  </a:lnTo>
                  <a:close/>
                </a:path>
                <a:path w="9831705" h="4759959">
                  <a:moveTo>
                    <a:pt x="9236964" y="13716"/>
                  </a:moveTo>
                  <a:lnTo>
                    <a:pt x="9182100" y="13716"/>
                  </a:lnTo>
                  <a:lnTo>
                    <a:pt x="9182100" y="0"/>
                  </a:lnTo>
                  <a:lnTo>
                    <a:pt x="9236964" y="0"/>
                  </a:lnTo>
                  <a:lnTo>
                    <a:pt x="9236964" y="13716"/>
                  </a:lnTo>
                  <a:close/>
                </a:path>
                <a:path w="9831705" h="4759959">
                  <a:moveTo>
                    <a:pt x="9336024" y="13716"/>
                  </a:moveTo>
                  <a:lnTo>
                    <a:pt x="9279636" y="13716"/>
                  </a:lnTo>
                  <a:lnTo>
                    <a:pt x="9279636" y="0"/>
                  </a:lnTo>
                  <a:lnTo>
                    <a:pt x="9336024" y="0"/>
                  </a:lnTo>
                  <a:lnTo>
                    <a:pt x="9336024" y="13716"/>
                  </a:lnTo>
                  <a:close/>
                </a:path>
                <a:path w="9831705" h="4759959">
                  <a:moveTo>
                    <a:pt x="9433560" y="13716"/>
                  </a:moveTo>
                  <a:lnTo>
                    <a:pt x="9377172" y="13716"/>
                  </a:lnTo>
                  <a:lnTo>
                    <a:pt x="9377172" y="0"/>
                  </a:lnTo>
                  <a:lnTo>
                    <a:pt x="9433560" y="0"/>
                  </a:lnTo>
                  <a:lnTo>
                    <a:pt x="9433560" y="13716"/>
                  </a:lnTo>
                  <a:close/>
                </a:path>
                <a:path w="9831705" h="4759959">
                  <a:moveTo>
                    <a:pt x="9531096" y="13716"/>
                  </a:moveTo>
                  <a:lnTo>
                    <a:pt x="9476232" y="13716"/>
                  </a:lnTo>
                  <a:lnTo>
                    <a:pt x="9476232" y="0"/>
                  </a:lnTo>
                  <a:lnTo>
                    <a:pt x="9531096" y="0"/>
                  </a:lnTo>
                  <a:lnTo>
                    <a:pt x="9531096" y="13716"/>
                  </a:lnTo>
                  <a:close/>
                </a:path>
                <a:path w="9831705" h="4759959">
                  <a:moveTo>
                    <a:pt x="9630156" y="13716"/>
                  </a:moveTo>
                  <a:lnTo>
                    <a:pt x="9573768" y="13716"/>
                  </a:lnTo>
                  <a:lnTo>
                    <a:pt x="9573768" y="0"/>
                  </a:lnTo>
                  <a:lnTo>
                    <a:pt x="9630156" y="0"/>
                  </a:lnTo>
                  <a:lnTo>
                    <a:pt x="9630156" y="13716"/>
                  </a:lnTo>
                  <a:close/>
                </a:path>
                <a:path w="9831705" h="4759959">
                  <a:moveTo>
                    <a:pt x="9727692" y="13716"/>
                  </a:moveTo>
                  <a:lnTo>
                    <a:pt x="9671304" y="13716"/>
                  </a:lnTo>
                  <a:lnTo>
                    <a:pt x="9671304" y="0"/>
                  </a:lnTo>
                  <a:lnTo>
                    <a:pt x="9727692" y="0"/>
                  </a:lnTo>
                  <a:lnTo>
                    <a:pt x="9727692" y="13716"/>
                  </a:lnTo>
                  <a:close/>
                </a:path>
                <a:path w="9831705" h="4759959">
                  <a:moveTo>
                    <a:pt x="9823704" y="13716"/>
                  </a:moveTo>
                  <a:lnTo>
                    <a:pt x="9770364" y="13716"/>
                  </a:lnTo>
                  <a:lnTo>
                    <a:pt x="9770364" y="0"/>
                  </a:lnTo>
                  <a:lnTo>
                    <a:pt x="9831324" y="0"/>
                  </a:lnTo>
                  <a:lnTo>
                    <a:pt x="9831324" y="7620"/>
                  </a:lnTo>
                  <a:lnTo>
                    <a:pt x="9817608" y="7620"/>
                  </a:lnTo>
                  <a:lnTo>
                    <a:pt x="9817608" y="9143"/>
                  </a:lnTo>
                  <a:lnTo>
                    <a:pt x="9819131" y="9143"/>
                  </a:lnTo>
                  <a:lnTo>
                    <a:pt x="9823704" y="13716"/>
                  </a:lnTo>
                  <a:close/>
                </a:path>
                <a:path w="9831705" h="4759959">
                  <a:moveTo>
                    <a:pt x="9819131" y="9143"/>
                  </a:moveTo>
                  <a:lnTo>
                    <a:pt x="9817608" y="9143"/>
                  </a:lnTo>
                  <a:lnTo>
                    <a:pt x="9817608" y="7620"/>
                  </a:lnTo>
                  <a:lnTo>
                    <a:pt x="9819131" y="9143"/>
                  </a:lnTo>
                  <a:close/>
                </a:path>
                <a:path w="9831705" h="4759959">
                  <a:moveTo>
                    <a:pt x="9831324" y="9143"/>
                  </a:moveTo>
                  <a:lnTo>
                    <a:pt x="9819131" y="9143"/>
                  </a:lnTo>
                  <a:lnTo>
                    <a:pt x="9817608" y="7620"/>
                  </a:lnTo>
                  <a:lnTo>
                    <a:pt x="9831324" y="7620"/>
                  </a:lnTo>
                  <a:lnTo>
                    <a:pt x="9831324" y="9143"/>
                  </a:lnTo>
                  <a:close/>
                </a:path>
                <a:path w="9831705" h="4759959">
                  <a:moveTo>
                    <a:pt x="9831324" y="106680"/>
                  </a:moveTo>
                  <a:lnTo>
                    <a:pt x="9817608" y="106680"/>
                  </a:lnTo>
                  <a:lnTo>
                    <a:pt x="9817608" y="51816"/>
                  </a:lnTo>
                  <a:lnTo>
                    <a:pt x="9831324" y="51816"/>
                  </a:lnTo>
                  <a:lnTo>
                    <a:pt x="9831324" y="106680"/>
                  </a:lnTo>
                  <a:close/>
                </a:path>
                <a:path w="9831705" h="4759959">
                  <a:moveTo>
                    <a:pt x="9831324" y="205740"/>
                  </a:moveTo>
                  <a:lnTo>
                    <a:pt x="9817608" y="205740"/>
                  </a:lnTo>
                  <a:lnTo>
                    <a:pt x="9817608" y="149351"/>
                  </a:lnTo>
                  <a:lnTo>
                    <a:pt x="9831324" y="149351"/>
                  </a:lnTo>
                  <a:lnTo>
                    <a:pt x="9831324" y="205740"/>
                  </a:lnTo>
                  <a:close/>
                </a:path>
                <a:path w="9831705" h="4759959">
                  <a:moveTo>
                    <a:pt x="9831324" y="303275"/>
                  </a:moveTo>
                  <a:lnTo>
                    <a:pt x="9817608" y="303275"/>
                  </a:lnTo>
                  <a:lnTo>
                    <a:pt x="9817608" y="246888"/>
                  </a:lnTo>
                  <a:lnTo>
                    <a:pt x="9831324" y="246888"/>
                  </a:lnTo>
                  <a:lnTo>
                    <a:pt x="9831324" y="303275"/>
                  </a:lnTo>
                  <a:close/>
                </a:path>
                <a:path w="9831705" h="4759959">
                  <a:moveTo>
                    <a:pt x="9831324" y="400812"/>
                  </a:moveTo>
                  <a:lnTo>
                    <a:pt x="9817608" y="400812"/>
                  </a:lnTo>
                  <a:lnTo>
                    <a:pt x="9817608" y="344424"/>
                  </a:lnTo>
                  <a:lnTo>
                    <a:pt x="9831324" y="344424"/>
                  </a:lnTo>
                  <a:lnTo>
                    <a:pt x="9831324" y="400812"/>
                  </a:lnTo>
                  <a:close/>
                </a:path>
                <a:path w="9831705" h="4759959">
                  <a:moveTo>
                    <a:pt x="9831324" y="499872"/>
                  </a:moveTo>
                  <a:lnTo>
                    <a:pt x="9817608" y="499872"/>
                  </a:lnTo>
                  <a:lnTo>
                    <a:pt x="9817608" y="443483"/>
                  </a:lnTo>
                  <a:lnTo>
                    <a:pt x="9831324" y="443483"/>
                  </a:lnTo>
                  <a:lnTo>
                    <a:pt x="9831324" y="499872"/>
                  </a:lnTo>
                  <a:close/>
                </a:path>
                <a:path w="9831705" h="4759959">
                  <a:moveTo>
                    <a:pt x="9831324" y="597408"/>
                  </a:moveTo>
                  <a:lnTo>
                    <a:pt x="9817608" y="597408"/>
                  </a:lnTo>
                  <a:lnTo>
                    <a:pt x="9817608" y="541020"/>
                  </a:lnTo>
                  <a:lnTo>
                    <a:pt x="9831324" y="541020"/>
                  </a:lnTo>
                  <a:lnTo>
                    <a:pt x="9831324" y="597408"/>
                  </a:lnTo>
                  <a:close/>
                </a:path>
                <a:path w="9831705" h="4759959">
                  <a:moveTo>
                    <a:pt x="9831324" y="694943"/>
                  </a:moveTo>
                  <a:lnTo>
                    <a:pt x="9817608" y="694943"/>
                  </a:lnTo>
                  <a:lnTo>
                    <a:pt x="9817608" y="638556"/>
                  </a:lnTo>
                  <a:lnTo>
                    <a:pt x="9831324" y="638556"/>
                  </a:lnTo>
                  <a:lnTo>
                    <a:pt x="9831324" y="694943"/>
                  </a:lnTo>
                  <a:close/>
                </a:path>
                <a:path w="9831705" h="4759959">
                  <a:moveTo>
                    <a:pt x="9831324" y="792480"/>
                  </a:moveTo>
                  <a:lnTo>
                    <a:pt x="9817608" y="792480"/>
                  </a:lnTo>
                  <a:lnTo>
                    <a:pt x="9817608" y="737616"/>
                  </a:lnTo>
                  <a:lnTo>
                    <a:pt x="9831324" y="737616"/>
                  </a:lnTo>
                  <a:lnTo>
                    <a:pt x="9831324" y="792480"/>
                  </a:lnTo>
                  <a:close/>
                </a:path>
                <a:path w="9831705" h="4759959">
                  <a:moveTo>
                    <a:pt x="9831324" y="891540"/>
                  </a:moveTo>
                  <a:lnTo>
                    <a:pt x="9817608" y="891540"/>
                  </a:lnTo>
                  <a:lnTo>
                    <a:pt x="9817608" y="835151"/>
                  </a:lnTo>
                  <a:lnTo>
                    <a:pt x="9831324" y="835151"/>
                  </a:lnTo>
                  <a:lnTo>
                    <a:pt x="9831324" y="891540"/>
                  </a:lnTo>
                  <a:close/>
                </a:path>
                <a:path w="9831705" h="4759959">
                  <a:moveTo>
                    <a:pt x="9831324" y="989075"/>
                  </a:moveTo>
                  <a:lnTo>
                    <a:pt x="9817608" y="989075"/>
                  </a:lnTo>
                  <a:lnTo>
                    <a:pt x="9817608" y="932688"/>
                  </a:lnTo>
                  <a:lnTo>
                    <a:pt x="9831324" y="932688"/>
                  </a:lnTo>
                  <a:lnTo>
                    <a:pt x="9831324" y="989075"/>
                  </a:lnTo>
                  <a:close/>
                </a:path>
                <a:path w="9831705" h="4759959">
                  <a:moveTo>
                    <a:pt x="9831324" y="1086612"/>
                  </a:moveTo>
                  <a:lnTo>
                    <a:pt x="9817608" y="1086612"/>
                  </a:lnTo>
                  <a:lnTo>
                    <a:pt x="9817608" y="1031748"/>
                  </a:lnTo>
                  <a:lnTo>
                    <a:pt x="9831324" y="1031748"/>
                  </a:lnTo>
                  <a:lnTo>
                    <a:pt x="9831324" y="1086612"/>
                  </a:lnTo>
                  <a:close/>
                </a:path>
                <a:path w="9831705" h="4759959">
                  <a:moveTo>
                    <a:pt x="9831324" y="1185672"/>
                  </a:moveTo>
                  <a:lnTo>
                    <a:pt x="9817608" y="1185672"/>
                  </a:lnTo>
                  <a:lnTo>
                    <a:pt x="9817608" y="1129284"/>
                  </a:lnTo>
                  <a:lnTo>
                    <a:pt x="9831324" y="1129284"/>
                  </a:lnTo>
                  <a:lnTo>
                    <a:pt x="9831324" y="1185672"/>
                  </a:lnTo>
                  <a:close/>
                </a:path>
                <a:path w="9831705" h="4759959">
                  <a:moveTo>
                    <a:pt x="9831324" y="1283208"/>
                  </a:moveTo>
                  <a:lnTo>
                    <a:pt x="9817608" y="1283208"/>
                  </a:lnTo>
                  <a:lnTo>
                    <a:pt x="9817608" y="1226820"/>
                  </a:lnTo>
                  <a:lnTo>
                    <a:pt x="9831324" y="1226820"/>
                  </a:lnTo>
                  <a:lnTo>
                    <a:pt x="9831324" y="1283208"/>
                  </a:lnTo>
                  <a:close/>
                </a:path>
                <a:path w="9831705" h="4759959">
                  <a:moveTo>
                    <a:pt x="9831324" y="1380743"/>
                  </a:moveTo>
                  <a:lnTo>
                    <a:pt x="9817608" y="1380743"/>
                  </a:lnTo>
                  <a:lnTo>
                    <a:pt x="9817608" y="1325880"/>
                  </a:lnTo>
                  <a:lnTo>
                    <a:pt x="9831324" y="1325880"/>
                  </a:lnTo>
                  <a:lnTo>
                    <a:pt x="9831324" y="1380743"/>
                  </a:lnTo>
                  <a:close/>
                </a:path>
                <a:path w="9831705" h="4759959">
                  <a:moveTo>
                    <a:pt x="9831324" y="1479804"/>
                  </a:moveTo>
                  <a:lnTo>
                    <a:pt x="9817608" y="1479804"/>
                  </a:lnTo>
                  <a:lnTo>
                    <a:pt x="9817608" y="1423416"/>
                  </a:lnTo>
                  <a:lnTo>
                    <a:pt x="9831324" y="1423416"/>
                  </a:lnTo>
                  <a:lnTo>
                    <a:pt x="9831324" y="1479804"/>
                  </a:lnTo>
                  <a:close/>
                </a:path>
                <a:path w="9831705" h="4759959">
                  <a:moveTo>
                    <a:pt x="9831324" y="1577340"/>
                  </a:moveTo>
                  <a:lnTo>
                    <a:pt x="9817608" y="1577340"/>
                  </a:lnTo>
                  <a:lnTo>
                    <a:pt x="9817608" y="1520951"/>
                  </a:lnTo>
                  <a:lnTo>
                    <a:pt x="9831324" y="1520951"/>
                  </a:lnTo>
                  <a:lnTo>
                    <a:pt x="9831324" y="1577340"/>
                  </a:lnTo>
                  <a:close/>
                </a:path>
                <a:path w="9831705" h="4759959">
                  <a:moveTo>
                    <a:pt x="9831324" y="1674876"/>
                  </a:moveTo>
                  <a:lnTo>
                    <a:pt x="9817608" y="1674876"/>
                  </a:lnTo>
                  <a:lnTo>
                    <a:pt x="9817608" y="1620012"/>
                  </a:lnTo>
                  <a:lnTo>
                    <a:pt x="9831324" y="1620012"/>
                  </a:lnTo>
                  <a:lnTo>
                    <a:pt x="9831324" y="1674876"/>
                  </a:lnTo>
                  <a:close/>
                </a:path>
                <a:path w="9831705" h="4759959">
                  <a:moveTo>
                    <a:pt x="9831324" y="1773936"/>
                  </a:moveTo>
                  <a:lnTo>
                    <a:pt x="9817608" y="1773936"/>
                  </a:lnTo>
                  <a:lnTo>
                    <a:pt x="9817608" y="1717548"/>
                  </a:lnTo>
                  <a:lnTo>
                    <a:pt x="9831324" y="1717548"/>
                  </a:lnTo>
                  <a:lnTo>
                    <a:pt x="9831324" y="1773936"/>
                  </a:lnTo>
                  <a:close/>
                </a:path>
                <a:path w="9831705" h="4759959">
                  <a:moveTo>
                    <a:pt x="9831324" y="1871472"/>
                  </a:moveTo>
                  <a:lnTo>
                    <a:pt x="9817608" y="1871472"/>
                  </a:lnTo>
                  <a:lnTo>
                    <a:pt x="9817608" y="1815084"/>
                  </a:lnTo>
                  <a:lnTo>
                    <a:pt x="9831324" y="1815084"/>
                  </a:lnTo>
                  <a:lnTo>
                    <a:pt x="9831324" y="1871472"/>
                  </a:lnTo>
                  <a:close/>
                </a:path>
                <a:path w="9831705" h="4759959">
                  <a:moveTo>
                    <a:pt x="9831324" y="1969008"/>
                  </a:moveTo>
                  <a:lnTo>
                    <a:pt x="9817608" y="1969008"/>
                  </a:lnTo>
                  <a:lnTo>
                    <a:pt x="9817608" y="1912620"/>
                  </a:lnTo>
                  <a:lnTo>
                    <a:pt x="9831324" y="1912620"/>
                  </a:lnTo>
                  <a:lnTo>
                    <a:pt x="9831324" y="1969008"/>
                  </a:lnTo>
                  <a:close/>
                </a:path>
                <a:path w="9831705" h="4759959">
                  <a:moveTo>
                    <a:pt x="9831324" y="2068068"/>
                  </a:moveTo>
                  <a:lnTo>
                    <a:pt x="9817608" y="2068068"/>
                  </a:lnTo>
                  <a:lnTo>
                    <a:pt x="9817608" y="2011680"/>
                  </a:lnTo>
                  <a:lnTo>
                    <a:pt x="9831324" y="2011680"/>
                  </a:lnTo>
                  <a:lnTo>
                    <a:pt x="9831324" y="2068068"/>
                  </a:lnTo>
                  <a:close/>
                </a:path>
                <a:path w="9831705" h="4759959">
                  <a:moveTo>
                    <a:pt x="9831324" y="2165604"/>
                  </a:moveTo>
                  <a:lnTo>
                    <a:pt x="9817608" y="2165604"/>
                  </a:lnTo>
                  <a:lnTo>
                    <a:pt x="9817608" y="2109216"/>
                  </a:lnTo>
                  <a:lnTo>
                    <a:pt x="9831324" y="2109216"/>
                  </a:lnTo>
                  <a:lnTo>
                    <a:pt x="9831324" y="2165604"/>
                  </a:lnTo>
                  <a:close/>
                </a:path>
                <a:path w="9831705" h="4759959">
                  <a:moveTo>
                    <a:pt x="9831324" y="2263140"/>
                  </a:moveTo>
                  <a:lnTo>
                    <a:pt x="9817608" y="2263140"/>
                  </a:lnTo>
                  <a:lnTo>
                    <a:pt x="9817608" y="2206751"/>
                  </a:lnTo>
                  <a:lnTo>
                    <a:pt x="9831324" y="2206751"/>
                  </a:lnTo>
                  <a:lnTo>
                    <a:pt x="9831324" y="2263140"/>
                  </a:lnTo>
                  <a:close/>
                </a:path>
                <a:path w="9831705" h="4759959">
                  <a:moveTo>
                    <a:pt x="9831324" y="2362200"/>
                  </a:moveTo>
                  <a:lnTo>
                    <a:pt x="9817608" y="2362200"/>
                  </a:lnTo>
                  <a:lnTo>
                    <a:pt x="9817608" y="2305812"/>
                  </a:lnTo>
                  <a:lnTo>
                    <a:pt x="9831324" y="2305812"/>
                  </a:lnTo>
                  <a:lnTo>
                    <a:pt x="9831324" y="2362200"/>
                  </a:lnTo>
                  <a:close/>
                </a:path>
                <a:path w="9831705" h="4759959">
                  <a:moveTo>
                    <a:pt x="9831324" y="2459736"/>
                  </a:moveTo>
                  <a:lnTo>
                    <a:pt x="9817608" y="2459736"/>
                  </a:lnTo>
                  <a:lnTo>
                    <a:pt x="9817608" y="2403348"/>
                  </a:lnTo>
                  <a:lnTo>
                    <a:pt x="9831324" y="2403348"/>
                  </a:lnTo>
                  <a:lnTo>
                    <a:pt x="9831324" y="2459736"/>
                  </a:lnTo>
                  <a:close/>
                </a:path>
                <a:path w="9831705" h="4759959">
                  <a:moveTo>
                    <a:pt x="9831324" y="2557272"/>
                  </a:moveTo>
                  <a:lnTo>
                    <a:pt x="9817608" y="2557272"/>
                  </a:lnTo>
                  <a:lnTo>
                    <a:pt x="9817608" y="2500884"/>
                  </a:lnTo>
                  <a:lnTo>
                    <a:pt x="9831324" y="2500884"/>
                  </a:lnTo>
                  <a:lnTo>
                    <a:pt x="9831324" y="2557272"/>
                  </a:lnTo>
                  <a:close/>
                </a:path>
                <a:path w="9831705" h="4759959">
                  <a:moveTo>
                    <a:pt x="9831324" y="2654808"/>
                  </a:moveTo>
                  <a:lnTo>
                    <a:pt x="9817608" y="2654808"/>
                  </a:lnTo>
                  <a:lnTo>
                    <a:pt x="9817608" y="2599943"/>
                  </a:lnTo>
                  <a:lnTo>
                    <a:pt x="9831324" y="2599943"/>
                  </a:lnTo>
                  <a:lnTo>
                    <a:pt x="9831324" y="2654808"/>
                  </a:lnTo>
                  <a:close/>
                </a:path>
                <a:path w="9831705" h="4759959">
                  <a:moveTo>
                    <a:pt x="9831324" y="2753868"/>
                  </a:moveTo>
                  <a:lnTo>
                    <a:pt x="9817608" y="2753868"/>
                  </a:lnTo>
                  <a:lnTo>
                    <a:pt x="9817608" y="2697479"/>
                  </a:lnTo>
                  <a:lnTo>
                    <a:pt x="9831324" y="2697479"/>
                  </a:lnTo>
                  <a:lnTo>
                    <a:pt x="9831324" y="2753868"/>
                  </a:lnTo>
                  <a:close/>
                </a:path>
                <a:path w="9831705" h="4759959">
                  <a:moveTo>
                    <a:pt x="9831324" y="2851404"/>
                  </a:moveTo>
                  <a:lnTo>
                    <a:pt x="9817608" y="2851404"/>
                  </a:lnTo>
                  <a:lnTo>
                    <a:pt x="9817608" y="2795016"/>
                  </a:lnTo>
                  <a:lnTo>
                    <a:pt x="9831324" y="2795016"/>
                  </a:lnTo>
                  <a:lnTo>
                    <a:pt x="9831324" y="2851404"/>
                  </a:lnTo>
                  <a:close/>
                </a:path>
                <a:path w="9831705" h="4759959">
                  <a:moveTo>
                    <a:pt x="9831324" y="2948940"/>
                  </a:moveTo>
                  <a:lnTo>
                    <a:pt x="9817608" y="2948940"/>
                  </a:lnTo>
                  <a:lnTo>
                    <a:pt x="9817608" y="2894076"/>
                  </a:lnTo>
                  <a:lnTo>
                    <a:pt x="9831324" y="2894076"/>
                  </a:lnTo>
                  <a:lnTo>
                    <a:pt x="9831324" y="2948940"/>
                  </a:lnTo>
                  <a:close/>
                </a:path>
                <a:path w="9831705" h="4759959">
                  <a:moveTo>
                    <a:pt x="9831324" y="3048000"/>
                  </a:moveTo>
                  <a:lnTo>
                    <a:pt x="9817608" y="3048000"/>
                  </a:lnTo>
                  <a:lnTo>
                    <a:pt x="9817608" y="2991611"/>
                  </a:lnTo>
                  <a:lnTo>
                    <a:pt x="9831324" y="2991611"/>
                  </a:lnTo>
                  <a:lnTo>
                    <a:pt x="9831324" y="3048000"/>
                  </a:lnTo>
                  <a:close/>
                </a:path>
                <a:path w="9831705" h="4759959">
                  <a:moveTo>
                    <a:pt x="9831324" y="3145536"/>
                  </a:moveTo>
                  <a:lnTo>
                    <a:pt x="9817608" y="3145536"/>
                  </a:lnTo>
                  <a:lnTo>
                    <a:pt x="9817608" y="3089147"/>
                  </a:lnTo>
                  <a:lnTo>
                    <a:pt x="9831324" y="3089147"/>
                  </a:lnTo>
                  <a:lnTo>
                    <a:pt x="9831324" y="3145536"/>
                  </a:lnTo>
                  <a:close/>
                </a:path>
                <a:path w="9831705" h="4759959">
                  <a:moveTo>
                    <a:pt x="9831324" y="3243072"/>
                  </a:moveTo>
                  <a:lnTo>
                    <a:pt x="9817608" y="3243072"/>
                  </a:lnTo>
                  <a:lnTo>
                    <a:pt x="9817608" y="3188208"/>
                  </a:lnTo>
                  <a:lnTo>
                    <a:pt x="9831324" y="3188208"/>
                  </a:lnTo>
                  <a:lnTo>
                    <a:pt x="9831324" y="3243072"/>
                  </a:lnTo>
                  <a:close/>
                </a:path>
                <a:path w="9831705" h="4759959">
                  <a:moveTo>
                    <a:pt x="9831324" y="3342132"/>
                  </a:moveTo>
                  <a:lnTo>
                    <a:pt x="9817608" y="3342132"/>
                  </a:lnTo>
                  <a:lnTo>
                    <a:pt x="9817608" y="3285744"/>
                  </a:lnTo>
                  <a:lnTo>
                    <a:pt x="9831324" y="3285744"/>
                  </a:lnTo>
                  <a:lnTo>
                    <a:pt x="9831324" y="3342132"/>
                  </a:lnTo>
                  <a:close/>
                </a:path>
                <a:path w="9831705" h="4759959">
                  <a:moveTo>
                    <a:pt x="9831324" y="3439668"/>
                  </a:moveTo>
                  <a:lnTo>
                    <a:pt x="9817608" y="3439668"/>
                  </a:lnTo>
                  <a:lnTo>
                    <a:pt x="9817608" y="3383279"/>
                  </a:lnTo>
                  <a:lnTo>
                    <a:pt x="9831324" y="3383279"/>
                  </a:lnTo>
                  <a:lnTo>
                    <a:pt x="9831324" y="3439668"/>
                  </a:lnTo>
                  <a:close/>
                </a:path>
                <a:path w="9831705" h="4759959">
                  <a:moveTo>
                    <a:pt x="9831324" y="3537204"/>
                  </a:moveTo>
                  <a:lnTo>
                    <a:pt x="9817608" y="3537204"/>
                  </a:lnTo>
                  <a:lnTo>
                    <a:pt x="9817608" y="3482340"/>
                  </a:lnTo>
                  <a:lnTo>
                    <a:pt x="9831324" y="3482340"/>
                  </a:lnTo>
                  <a:lnTo>
                    <a:pt x="9831324" y="3537204"/>
                  </a:lnTo>
                  <a:close/>
                </a:path>
                <a:path w="9831705" h="4759959">
                  <a:moveTo>
                    <a:pt x="9831324" y="3636263"/>
                  </a:moveTo>
                  <a:lnTo>
                    <a:pt x="9817608" y="3636263"/>
                  </a:lnTo>
                  <a:lnTo>
                    <a:pt x="9817608" y="3579876"/>
                  </a:lnTo>
                  <a:lnTo>
                    <a:pt x="9831324" y="3579876"/>
                  </a:lnTo>
                  <a:lnTo>
                    <a:pt x="9831324" y="3636263"/>
                  </a:lnTo>
                  <a:close/>
                </a:path>
                <a:path w="9831705" h="4759959">
                  <a:moveTo>
                    <a:pt x="9831324" y="3733800"/>
                  </a:moveTo>
                  <a:lnTo>
                    <a:pt x="9817608" y="3733800"/>
                  </a:lnTo>
                  <a:lnTo>
                    <a:pt x="9817608" y="3677411"/>
                  </a:lnTo>
                  <a:lnTo>
                    <a:pt x="9831324" y="3677411"/>
                  </a:lnTo>
                  <a:lnTo>
                    <a:pt x="9831324" y="3733800"/>
                  </a:lnTo>
                  <a:close/>
                </a:path>
                <a:path w="9831705" h="4759959">
                  <a:moveTo>
                    <a:pt x="9831324" y="3831336"/>
                  </a:moveTo>
                  <a:lnTo>
                    <a:pt x="9817608" y="3831336"/>
                  </a:lnTo>
                  <a:lnTo>
                    <a:pt x="9817608" y="3774947"/>
                  </a:lnTo>
                  <a:lnTo>
                    <a:pt x="9831324" y="3774947"/>
                  </a:lnTo>
                  <a:lnTo>
                    <a:pt x="9831324" y="3831336"/>
                  </a:lnTo>
                  <a:close/>
                </a:path>
                <a:path w="9831705" h="4759959">
                  <a:moveTo>
                    <a:pt x="9831324" y="3930395"/>
                  </a:moveTo>
                  <a:lnTo>
                    <a:pt x="9817608" y="3930395"/>
                  </a:lnTo>
                  <a:lnTo>
                    <a:pt x="9817608" y="3874008"/>
                  </a:lnTo>
                  <a:lnTo>
                    <a:pt x="9831324" y="3874008"/>
                  </a:lnTo>
                  <a:lnTo>
                    <a:pt x="9831324" y="3930395"/>
                  </a:lnTo>
                  <a:close/>
                </a:path>
                <a:path w="9831705" h="4759959">
                  <a:moveTo>
                    <a:pt x="9831324" y="4027932"/>
                  </a:moveTo>
                  <a:lnTo>
                    <a:pt x="9817608" y="4027932"/>
                  </a:lnTo>
                  <a:lnTo>
                    <a:pt x="9817608" y="3971544"/>
                  </a:lnTo>
                  <a:lnTo>
                    <a:pt x="9831324" y="3971544"/>
                  </a:lnTo>
                  <a:lnTo>
                    <a:pt x="9831324" y="4027932"/>
                  </a:lnTo>
                  <a:close/>
                </a:path>
                <a:path w="9831705" h="4759959">
                  <a:moveTo>
                    <a:pt x="9831324" y="4125468"/>
                  </a:moveTo>
                  <a:lnTo>
                    <a:pt x="9817608" y="4125468"/>
                  </a:lnTo>
                  <a:lnTo>
                    <a:pt x="9817608" y="4069079"/>
                  </a:lnTo>
                  <a:lnTo>
                    <a:pt x="9831324" y="4069079"/>
                  </a:lnTo>
                  <a:lnTo>
                    <a:pt x="9831324" y="4125468"/>
                  </a:lnTo>
                  <a:close/>
                </a:path>
                <a:path w="9831705" h="4759959">
                  <a:moveTo>
                    <a:pt x="9831324" y="4223004"/>
                  </a:moveTo>
                  <a:lnTo>
                    <a:pt x="9817608" y="4223004"/>
                  </a:lnTo>
                  <a:lnTo>
                    <a:pt x="9817608" y="4168140"/>
                  </a:lnTo>
                  <a:lnTo>
                    <a:pt x="9831324" y="4168140"/>
                  </a:lnTo>
                  <a:lnTo>
                    <a:pt x="9831324" y="4223004"/>
                  </a:lnTo>
                  <a:close/>
                </a:path>
                <a:path w="9831705" h="4759959">
                  <a:moveTo>
                    <a:pt x="9831324" y="4322063"/>
                  </a:moveTo>
                  <a:lnTo>
                    <a:pt x="9817608" y="4322063"/>
                  </a:lnTo>
                  <a:lnTo>
                    <a:pt x="9817608" y="4265676"/>
                  </a:lnTo>
                  <a:lnTo>
                    <a:pt x="9831324" y="4265676"/>
                  </a:lnTo>
                  <a:lnTo>
                    <a:pt x="9831324" y="4322063"/>
                  </a:lnTo>
                  <a:close/>
                </a:path>
                <a:path w="9831705" h="4759959">
                  <a:moveTo>
                    <a:pt x="9831324" y="4419600"/>
                  </a:moveTo>
                  <a:lnTo>
                    <a:pt x="9817608" y="4419600"/>
                  </a:lnTo>
                  <a:lnTo>
                    <a:pt x="9817608" y="4363211"/>
                  </a:lnTo>
                  <a:lnTo>
                    <a:pt x="9831324" y="4363211"/>
                  </a:lnTo>
                  <a:lnTo>
                    <a:pt x="9831324" y="4419600"/>
                  </a:lnTo>
                  <a:close/>
                </a:path>
                <a:path w="9831705" h="4759959">
                  <a:moveTo>
                    <a:pt x="9831324" y="4517136"/>
                  </a:moveTo>
                  <a:lnTo>
                    <a:pt x="9817608" y="4517136"/>
                  </a:lnTo>
                  <a:lnTo>
                    <a:pt x="9817608" y="4462272"/>
                  </a:lnTo>
                  <a:lnTo>
                    <a:pt x="9831324" y="4462272"/>
                  </a:lnTo>
                  <a:lnTo>
                    <a:pt x="9831324" y="4517136"/>
                  </a:lnTo>
                  <a:close/>
                </a:path>
                <a:path w="9831705" h="4759959">
                  <a:moveTo>
                    <a:pt x="9831324" y="4616195"/>
                  </a:moveTo>
                  <a:lnTo>
                    <a:pt x="9817608" y="4616195"/>
                  </a:lnTo>
                  <a:lnTo>
                    <a:pt x="9817608" y="4559808"/>
                  </a:lnTo>
                  <a:lnTo>
                    <a:pt x="9831324" y="4559808"/>
                  </a:lnTo>
                  <a:lnTo>
                    <a:pt x="9831324" y="4616195"/>
                  </a:lnTo>
                  <a:close/>
                </a:path>
                <a:path w="9831705" h="4759959">
                  <a:moveTo>
                    <a:pt x="9831324" y="4713732"/>
                  </a:moveTo>
                  <a:lnTo>
                    <a:pt x="9817608" y="4713732"/>
                  </a:lnTo>
                  <a:lnTo>
                    <a:pt x="9817608" y="4657344"/>
                  </a:lnTo>
                  <a:lnTo>
                    <a:pt x="9831324" y="4657344"/>
                  </a:lnTo>
                  <a:lnTo>
                    <a:pt x="9831324" y="4713732"/>
                  </a:lnTo>
                  <a:close/>
                </a:path>
                <a:path w="9831705" h="4759959">
                  <a:moveTo>
                    <a:pt x="9820656" y="4759452"/>
                  </a:moveTo>
                  <a:lnTo>
                    <a:pt x="9764268" y="4759452"/>
                  </a:lnTo>
                  <a:lnTo>
                    <a:pt x="9764268" y="4744212"/>
                  </a:lnTo>
                  <a:lnTo>
                    <a:pt x="9820656" y="4744212"/>
                  </a:lnTo>
                  <a:lnTo>
                    <a:pt x="9820656" y="4759452"/>
                  </a:lnTo>
                  <a:close/>
                </a:path>
                <a:path w="9831705" h="4759959">
                  <a:moveTo>
                    <a:pt x="9721596" y="4759452"/>
                  </a:moveTo>
                  <a:lnTo>
                    <a:pt x="9665208" y="4759452"/>
                  </a:lnTo>
                  <a:lnTo>
                    <a:pt x="9665208" y="4744212"/>
                  </a:lnTo>
                  <a:lnTo>
                    <a:pt x="9721596" y="4744212"/>
                  </a:lnTo>
                  <a:lnTo>
                    <a:pt x="9721596" y="4759452"/>
                  </a:lnTo>
                  <a:close/>
                </a:path>
                <a:path w="9831705" h="4759959">
                  <a:moveTo>
                    <a:pt x="9624060" y="4759452"/>
                  </a:moveTo>
                  <a:lnTo>
                    <a:pt x="9567672" y="4759452"/>
                  </a:lnTo>
                  <a:lnTo>
                    <a:pt x="9567672" y="4744212"/>
                  </a:lnTo>
                  <a:lnTo>
                    <a:pt x="9624060" y="4744212"/>
                  </a:lnTo>
                  <a:lnTo>
                    <a:pt x="9624060" y="4759452"/>
                  </a:lnTo>
                  <a:close/>
                </a:path>
                <a:path w="9831705" h="4759959">
                  <a:moveTo>
                    <a:pt x="9526524" y="4759452"/>
                  </a:moveTo>
                  <a:lnTo>
                    <a:pt x="9470136" y="4759452"/>
                  </a:lnTo>
                  <a:lnTo>
                    <a:pt x="9470136" y="4744212"/>
                  </a:lnTo>
                  <a:lnTo>
                    <a:pt x="9526524" y="4744212"/>
                  </a:lnTo>
                  <a:lnTo>
                    <a:pt x="9526524" y="4759452"/>
                  </a:lnTo>
                  <a:close/>
                </a:path>
                <a:path w="9831705" h="4759959">
                  <a:moveTo>
                    <a:pt x="9427464" y="4759452"/>
                  </a:moveTo>
                  <a:lnTo>
                    <a:pt x="9371075" y="4759452"/>
                  </a:lnTo>
                  <a:lnTo>
                    <a:pt x="9371075" y="4744212"/>
                  </a:lnTo>
                  <a:lnTo>
                    <a:pt x="9427464" y="4744212"/>
                  </a:lnTo>
                  <a:lnTo>
                    <a:pt x="9427464" y="4759452"/>
                  </a:lnTo>
                  <a:close/>
                </a:path>
                <a:path w="9831705" h="4759959">
                  <a:moveTo>
                    <a:pt x="9329928" y="4759452"/>
                  </a:moveTo>
                  <a:lnTo>
                    <a:pt x="9273540" y="4759452"/>
                  </a:lnTo>
                  <a:lnTo>
                    <a:pt x="9273540" y="4744212"/>
                  </a:lnTo>
                  <a:lnTo>
                    <a:pt x="9329928" y="4744212"/>
                  </a:lnTo>
                  <a:lnTo>
                    <a:pt x="9329928" y="4759452"/>
                  </a:lnTo>
                  <a:close/>
                </a:path>
                <a:path w="9831705" h="4759959">
                  <a:moveTo>
                    <a:pt x="9232392" y="4759452"/>
                  </a:moveTo>
                  <a:lnTo>
                    <a:pt x="9176004" y="4759452"/>
                  </a:lnTo>
                  <a:lnTo>
                    <a:pt x="9176004" y="4744212"/>
                  </a:lnTo>
                  <a:lnTo>
                    <a:pt x="9232392" y="4744212"/>
                  </a:lnTo>
                  <a:lnTo>
                    <a:pt x="9232392" y="4759452"/>
                  </a:lnTo>
                  <a:close/>
                </a:path>
                <a:path w="9831705" h="4759959">
                  <a:moveTo>
                    <a:pt x="9133332" y="4759452"/>
                  </a:moveTo>
                  <a:lnTo>
                    <a:pt x="9078468" y="4759452"/>
                  </a:lnTo>
                  <a:lnTo>
                    <a:pt x="9078468" y="4744212"/>
                  </a:lnTo>
                  <a:lnTo>
                    <a:pt x="9133332" y="4744212"/>
                  </a:lnTo>
                  <a:lnTo>
                    <a:pt x="9133332" y="4759452"/>
                  </a:lnTo>
                  <a:close/>
                </a:path>
                <a:path w="9831705" h="4759959">
                  <a:moveTo>
                    <a:pt x="9035796" y="4759452"/>
                  </a:moveTo>
                  <a:lnTo>
                    <a:pt x="8979407" y="4759452"/>
                  </a:lnTo>
                  <a:lnTo>
                    <a:pt x="8979407" y="4744212"/>
                  </a:lnTo>
                  <a:lnTo>
                    <a:pt x="9035796" y="4744212"/>
                  </a:lnTo>
                  <a:lnTo>
                    <a:pt x="9035796" y="4759452"/>
                  </a:lnTo>
                  <a:close/>
                </a:path>
                <a:path w="9831705" h="4759959">
                  <a:moveTo>
                    <a:pt x="8938260" y="4759452"/>
                  </a:moveTo>
                  <a:lnTo>
                    <a:pt x="8881872" y="4759452"/>
                  </a:lnTo>
                  <a:lnTo>
                    <a:pt x="8881872" y="4744212"/>
                  </a:lnTo>
                  <a:lnTo>
                    <a:pt x="8938260" y="4744212"/>
                  </a:lnTo>
                  <a:lnTo>
                    <a:pt x="8938260" y="4759452"/>
                  </a:lnTo>
                  <a:close/>
                </a:path>
                <a:path w="9831705" h="4759959">
                  <a:moveTo>
                    <a:pt x="8839200" y="4759452"/>
                  </a:moveTo>
                  <a:lnTo>
                    <a:pt x="8784336" y="4759452"/>
                  </a:lnTo>
                  <a:lnTo>
                    <a:pt x="8784336" y="4744212"/>
                  </a:lnTo>
                  <a:lnTo>
                    <a:pt x="8839200" y="4744212"/>
                  </a:lnTo>
                  <a:lnTo>
                    <a:pt x="8839200" y="4759452"/>
                  </a:lnTo>
                  <a:close/>
                </a:path>
                <a:path w="9831705" h="4759959">
                  <a:moveTo>
                    <a:pt x="8741664" y="4759452"/>
                  </a:moveTo>
                  <a:lnTo>
                    <a:pt x="8685276" y="4759452"/>
                  </a:lnTo>
                  <a:lnTo>
                    <a:pt x="8685276" y="4744212"/>
                  </a:lnTo>
                  <a:lnTo>
                    <a:pt x="8741664" y="4744212"/>
                  </a:lnTo>
                  <a:lnTo>
                    <a:pt x="8741664" y="4759452"/>
                  </a:lnTo>
                  <a:close/>
                </a:path>
                <a:path w="9831705" h="4759959">
                  <a:moveTo>
                    <a:pt x="8644128" y="4759452"/>
                  </a:moveTo>
                  <a:lnTo>
                    <a:pt x="8587740" y="4759452"/>
                  </a:lnTo>
                  <a:lnTo>
                    <a:pt x="8587740" y="4744212"/>
                  </a:lnTo>
                  <a:lnTo>
                    <a:pt x="8644128" y="4744212"/>
                  </a:lnTo>
                  <a:lnTo>
                    <a:pt x="8644128" y="4759452"/>
                  </a:lnTo>
                  <a:close/>
                </a:path>
                <a:path w="9831705" h="4759959">
                  <a:moveTo>
                    <a:pt x="8545068" y="4759452"/>
                  </a:moveTo>
                  <a:lnTo>
                    <a:pt x="8490204" y="4759452"/>
                  </a:lnTo>
                  <a:lnTo>
                    <a:pt x="8490204" y="4744212"/>
                  </a:lnTo>
                  <a:lnTo>
                    <a:pt x="8545068" y="4744212"/>
                  </a:lnTo>
                  <a:lnTo>
                    <a:pt x="8545068" y="4759452"/>
                  </a:lnTo>
                  <a:close/>
                </a:path>
                <a:path w="9831705" h="4759959">
                  <a:moveTo>
                    <a:pt x="8447532" y="4759452"/>
                  </a:moveTo>
                  <a:lnTo>
                    <a:pt x="8391144" y="4759452"/>
                  </a:lnTo>
                  <a:lnTo>
                    <a:pt x="8391144" y="4744212"/>
                  </a:lnTo>
                  <a:lnTo>
                    <a:pt x="8447532" y="4744212"/>
                  </a:lnTo>
                  <a:lnTo>
                    <a:pt x="8447532" y="4759452"/>
                  </a:lnTo>
                  <a:close/>
                </a:path>
                <a:path w="9831705" h="4759959">
                  <a:moveTo>
                    <a:pt x="8349996" y="4759452"/>
                  </a:moveTo>
                  <a:lnTo>
                    <a:pt x="8293607" y="4759452"/>
                  </a:lnTo>
                  <a:lnTo>
                    <a:pt x="8293607" y="4744212"/>
                  </a:lnTo>
                  <a:lnTo>
                    <a:pt x="8349996" y="4744212"/>
                  </a:lnTo>
                  <a:lnTo>
                    <a:pt x="8349996" y="4759452"/>
                  </a:lnTo>
                  <a:close/>
                </a:path>
                <a:path w="9831705" h="4759959">
                  <a:moveTo>
                    <a:pt x="8250936" y="4759452"/>
                  </a:moveTo>
                  <a:lnTo>
                    <a:pt x="8196072" y="4759452"/>
                  </a:lnTo>
                  <a:lnTo>
                    <a:pt x="8196072" y="4744212"/>
                  </a:lnTo>
                  <a:lnTo>
                    <a:pt x="8250936" y="4744212"/>
                  </a:lnTo>
                  <a:lnTo>
                    <a:pt x="8250936" y="4759452"/>
                  </a:lnTo>
                  <a:close/>
                </a:path>
                <a:path w="9831705" h="4759959">
                  <a:moveTo>
                    <a:pt x="8153400" y="4759452"/>
                  </a:moveTo>
                  <a:lnTo>
                    <a:pt x="8097012" y="4759452"/>
                  </a:lnTo>
                  <a:lnTo>
                    <a:pt x="8097012" y="4744212"/>
                  </a:lnTo>
                  <a:lnTo>
                    <a:pt x="8153400" y="4744212"/>
                  </a:lnTo>
                  <a:lnTo>
                    <a:pt x="8153400" y="4759452"/>
                  </a:lnTo>
                  <a:close/>
                </a:path>
                <a:path w="9831705" h="4759959">
                  <a:moveTo>
                    <a:pt x="8055864" y="4759452"/>
                  </a:moveTo>
                  <a:lnTo>
                    <a:pt x="7999476" y="4759452"/>
                  </a:lnTo>
                  <a:lnTo>
                    <a:pt x="7999476" y="4744212"/>
                  </a:lnTo>
                  <a:lnTo>
                    <a:pt x="8055864" y="4744212"/>
                  </a:lnTo>
                  <a:lnTo>
                    <a:pt x="8055864" y="4759452"/>
                  </a:lnTo>
                  <a:close/>
                </a:path>
                <a:path w="9831705" h="4759959">
                  <a:moveTo>
                    <a:pt x="7958328" y="4759452"/>
                  </a:moveTo>
                  <a:lnTo>
                    <a:pt x="7901940" y="4759452"/>
                  </a:lnTo>
                  <a:lnTo>
                    <a:pt x="7901940" y="4744212"/>
                  </a:lnTo>
                  <a:lnTo>
                    <a:pt x="7958328" y="4744212"/>
                  </a:lnTo>
                  <a:lnTo>
                    <a:pt x="7958328" y="4759452"/>
                  </a:lnTo>
                  <a:close/>
                </a:path>
                <a:path w="9831705" h="4759959">
                  <a:moveTo>
                    <a:pt x="7859268" y="4759452"/>
                  </a:moveTo>
                  <a:lnTo>
                    <a:pt x="7802880" y="4759452"/>
                  </a:lnTo>
                  <a:lnTo>
                    <a:pt x="7802880" y="4744212"/>
                  </a:lnTo>
                  <a:lnTo>
                    <a:pt x="7859268" y="4744212"/>
                  </a:lnTo>
                  <a:lnTo>
                    <a:pt x="7859268" y="4759452"/>
                  </a:lnTo>
                  <a:close/>
                </a:path>
                <a:path w="9831705" h="4759959">
                  <a:moveTo>
                    <a:pt x="7761732" y="4759452"/>
                  </a:moveTo>
                  <a:lnTo>
                    <a:pt x="7705344" y="4759452"/>
                  </a:lnTo>
                  <a:lnTo>
                    <a:pt x="7705344" y="4744212"/>
                  </a:lnTo>
                  <a:lnTo>
                    <a:pt x="7761732" y="4744212"/>
                  </a:lnTo>
                  <a:lnTo>
                    <a:pt x="7761732" y="4759452"/>
                  </a:lnTo>
                  <a:close/>
                </a:path>
                <a:path w="9831705" h="4759959">
                  <a:moveTo>
                    <a:pt x="7664196" y="4759452"/>
                  </a:moveTo>
                  <a:lnTo>
                    <a:pt x="7607807" y="4759452"/>
                  </a:lnTo>
                  <a:lnTo>
                    <a:pt x="7607807" y="4744212"/>
                  </a:lnTo>
                  <a:lnTo>
                    <a:pt x="7664196" y="4744212"/>
                  </a:lnTo>
                  <a:lnTo>
                    <a:pt x="7664196" y="4759452"/>
                  </a:lnTo>
                  <a:close/>
                </a:path>
                <a:path w="9831705" h="4759959">
                  <a:moveTo>
                    <a:pt x="7565136" y="4759452"/>
                  </a:moveTo>
                  <a:lnTo>
                    <a:pt x="7510272" y="4759452"/>
                  </a:lnTo>
                  <a:lnTo>
                    <a:pt x="7510272" y="4744212"/>
                  </a:lnTo>
                  <a:lnTo>
                    <a:pt x="7565136" y="4744212"/>
                  </a:lnTo>
                  <a:lnTo>
                    <a:pt x="7565136" y="4759452"/>
                  </a:lnTo>
                  <a:close/>
                </a:path>
                <a:path w="9831705" h="4759959">
                  <a:moveTo>
                    <a:pt x="7467600" y="4759452"/>
                  </a:moveTo>
                  <a:lnTo>
                    <a:pt x="7411212" y="4759452"/>
                  </a:lnTo>
                  <a:lnTo>
                    <a:pt x="7411212" y="4744212"/>
                  </a:lnTo>
                  <a:lnTo>
                    <a:pt x="7467600" y="4744212"/>
                  </a:lnTo>
                  <a:lnTo>
                    <a:pt x="7467600" y="4759452"/>
                  </a:lnTo>
                  <a:close/>
                </a:path>
                <a:path w="9831705" h="4759959">
                  <a:moveTo>
                    <a:pt x="7370064" y="4759452"/>
                  </a:moveTo>
                  <a:lnTo>
                    <a:pt x="7313676" y="4759452"/>
                  </a:lnTo>
                  <a:lnTo>
                    <a:pt x="7313676" y="4744212"/>
                  </a:lnTo>
                  <a:lnTo>
                    <a:pt x="7370064" y="4744212"/>
                  </a:lnTo>
                  <a:lnTo>
                    <a:pt x="7370064" y="4759452"/>
                  </a:lnTo>
                  <a:close/>
                </a:path>
                <a:path w="9831705" h="4759959">
                  <a:moveTo>
                    <a:pt x="7271004" y="4759452"/>
                  </a:moveTo>
                  <a:lnTo>
                    <a:pt x="7216139" y="4759452"/>
                  </a:lnTo>
                  <a:lnTo>
                    <a:pt x="7216139" y="4744212"/>
                  </a:lnTo>
                  <a:lnTo>
                    <a:pt x="7271004" y="4744212"/>
                  </a:lnTo>
                  <a:lnTo>
                    <a:pt x="7271004" y="4759452"/>
                  </a:lnTo>
                  <a:close/>
                </a:path>
                <a:path w="9831705" h="4759959">
                  <a:moveTo>
                    <a:pt x="7173468" y="4759452"/>
                  </a:moveTo>
                  <a:lnTo>
                    <a:pt x="7117080" y="4759452"/>
                  </a:lnTo>
                  <a:lnTo>
                    <a:pt x="7117080" y="4744212"/>
                  </a:lnTo>
                  <a:lnTo>
                    <a:pt x="7173468" y="4744212"/>
                  </a:lnTo>
                  <a:lnTo>
                    <a:pt x="7173468" y="4759452"/>
                  </a:lnTo>
                  <a:close/>
                </a:path>
                <a:path w="9831705" h="4759959">
                  <a:moveTo>
                    <a:pt x="7075932" y="4759452"/>
                  </a:moveTo>
                  <a:lnTo>
                    <a:pt x="7019544" y="4759452"/>
                  </a:lnTo>
                  <a:lnTo>
                    <a:pt x="7019544" y="4744212"/>
                  </a:lnTo>
                  <a:lnTo>
                    <a:pt x="7075932" y="4744212"/>
                  </a:lnTo>
                  <a:lnTo>
                    <a:pt x="7075932" y="4759452"/>
                  </a:lnTo>
                  <a:close/>
                </a:path>
                <a:path w="9831705" h="4759959">
                  <a:moveTo>
                    <a:pt x="6976872" y="4759452"/>
                  </a:moveTo>
                  <a:lnTo>
                    <a:pt x="6922007" y="4759452"/>
                  </a:lnTo>
                  <a:lnTo>
                    <a:pt x="6922007" y="4744212"/>
                  </a:lnTo>
                  <a:lnTo>
                    <a:pt x="6976872" y="4744212"/>
                  </a:lnTo>
                  <a:lnTo>
                    <a:pt x="6976872" y="4759452"/>
                  </a:lnTo>
                  <a:close/>
                </a:path>
                <a:path w="9831705" h="4759959">
                  <a:moveTo>
                    <a:pt x="6879336" y="4759452"/>
                  </a:moveTo>
                  <a:lnTo>
                    <a:pt x="6822948" y="4759452"/>
                  </a:lnTo>
                  <a:lnTo>
                    <a:pt x="6822948" y="4744212"/>
                  </a:lnTo>
                  <a:lnTo>
                    <a:pt x="6879336" y="4744212"/>
                  </a:lnTo>
                  <a:lnTo>
                    <a:pt x="6879336" y="4759452"/>
                  </a:lnTo>
                  <a:close/>
                </a:path>
                <a:path w="9831705" h="4759959">
                  <a:moveTo>
                    <a:pt x="6781800" y="4759452"/>
                  </a:moveTo>
                  <a:lnTo>
                    <a:pt x="6725412" y="4759452"/>
                  </a:lnTo>
                  <a:lnTo>
                    <a:pt x="6725412" y="4744212"/>
                  </a:lnTo>
                  <a:lnTo>
                    <a:pt x="6781800" y="4744212"/>
                  </a:lnTo>
                  <a:lnTo>
                    <a:pt x="6781800" y="4759452"/>
                  </a:lnTo>
                  <a:close/>
                </a:path>
                <a:path w="9831705" h="4759959">
                  <a:moveTo>
                    <a:pt x="6682739" y="4759452"/>
                  </a:moveTo>
                  <a:lnTo>
                    <a:pt x="6627876" y="4759452"/>
                  </a:lnTo>
                  <a:lnTo>
                    <a:pt x="6627876" y="4744212"/>
                  </a:lnTo>
                  <a:lnTo>
                    <a:pt x="6682739" y="4744212"/>
                  </a:lnTo>
                  <a:lnTo>
                    <a:pt x="6682739" y="4759452"/>
                  </a:lnTo>
                  <a:close/>
                </a:path>
                <a:path w="9831705" h="4759959">
                  <a:moveTo>
                    <a:pt x="6585204" y="4759452"/>
                  </a:moveTo>
                  <a:lnTo>
                    <a:pt x="6528816" y="4759452"/>
                  </a:lnTo>
                  <a:lnTo>
                    <a:pt x="6528816" y="4744212"/>
                  </a:lnTo>
                  <a:lnTo>
                    <a:pt x="6585204" y="4744212"/>
                  </a:lnTo>
                  <a:lnTo>
                    <a:pt x="6585204" y="4759452"/>
                  </a:lnTo>
                  <a:close/>
                </a:path>
                <a:path w="9831705" h="4759959">
                  <a:moveTo>
                    <a:pt x="6487668" y="4759452"/>
                  </a:moveTo>
                  <a:lnTo>
                    <a:pt x="6431280" y="4759452"/>
                  </a:lnTo>
                  <a:lnTo>
                    <a:pt x="6431280" y="4744212"/>
                  </a:lnTo>
                  <a:lnTo>
                    <a:pt x="6487668" y="4744212"/>
                  </a:lnTo>
                  <a:lnTo>
                    <a:pt x="6487668" y="4759452"/>
                  </a:lnTo>
                  <a:close/>
                </a:path>
                <a:path w="9831705" h="4759959">
                  <a:moveTo>
                    <a:pt x="6388607" y="4759452"/>
                  </a:moveTo>
                  <a:lnTo>
                    <a:pt x="6333744" y="4759452"/>
                  </a:lnTo>
                  <a:lnTo>
                    <a:pt x="6333744" y="4744212"/>
                  </a:lnTo>
                  <a:lnTo>
                    <a:pt x="6388607" y="4744212"/>
                  </a:lnTo>
                  <a:lnTo>
                    <a:pt x="6388607" y="4759452"/>
                  </a:lnTo>
                  <a:close/>
                </a:path>
                <a:path w="9831705" h="4759959">
                  <a:moveTo>
                    <a:pt x="6291071" y="4759452"/>
                  </a:moveTo>
                  <a:lnTo>
                    <a:pt x="6234684" y="4759452"/>
                  </a:lnTo>
                  <a:lnTo>
                    <a:pt x="6234684" y="4744212"/>
                  </a:lnTo>
                  <a:lnTo>
                    <a:pt x="6291071" y="4744212"/>
                  </a:lnTo>
                  <a:lnTo>
                    <a:pt x="6291071" y="4759452"/>
                  </a:lnTo>
                  <a:close/>
                </a:path>
                <a:path w="9831705" h="4759959">
                  <a:moveTo>
                    <a:pt x="6193536" y="4759452"/>
                  </a:moveTo>
                  <a:lnTo>
                    <a:pt x="6137148" y="4759452"/>
                  </a:lnTo>
                  <a:lnTo>
                    <a:pt x="6137148" y="4744212"/>
                  </a:lnTo>
                  <a:lnTo>
                    <a:pt x="6193536" y="4744212"/>
                  </a:lnTo>
                  <a:lnTo>
                    <a:pt x="6193536" y="4759452"/>
                  </a:lnTo>
                  <a:close/>
                </a:path>
                <a:path w="9831705" h="4759959">
                  <a:moveTo>
                    <a:pt x="6096000" y="4759452"/>
                  </a:moveTo>
                  <a:lnTo>
                    <a:pt x="6039612" y="4759452"/>
                  </a:lnTo>
                  <a:lnTo>
                    <a:pt x="6039612" y="4744212"/>
                  </a:lnTo>
                  <a:lnTo>
                    <a:pt x="6096000" y="4744212"/>
                  </a:lnTo>
                  <a:lnTo>
                    <a:pt x="6096000" y="4759452"/>
                  </a:lnTo>
                  <a:close/>
                </a:path>
                <a:path w="9831705" h="4759959">
                  <a:moveTo>
                    <a:pt x="5996939" y="4759452"/>
                  </a:moveTo>
                  <a:lnTo>
                    <a:pt x="5940552" y="4759452"/>
                  </a:lnTo>
                  <a:lnTo>
                    <a:pt x="5940552" y="4744212"/>
                  </a:lnTo>
                  <a:lnTo>
                    <a:pt x="5996939" y="4744212"/>
                  </a:lnTo>
                  <a:lnTo>
                    <a:pt x="5996939" y="4759452"/>
                  </a:lnTo>
                  <a:close/>
                </a:path>
                <a:path w="9831705" h="4759959">
                  <a:moveTo>
                    <a:pt x="5899404" y="4759452"/>
                  </a:moveTo>
                  <a:lnTo>
                    <a:pt x="5843016" y="4759452"/>
                  </a:lnTo>
                  <a:lnTo>
                    <a:pt x="5843016" y="4744212"/>
                  </a:lnTo>
                  <a:lnTo>
                    <a:pt x="5899404" y="4744212"/>
                  </a:lnTo>
                  <a:lnTo>
                    <a:pt x="5899404" y="4759452"/>
                  </a:lnTo>
                  <a:close/>
                </a:path>
                <a:path w="9831705" h="4759959">
                  <a:moveTo>
                    <a:pt x="5801868" y="4759452"/>
                  </a:moveTo>
                  <a:lnTo>
                    <a:pt x="5745480" y="4759452"/>
                  </a:lnTo>
                  <a:lnTo>
                    <a:pt x="5745480" y="4744212"/>
                  </a:lnTo>
                  <a:lnTo>
                    <a:pt x="5801868" y="4744212"/>
                  </a:lnTo>
                  <a:lnTo>
                    <a:pt x="5801868" y="4759452"/>
                  </a:lnTo>
                  <a:close/>
                </a:path>
                <a:path w="9831705" h="4759959">
                  <a:moveTo>
                    <a:pt x="5702807" y="4759452"/>
                  </a:moveTo>
                  <a:lnTo>
                    <a:pt x="5647944" y="4759452"/>
                  </a:lnTo>
                  <a:lnTo>
                    <a:pt x="5647944" y="4744212"/>
                  </a:lnTo>
                  <a:lnTo>
                    <a:pt x="5702807" y="4744212"/>
                  </a:lnTo>
                  <a:lnTo>
                    <a:pt x="5702807" y="4759452"/>
                  </a:lnTo>
                  <a:close/>
                </a:path>
                <a:path w="9831705" h="4759959">
                  <a:moveTo>
                    <a:pt x="5605271" y="4759452"/>
                  </a:moveTo>
                  <a:lnTo>
                    <a:pt x="5548884" y="4759452"/>
                  </a:lnTo>
                  <a:lnTo>
                    <a:pt x="5548884" y="4744212"/>
                  </a:lnTo>
                  <a:lnTo>
                    <a:pt x="5605271" y="4744212"/>
                  </a:lnTo>
                  <a:lnTo>
                    <a:pt x="5605271" y="4759452"/>
                  </a:lnTo>
                  <a:close/>
                </a:path>
                <a:path w="9831705" h="4759959">
                  <a:moveTo>
                    <a:pt x="5507736" y="4759452"/>
                  </a:moveTo>
                  <a:lnTo>
                    <a:pt x="5451348" y="4759452"/>
                  </a:lnTo>
                  <a:lnTo>
                    <a:pt x="5451348" y="4744212"/>
                  </a:lnTo>
                  <a:lnTo>
                    <a:pt x="5507736" y="4744212"/>
                  </a:lnTo>
                  <a:lnTo>
                    <a:pt x="5507736" y="4759452"/>
                  </a:lnTo>
                  <a:close/>
                </a:path>
                <a:path w="9831705" h="4759959">
                  <a:moveTo>
                    <a:pt x="5408676" y="4759452"/>
                  </a:moveTo>
                  <a:lnTo>
                    <a:pt x="5353812" y="4759452"/>
                  </a:lnTo>
                  <a:lnTo>
                    <a:pt x="5353812" y="4744212"/>
                  </a:lnTo>
                  <a:lnTo>
                    <a:pt x="5408676" y="4744212"/>
                  </a:lnTo>
                  <a:lnTo>
                    <a:pt x="5408676" y="4759452"/>
                  </a:lnTo>
                  <a:close/>
                </a:path>
                <a:path w="9831705" h="4759959">
                  <a:moveTo>
                    <a:pt x="5311139" y="4759452"/>
                  </a:moveTo>
                  <a:lnTo>
                    <a:pt x="5254752" y="4759452"/>
                  </a:lnTo>
                  <a:lnTo>
                    <a:pt x="5254752" y="4744212"/>
                  </a:lnTo>
                  <a:lnTo>
                    <a:pt x="5311139" y="4744212"/>
                  </a:lnTo>
                  <a:lnTo>
                    <a:pt x="5311139" y="4759452"/>
                  </a:lnTo>
                  <a:close/>
                </a:path>
                <a:path w="9831705" h="4759959">
                  <a:moveTo>
                    <a:pt x="5213604" y="4759452"/>
                  </a:moveTo>
                  <a:lnTo>
                    <a:pt x="5157216" y="4759452"/>
                  </a:lnTo>
                  <a:lnTo>
                    <a:pt x="5157216" y="4744212"/>
                  </a:lnTo>
                  <a:lnTo>
                    <a:pt x="5213604" y="4744212"/>
                  </a:lnTo>
                  <a:lnTo>
                    <a:pt x="5213604" y="4759452"/>
                  </a:lnTo>
                  <a:close/>
                </a:path>
                <a:path w="9831705" h="4759959">
                  <a:moveTo>
                    <a:pt x="5114544" y="4759452"/>
                  </a:moveTo>
                  <a:lnTo>
                    <a:pt x="5059680" y="4759452"/>
                  </a:lnTo>
                  <a:lnTo>
                    <a:pt x="5059680" y="4744212"/>
                  </a:lnTo>
                  <a:lnTo>
                    <a:pt x="5114544" y="4744212"/>
                  </a:lnTo>
                  <a:lnTo>
                    <a:pt x="5114544" y="4759452"/>
                  </a:lnTo>
                  <a:close/>
                </a:path>
                <a:path w="9831705" h="4759959">
                  <a:moveTo>
                    <a:pt x="5017007" y="4759452"/>
                  </a:moveTo>
                  <a:lnTo>
                    <a:pt x="4960620" y="4759452"/>
                  </a:lnTo>
                  <a:lnTo>
                    <a:pt x="4960620" y="4744212"/>
                  </a:lnTo>
                  <a:lnTo>
                    <a:pt x="5017007" y="4744212"/>
                  </a:lnTo>
                  <a:lnTo>
                    <a:pt x="5017007" y="4759452"/>
                  </a:lnTo>
                  <a:close/>
                </a:path>
                <a:path w="9831705" h="4759959">
                  <a:moveTo>
                    <a:pt x="4919471" y="4759452"/>
                  </a:moveTo>
                  <a:lnTo>
                    <a:pt x="4863084" y="4759452"/>
                  </a:lnTo>
                  <a:lnTo>
                    <a:pt x="4863084" y="4744212"/>
                  </a:lnTo>
                  <a:lnTo>
                    <a:pt x="4919471" y="4744212"/>
                  </a:lnTo>
                  <a:lnTo>
                    <a:pt x="4919471" y="4759452"/>
                  </a:lnTo>
                  <a:close/>
                </a:path>
                <a:path w="9831705" h="4759959">
                  <a:moveTo>
                    <a:pt x="4820412" y="4759452"/>
                  </a:moveTo>
                  <a:lnTo>
                    <a:pt x="4765548" y="4759452"/>
                  </a:lnTo>
                  <a:lnTo>
                    <a:pt x="4765548" y="4744212"/>
                  </a:lnTo>
                  <a:lnTo>
                    <a:pt x="4820412" y="4744212"/>
                  </a:lnTo>
                  <a:lnTo>
                    <a:pt x="4820412" y="4759452"/>
                  </a:lnTo>
                  <a:close/>
                </a:path>
                <a:path w="9831705" h="4759959">
                  <a:moveTo>
                    <a:pt x="4722876" y="4759452"/>
                  </a:moveTo>
                  <a:lnTo>
                    <a:pt x="4666487" y="4759452"/>
                  </a:lnTo>
                  <a:lnTo>
                    <a:pt x="4666487" y="4744212"/>
                  </a:lnTo>
                  <a:lnTo>
                    <a:pt x="4722876" y="4744212"/>
                  </a:lnTo>
                  <a:lnTo>
                    <a:pt x="4722876" y="4759452"/>
                  </a:lnTo>
                  <a:close/>
                </a:path>
                <a:path w="9831705" h="4759959">
                  <a:moveTo>
                    <a:pt x="4625339" y="4759452"/>
                  </a:moveTo>
                  <a:lnTo>
                    <a:pt x="4568952" y="4759452"/>
                  </a:lnTo>
                  <a:lnTo>
                    <a:pt x="4568952" y="4744212"/>
                  </a:lnTo>
                  <a:lnTo>
                    <a:pt x="4625339" y="4744212"/>
                  </a:lnTo>
                  <a:lnTo>
                    <a:pt x="4625339" y="4759452"/>
                  </a:lnTo>
                  <a:close/>
                </a:path>
                <a:path w="9831705" h="4759959">
                  <a:moveTo>
                    <a:pt x="4526280" y="4759452"/>
                  </a:moveTo>
                  <a:lnTo>
                    <a:pt x="4471416" y="4759452"/>
                  </a:lnTo>
                  <a:lnTo>
                    <a:pt x="4471416" y="4744212"/>
                  </a:lnTo>
                  <a:lnTo>
                    <a:pt x="4526280" y="4744212"/>
                  </a:lnTo>
                  <a:lnTo>
                    <a:pt x="4526280" y="4759452"/>
                  </a:lnTo>
                  <a:close/>
                </a:path>
                <a:path w="9831705" h="4759959">
                  <a:moveTo>
                    <a:pt x="4428744" y="4759452"/>
                  </a:moveTo>
                  <a:lnTo>
                    <a:pt x="4372356" y="4759452"/>
                  </a:lnTo>
                  <a:lnTo>
                    <a:pt x="4372356" y="4744212"/>
                  </a:lnTo>
                  <a:lnTo>
                    <a:pt x="4428744" y="4744212"/>
                  </a:lnTo>
                  <a:lnTo>
                    <a:pt x="4428744" y="4759452"/>
                  </a:lnTo>
                  <a:close/>
                </a:path>
                <a:path w="9831705" h="4759959">
                  <a:moveTo>
                    <a:pt x="4331208" y="4759452"/>
                  </a:moveTo>
                  <a:lnTo>
                    <a:pt x="4274820" y="4759452"/>
                  </a:lnTo>
                  <a:lnTo>
                    <a:pt x="4274820" y="4744212"/>
                  </a:lnTo>
                  <a:lnTo>
                    <a:pt x="4331208" y="4744212"/>
                  </a:lnTo>
                  <a:lnTo>
                    <a:pt x="4331208" y="4759452"/>
                  </a:lnTo>
                  <a:close/>
                </a:path>
                <a:path w="9831705" h="4759959">
                  <a:moveTo>
                    <a:pt x="4233672" y="4759452"/>
                  </a:moveTo>
                  <a:lnTo>
                    <a:pt x="4177284" y="4759452"/>
                  </a:lnTo>
                  <a:lnTo>
                    <a:pt x="4177284" y="4744212"/>
                  </a:lnTo>
                  <a:lnTo>
                    <a:pt x="4233672" y="4744212"/>
                  </a:lnTo>
                  <a:lnTo>
                    <a:pt x="4233672" y="4759452"/>
                  </a:lnTo>
                  <a:close/>
                </a:path>
                <a:path w="9831705" h="4759959">
                  <a:moveTo>
                    <a:pt x="4134611" y="4759452"/>
                  </a:moveTo>
                  <a:lnTo>
                    <a:pt x="4078224" y="4759452"/>
                  </a:lnTo>
                  <a:lnTo>
                    <a:pt x="4078224" y="4744212"/>
                  </a:lnTo>
                  <a:lnTo>
                    <a:pt x="4134611" y="4744212"/>
                  </a:lnTo>
                  <a:lnTo>
                    <a:pt x="4134611" y="4759452"/>
                  </a:lnTo>
                  <a:close/>
                </a:path>
                <a:path w="9831705" h="4759959">
                  <a:moveTo>
                    <a:pt x="4037076" y="4759452"/>
                  </a:moveTo>
                  <a:lnTo>
                    <a:pt x="3980688" y="4759452"/>
                  </a:lnTo>
                  <a:lnTo>
                    <a:pt x="3980688" y="4744212"/>
                  </a:lnTo>
                  <a:lnTo>
                    <a:pt x="4037076" y="4744212"/>
                  </a:lnTo>
                  <a:lnTo>
                    <a:pt x="4037076" y="4759452"/>
                  </a:lnTo>
                  <a:close/>
                </a:path>
                <a:path w="9831705" h="4759959">
                  <a:moveTo>
                    <a:pt x="3939540" y="4759452"/>
                  </a:moveTo>
                  <a:lnTo>
                    <a:pt x="3883152" y="4759452"/>
                  </a:lnTo>
                  <a:lnTo>
                    <a:pt x="3883152" y="4744212"/>
                  </a:lnTo>
                  <a:lnTo>
                    <a:pt x="3939540" y="4744212"/>
                  </a:lnTo>
                  <a:lnTo>
                    <a:pt x="3939540" y="4759452"/>
                  </a:lnTo>
                  <a:close/>
                </a:path>
                <a:path w="9831705" h="4759959">
                  <a:moveTo>
                    <a:pt x="3840480" y="4759452"/>
                  </a:moveTo>
                  <a:lnTo>
                    <a:pt x="3785616" y="4759452"/>
                  </a:lnTo>
                  <a:lnTo>
                    <a:pt x="3785616" y="4744212"/>
                  </a:lnTo>
                  <a:lnTo>
                    <a:pt x="3840480" y="4744212"/>
                  </a:lnTo>
                  <a:lnTo>
                    <a:pt x="3840480" y="4759452"/>
                  </a:lnTo>
                  <a:close/>
                </a:path>
                <a:path w="9831705" h="4759959">
                  <a:moveTo>
                    <a:pt x="3742944" y="4759452"/>
                  </a:moveTo>
                  <a:lnTo>
                    <a:pt x="3686556" y="4759452"/>
                  </a:lnTo>
                  <a:lnTo>
                    <a:pt x="3686556" y="4744212"/>
                  </a:lnTo>
                  <a:lnTo>
                    <a:pt x="3742944" y="4744212"/>
                  </a:lnTo>
                  <a:lnTo>
                    <a:pt x="3742944" y="4759452"/>
                  </a:lnTo>
                  <a:close/>
                </a:path>
                <a:path w="9831705" h="4759959">
                  <a:moveTo>
                    <a:pt x="3645408" y="4759452"/>
                  </a:moveTo>
                  <a:lnTo>
                    <a:pt x="3589019" y="4759452"/>
                  </a:lnTo>
                  <a:lnTo>
                    <a:pt x="3589019" y="4744212"/>
                  </a:lnTo>
                  <a:lnTo>
                    <a:pt x="3645408" y="4744212"/>
                  </a:lnTo>
                  <a:lnTo>
                    <a:pt x="3645408" y="4759452"/>
                  </a:lnTo>
                  <a:close/>
                </a:path>
                <a:path w="9831705" h="4759959">
                  <a:moveTo>
                    <a:pt x="3546348" y="4759452"/>
                  </a:moveTo>
                  <a:lnTo>
                    <a:pt x="3491484" y="4759452"/>
                  </a:lnTo>
                  <a:lnTo>
                    <a:pt x="3491484" y="4744212"/>
                  </a:lnTo>
                  <a:lnTo>
                    <a:pt x="3546348" y="4744212"/>
                  </a:lnTo>
                  <a:lnTo>
                    <a:pt x="3546348" y="4759452"/>
                  </a:lnTo>
                  <a:close/>
                </a:path>
                <a:path w="9831705" h="4759959">
                  <a:moveTo>
                    <a:pt x="3448811" y="4759452"/>
                  </a:moveTo>
                  <a:lnTo>
                    <a:pt x="3392424" y="4759452"/>
                  </a:lnTo>
                  <a:lnTo>
                    <a:pt x="3392424" y="4744212"/>
                  </a:lnTo>
                  <a:lnTo>
                    <a:pt x="3448811" y="4744212"/>
                  </a:lnTo>
                  <a:lnTo>
                    <a:pt x="3448811" y="4759452"/>
                  </a:lnTo>
                  <a:close/>
                </a:path>
                <a:path w="9831705" h="4759959">
                  <a:moveTo>
                    <a:pt x="3351276" y="4759452"/>
                  </a:moveTo>
                  <a:lnTo>
                    <a:pt x="3294888" y="4759452"/>
                  </a:lnTo>
                  <a:lnTo>
                    <a:pt x="3294888" y="4744212"/>
                  </a:lnTo>
                  <a:lnTo>
                    <a:pt x="3351276" y="4744212"/>
                  </a:lnTo>
                  <a:lnTo>
                    <a:pt x="3351276" y="4759452"/>
                  </a:lnTo>
                  <a:close/>
                </a:path>
                <a:path w="9831705" h="4759959">
                  <a:moveTo>
                    <a:pt x="3252216" y="4759452"/>
                  </a:moveTo>
                  <a:lnTo>
                    <a:pt x="3197352" y="4759452"/>
                  </a:lnTo>
                  <a:lnTo>
                    <a:pt x="3197352" y="4744212"/>
                  </a:lnTo>
                  <a:lnTo>
                    <a:pt x="3252216" y="4744212"/>
                  </a:lnTo>
                  <a:lnTo>
                    <a:pt x="3252216" y="4759452"/>
                  </a:lnTo>
                  <a:close/>
                </a:path>
                <a:path w="9831705" h="4759959">
                  <a:moveTo>
                    <a:pt x="3154680" y="4759452"/>
                  </a:moveTo>
                  <a:lnTo>
                    <a:pt x="3098292" y="4759452"/>
                  </a:lnTo>
                  <a:lnTo>
                    <a:pt x="3098292" y="4744212"/>
                  </a:lnTo>
                  <a:lnTo>
                    <a:pt x="3154680" y="4744212"/>
                  </a:lnTo>
                  <a:lnTo>
                    <a:pt x="3154680" y="4759452"/>
                  </a:lnTo>
                  <a:close/>
                </a:path>
                <a:path w="9831705" h="4759959">
                  <a:moveTo>
                    <a:pt x="3057144" y="4759452"/>
                  </a:moveTo>
                  <a:lnTo>
                    <a:pt x="3000756" y="4759452"/>
                  </a:lnTo>
                  <a:lnTo>
                    <a:pt x="3000756" y="4744212"/>
                  </a:lnTo>
                  <a:lnTo>
                    <a:pt x="3057144" y="4744212"/>
                  </a:lnTo>
                  <a:lnTo>
                    <a:pt x="3057144" y="4759452"/>
                  </a:lnTo>
                  <a:close/>
                </a:path>
                <a:path w="9831705" h="4759959">
                  <a:moveTo>
                    <a:pt x="2958084" y="4759452"/>
                  </a:moveTo>
                  <a:lnTo>
                    <a:pt x="2903219" y="4759452"/>
                  </a:lnTo>
                  <a:lnTo>
                    <a:pt x="2903219" y="4744212"/>
                  </a:lnTo>
                  <a:lnTo>
                    <a:pt x="2958084" y="4744212"/>
                  </a:lnTo>
                  <a:lnTo>
                    <a:pt x="2958084" y="4759452"/>
                  </a:lnTo>
                  <a:close/>
                </a:path>
                <a:path w="9831705" h="4759959">
                  <a:moveTo>
                    <a:pt x="2860548" y="4759452"/>
                  </a:moveTo>
                  <a:lnTo>
                    <a:pt x="2804160" y="4759452"/>
                  </a:lnTo>
                  <a:lnTo>
                    <a:pt x="2804160" y="4744212"/>
                  </a:lnTo>
                  <a:lnTo>
                    <a:pt x="2860548" y="4744212"/>
                  </a:lnTo>
                  <a:lnTo>
                    <a:pt x="2860548" y="4759452"/>
                  </a:lnTo>
                  <a:close/>
                </a:path>
                <a:path w="9831705" h="4759959">
                  <a:moveTo>
                    <a:pt x="2763011" y="4759452"/>
                  </a:moveTo>
                  <a:lnTo>
                    <a:pt x="2706624" y="4759452"/>
                  </a:lnTo>
                  <a:lnTo>
                    <a:pt x="2706624" y="4744212"/>
                  </a:lnTo>
                  <a:lnTo>
                    <a:pt x="2763011" y="4744212"/>
                  </a:lnTo>
                  <a:lnTo>
                    <a:pt x="2763011" y="4759452"/>
                  </a:lnTo>
                  <a:close/>
                </a:path>
                <a:path w="9831705" h="4759959">
                  <a:moveTo>
                    <a:pt x="2665476" y="4759452"/>
                  </a:moveTo>
                  <a:lnTo>
                    <a:pt x="2609088" y="4759452"/>
                  </a:lnTo>
                  <a:lnTo>
                    <a:pt x="2609088" y="4744212"/>
                  </a:lnTo>
                  <a:lnTo>
                    <a:pt x="2665476" y="4744212"/>
                  </a:lnTo>
                  <a:lnTo>
                    <a:pt x="2665476" y="4759452"/>
                  </a:lnTo>
                  <a:close/>
                </a:path>
                <a:path w="9831705" h="4759959">
                  <a:moveTo>
                    <a:pt x="2566416" y="4759452"/>
                  </a:moveTo>
                  <a:lnTo>
                    <a:pt x="2510027" y="4759452"/>
                  </a:lnTo>
                  <a:lnTo>
                    <a:pt x="2510027" y="4744212"/>
                  </a:lnTo>
                  <a:lnTo>
                    <a:pt x="2566416" y="4744212"/>
                  </a:lnTo>
                  <a:lnTo>
                    <a:pt x="2566416" y="4759452"/>
                  </a:lnTo>
                  <a:close/>
                </a:path>
                <a:path w="9831705" h="4759959">
                  <a:moveTo>
                    <a:pt x="2468880" y="4759452"/>
                  </a:moveTo>
                  <a:lnTo>
                    <a:pt x="2412492" y="4759452"/>
                  </a:lnTo>
                  <a:lnTo>
                    <a:pt x="2412492" y="4744212"/>
                  </a:lnTo>
                  <a:lnTo>
                    <a:pt x="2468880" y="4744212"/>
                  </a:lnTo>
                  <a:lnTo>
                    <a:pt x="2468880" y="4759452"/>
                  </a:lnTo>
                  <a:close/>
                </a:path>
                <a:path w="9831705" h="4759959">
                  <a:moveTo>
                    <a:pt x="2371343" y="4759452"/>
                  </a:moveTo>
                  <a:lnTo>
                    <a:pt x="2314956" y="4759452"/>
                  </a:lnTo>
                  <a:lnTo>
                    <a:pt x="2314956" y="4744212"/>
                  </a:lnTo>
                  <a:lnTo>
                    <a:pt x="2371343" y="4744212"/>
                  </a:lnTo>
                  <a:lnTo>
                    <a:pt x="2371343" y="4759452"/>
                  </a:lnTo>
                  <a:close/>
                </a:path>
                <a:path w="9831705" h="4759959">
                  <a:moveTo>
                    <a:pt x="2272284" y="4759452"/>
                  </a:moveTo>
                  <a:lnTo>
                    <a:pt x="2215896" y="4759452"/>
                  </a:lnTo>
                  <a:lnTo>
                    <a:pt x="2215896" y="4744212"/>
                  </a:lnTo>
                  <a:lnTo>
                    <a:pt x="2272284" y="4744212"/>
                  </a:lnTo>
                  <a:lnTo>
                    <a:pt x="2272284" y="4759452"/>
                  </a:lnTo>
                  <a:close/>
                </a:path>
                <a:path w="9831705" h="4759959">
                  <a:moveTo>
                    <a:pt x="2174748" y="4759452"/>
                  </a:moveTo>
                  <a:lnTo>
                    <a:pt x="2118360" y="4759452"/>
                  </a:lnTo>
                  <a:lnTo>
                    <a:pt x="2118360" y="4744212"/>
                  </a:lnTo>
                  <a:lnTo>
                    <a:pt x="2174748" y="4744212"/>
                  </a:lnTo>
                  <a:lnTo>
                    <a:pt x="2174748" y="4759452"/>
                  </a:lnTo>
                  <a:close/>
                </a:path>
                <a:path w="9831705" h="4759959">
                  <a:moveTo>
                    <a:pt x="2077211" y="4759452"/>
                  </a:moveTo>
                  <a:lnTo>
                    <a:pt x="2020824" y="4759452"/>
                  </a:lnTo>
                  <a:lnTo>
                    <a:pt x="2020824" y="4744212"/>
                  </a:lnTo>
                  <a:lnTo>
                    <a:pt x="2077211" y="4744212"/>
                  </a:lnTo>
                  <a:lnTo>
                    <a:pt x="2077211" y="4759452"/>
                  </a:lnTo>
                  <a:close/>
                </a:path>
                <a:path w="9831705" h="4759959">
                  <a:moveTo>
                    <a:pt x="1978151" y="4759452"/>
                  </a:moveTo>
                  <a:lnTo>
                    <a:pt x="1923288" y="4759452"/>
                  </a:lnTo>
                  <a:lnTo>
                    <a:pt x="1923288" y="4744212"/>
                  </a:lnTo>
                  <a:lnTo>
                    <a:pt x="1978151" y="4744212"/>
                  </a:lnTo>
                  <a:lnTo>
                    <a:pt x="1978151" y="4759452"/>
                  </a:lnTo>
                  <a:close/>
                </a:path>
                <a:path w="9831705" h="4759959">
                  <a:moveTo>
                    <a:pt x="1880616" y="4759452"/>
                  </a:moveTo>
                  <a:lnTo>
                    <a:pt x="1824228" y="4759452"/>
                  </a:lnTo>
                  <a:lnTo>
                    <a:pt x="1824228" y="4744212"/>
                  </a:lnTo>
                  <a:lnTo>
                    <a:pt x="1880616" y="4744212"/>
                  </a:lnTo>
                  <a:lnTo>
                    <a:pt x="1880616" y="4759452"/>
                  </a:lnTo>
                  <a:close/>
                </a:path>
                <a:path w="9831705" h="4759959">
                  <a:moveTo>
                    <a:pt x="1783080" y="4759452"/>
                  </a:moveTo>
                  <a:lnTo>
                    <a:pt x="1726692" y="4759452"/>
                  </a:lnTo>
                  <a:lnTo>
                    <a:pt x="1726692" y="4744212"/>
                  </a:lnTo>
                  <a:lnTo>
                    <a:pt x="1783080" y="4744212"/>
                  </a:lnTo>
                  <a:lnTo>
                    <a:pt x="1783080" y="4759452"/>
                  </a:lnTo>
                  <a:close/>
                </a:path>
                <a:path w="9831705" h="4759959">
                  <a:moveTo>
                    <a:pt x="1684020" y="4759452"/>
                  </a:moveTo>
                  <a:lnTo>
                    <a:pt x="1629155" y="4759452"/>
                  </a:lnTo>
                  <a:lnTo>
                    <a:pt x="1629155" y="4744212"/>
                  </a:lnTo>
                  <a:lnTo>
                    <a:pt x="1684020" y="4744212"/>
                  </a:lnTo>
                  <a:lnTo>
                    <a:pt x="1684020" y="4759452"/>
                  </a:lnTo>
                  <a:close/>
                </a:path>
                <a:path w="9831705" h="4759959">
                  <a:moveTo>
                    <a:pt x="1586484" y="4759452"/>
                  </a:moveTo>
                  <a:lnTo>
                    <a:pt x="1530096" y="4759452"/>
                  </a:lnTo>
                  <a:lnTo>
                    <a:pt x="1530096" y="4744212"/>
                  </a:lnTo>
                  <a:lnTo>
                    <a:pt x="1586484" y="4744212"/>
                  </a:lnTo>
                  <a:lnTo>
                    <a:pt x="1586484" y="4759452"/>
                  </a:lnTo>
                  <a:close/>
                </a:path>
                <a:path w="9831705" h="4759959">
                  <a:moveTo>
                    <a:pt x="1488948" y="4759452"/>
                  </a:moveTo>
                  <a:lnTo>
                    <a:pt x="1432559" y="4759452"/>
                  </a:lnTo>
                  <a:lnTo>
                    <a:pt x="1432559" y="4744212"/>
                  </a:lnTo>
                  <a:lnTo>
                    <a:pt x="1488948" y="4744212"/>
                  </a:lnTo>
                  <a:lnTo>
                    <a:pt x="1488948" y="4759452"/>
                  </a:lnTo>
                  <a:close/>
                </a:path>
                <a:path w="9831705" h="4759959">
                  <a:moveTo>
                    <a:pt x="1389888" y="4759452"/>
                  </a:moveTo>
                  <a:lnTo>
                    <a:pt x="1335024" y="4759452"/>
                  </a:lnTo>
                  <a:lnTo>
                    <a:pt x="1335024" y="4744212"/>
                  </a:lnTo>
                  <a:lnTo>
                    <a:pt x="1389888" y="4744212"/>
                  </a:lnTo>
                  <a:lnTo>
                    <a:pt x="1389888" y="4759452"/>
                  </a:lnTo>
                  <a:close/>
                </a:path>
                <a:path w="9831705" h="4759959">
                  <a:moveTo>
                    <a:pt x="1292351" y="4759452"/>
                  </a:moveTo>
                  <a:lnTo>
                    <a:pt x="1235963" y="4759452"/>
                  </a:lnTo>
                  <a:lnTo>
                    <a:pt x="1235963" y="4744212"/>
                  </a:lnTo>
                  <a:lnTo>
                    <a:pt x="1292351" y="4744212"/>
                  </a:lnTo>
                  <a:lnTo>
                    <a:pt x="1292351" y="4759452"/>
                  </a:lnTo>
                  <a:close/>
                </a:path>
                <a:path w="9831705" h="4759959">
                  <a:moveTo>
                    <a:pt x="1194816" y="4759452"/>
                  </a:moveTo>
                  <a:lnTo>
                    <a:pt x="1138428" y="4759452"/>
                  </a:lnTo>
                  <a:lnTo>
                    <a:pt x="1138428" y="4744212"/>
                  </a:lnTo>
                  <a:lnTo>
                    <a:pt x="1194816" y="4744212"/>
                  </a:lnTo>
                  <a:lnTo>
                    <a:pt x="1194816" y="4759452"/>
                  </a:lnTo>
                  <a:close/>
                </a:path>
                <a:path w="9831705" h="4759959">
                  <a:moveTo>
                    <a:pt x="1095755" y="4759452"/>
                  </a:moveTo>
                  <a:lnTo>
                    <a:pt x="1040892" y="4759452"/>
                  </a:lnTo>
                  <a:lnTo>
                    <a:pt x="1040892" y="4744212"/>
                  </a:lnTo>
                  <a:lnTo>
                    <a:pt x="1095755" y="4744212"/>
                  </a:lnTo>
                  <a:lnTo>
                    <a:pt x="1095755" y="4759452"/>
                  </a:lnTo>
                  <a:close/>
                </a:path>
                <a:path w="9831705" h="4759959">
                  <a:moveTo>
                    <a:pt x="998220" y="4759452"/>
                  </a:moveTo>
                  <a:lnTo>
                    <a:pt x="941832" y="4759452"/>
                  </a:lnTo>
                  <a:lnTo>
                    <a:pt x="941832" y="4744212"/>
                  </a:lnTo>
                  <a:lnTo>
                    <a:pt x="998220" y="4744212"/>
                  </a:lnTo>
                  <a:lnTo>
                    <a:pt x="998220" y="4759452"/>
                  </a:lnTo>
                  <a:close/>
                </a:path>
                <a:path w="9831705" h="4759959">
                  <a:moveTo>
                    <a:pt x="900684" y="4759452"/>
                  </a:moveTo>
                  <a:lnTo>
                    <a:pt x="844296" y="4759452"/>
                  </a:lnTo>
                  <a:lnTo>
                    <a:pt x="844296" y="4744212"/>
                  </a:lnTo>
                  <a:lnTo>
                    <a:pt x="900684" y="4744212"/>
                  </a:lnTo>
                  <a:lnTo>
                    <a:pt x="900684" y="4759452"/>
                  </a:lnTo>
                  <a:close/>
                </a:path>
                <a:path w="9831705" h="4759959">
                  <a:moveTo>
                    <a:pt x="803148" y="4759452"/>
                  </a:moveTo>
                  <a:lnTo>
                    <a:pt x="746759" y="4759452"/>
                  </a:lnTo>
                  <a:lnTo>
                    <a:pt x="746759" y="4744212"/>
                  </a:lnTo>
                  <a:lnTo>
                    <a:pt x="803148" y="4744212"/>
                  </a:lnTo>
                  <a:lnTo>
                    <a:pt x="803148" y="4759452"/>
                  </a:lnTo>
                  <a:close/>
                </a:path>
                <a:path w="9831705" h="4759959">
                  <a:moveTo>
                    <a:pt x="704088" y="4759452"/>
                  </a:moveTo>
                  <a:lnTo>
                    <a:pt x="647700" y="4759452"/>
                  </a:lnTo>
                  <a:lnTo>
                    <a:pt x="647700" y="4744212"/>
                  </a:lnTo>
                  <a:lnTo>
                    <a:pt x="704088" y="4744212"/>
                  </a:lnTo>
                  <a:lnTo>
                    <a:pt x="704088" y="4759452"/>
                  </a:lnTo>
                  <a:close/>
                </a:path>
                <a:path w="9831705" h="4759959">
                  <a:moveTo>
                    <a:pt x="606552" y="4759452"/>
                  </a:moveTo>
                  <a:lnTo>
                    <a:pt x="550164" y="4759452"/>
                  </a:lnTo>
                  <a:lnTo>
                    <a:pt x="550164" y="4744212"/>
                  </a:lnTo>
                  <a:lnTo>
                    <a:pt x="606552" y="4744212"/>
                  </a:lnTo>
                  <a:lnTo>
                    <a:pt x="606552" y="4759452"/>
                  </a:lnTo>
                  <a:close/>
                </a:path>
                <a:path w="9831705" h="4759959">
                  <a:moveTo>
                    <a:pt x="509016" y="4759452"/>
                  </a:moveTo>
                  <a:lnTo>
                    <a:pt x="452627" y="4759452"/>
                  </a:lnTo>
                  <a:lnTo>
                    <a:pt x="452627" y="4744212"/>
                  </a:lnTo>
                  <a:lnTo>
                    <a:pt x="509016" y="4744212"/>
                  </a:lnTo>
                  <a:lnTo>
                    <a:pt x="509016" y="4759452"/>
                  </a:lnTo>
                  <a:close/>
                </a:path>
                <a:path w="9831705" h="4759959">
                  <a:moveTo>
                    <a:pt x="409956" y="4759452"/>
                  </a:moveTo>
                  <a:lnTo>
                    <a:pt x="355092" y="4759452"/>
                  </a:lnTo>
                  <a:lnTo>
                    <a:pt x="355092" y="4744212"/>
                  </a:lnTo>
                  <a:lnTo>
                    <a:pt x="409956" y="4744212"/>
                  </a:lnTo>
                  <a:lnTo>
                    <a:pt x="409956" y="4759452"/>
                  </a:lnTo>
                  <a:close/>
                </a:path>
                <a:path w="9831705" h="4759959">
                  <a:moveTo>
                    <a:pt x="312420" y="4759452"/>
                  </a:moveTo>
                  <a:lnTo>
                    <a:pt x="256031" y="4759452"/>
                  </a:lnTo>
                  <a:lnTo>
                    <a:pt x="256031" y="4744212"/>
                  </a:lnTo>
                  <a:lnTo>
                    <a:pt x="312420" y="4744212"/>
                  </a:lnTo>
                  <a:lnTo>
                    <a:pt x="312420" y="4759452"/>
                  </a:lnTo>
                  <a:close/>
                </a:path>
                <a:path w="9831705" h="4759959">
                  <a:moveTo>
                    <a:pt x="214883" y="4759452"/>
                  </a:moveTo>
                  <a:lnTo>
                    <a:pt x="158495" y="4759452"/>
                  </a:lnTo>
                  <a:lnTo>
                    <a:pt x="158495" y="4744212"/>
                  </a:lnTo>
                  <a:lnTo>
                    <a:pt x="214883" y="4744212"/>
                  </a:lnTo>
                  <a:lnTo>
                    <a:pt x="214883" y="4759452"/>
                  </a:lnTo>
                  <a:close/>
                </a:path>
                <a:path w="9831705" h="4759959">
                  <a:moveTo>
                    <a:pt x="115824" y="4759452"/>
                  </a:moveTo>
                  <a:lnTo>
                    <a:pt x="60960" y="4759452"/>
                  </a:lnTo>
                  <a:lnTo>
                    <a:pt x="60960" y="4744212"/>
                  </a:lnTo>
                  <a:lnTo>
                    <a:pt x="115824" y="4744212"/>
                  </a:lnTo>
                  <a:lnTo>
                    <a:pt x="115824" y="4759452"/>
                  </a:lnTo>
                  <a:close/>
                </a:path>
              </a:pathLst>
            </a:custGeom>
            <a:solidFill>
              <a:srgbClr val="000000"/>
            </a:solidFill>
          </p:spPr>
          <p:txBody>
            <a:bodyPr wrap="square" lIns="0" tIns="0" rIns="0" bIns="0" rtlCol="0"/>
            <a:lstStyle/>
            <a:p>
              <a:endParaRPr sz="1749"/>
            </a:p>
          </p:txBody>
        </p:sp>
        <p:sp>
          <p:nvSpPr>
            <p:cNvPr id="5" name="object 5"/>
            <p:cNvSpPr/>
            <p:nvPr/>
          </p:nvSpPr>
          <p:spPr>
            <a:xfrm>
              <a:off x="6667500" y="3241547"/>
              <a:ext cx="3489960" cy="2321560"/>
            </a:xfrm>
            <a:custGeom>
              <a:avLst/>
              <a:gdLst/>
              <a:ahLst/>
              <a:cxnLst/>
              <a:rect l="l" t="t" r="r" b="b"/>
              <a:pathLst>
                <a:path w="3489959" h="2321560">
                  <a:moveTo>
                    <a:pt x="27432" y="2307336"/>
                  </a:moveTo>
                  <a:lnTo>
                    <a:pt x="0" y="2307336"/>
                  </a:lnTo>
                  <a:lnTo>
                    <a:pt x="0" y="2194560"/>
                  </a:lnTo>
                  <a:lnTo>
                    <a:pt x="27432" y="2194560"/>
                  </a:lnTo>
                  <a:lnTo>
                    <a:pt x="27432" y="2307336"/>
                  </a:lnTo>
                  <a:close/>
                </a:path>
                <a:path w="3489959" h="2321560">
                  <a:moveTo>
                    <a:pt x="27432" y="2110740"/>
                  </a:moveTo>
                  <a:lnTo>
                    <a:pt x="0" y="2110740"/>
                  </a:lnTo>
                  <a:lnTo>
                    <a:pt x="0" y="1999488"/>
                  </a:lnTo>
                  <a:lnTo>
                    <a:pt x="27432" y="1999488"/>
                  </a:lnTo>
                  <a:lnTo>
                    <a:pt x="27432" y="2110740"/>
                  </a:lnTo>
                  <a:close/>
                </a:path>
                <a:path w="3489959" h="2321560">
                  <a:moveTo>
                    <a:pt x="27432" y="1915668"/>
                  </a:moveTo>
                  <a:lnTo>
                    <a:pt x="0" y="1915668"/>
                  </a:lnTo>
                  <a:lnTo>
                    <a:pt x="0" y="1802892"/>
                  </a:lnTo>
                  <a:lnTo>
                    <a:pt x="27432" y="1802892"/>
                  </a:lnTo>
                  <a:lnTo>
                    <a:pt x="27432" y="1915668"/>
                  </a:lnTo>
                  <a:close/>
                </a:path>
                <a:path w="3489959" h="2321560">
                  <a:moveTo>
                    <a:pt x="27432" y="1719072"/>
                  </a:moveTo>
                  <a:lnTo>
                    <a:pt x="0" y="1719072"/>
                  </a:lnTo>
                  <a:lnTo>
                    <a:pt x="0" y="1606296"/>
                  </a:lnTo>
                  <a:lnTo>
                    <a:pt x="27432" y="1606296"/>
                  </a:lnTo>
                  <a:lnTo>
                    <a:pt x="27432" y="1719072"/>
                  </a:lnTo>
                  <a:close/>
                </a:path>
                <a:path w="3489959" h="2321560">
                  <a:moveTo>
                    <a:pt x="27432" y="1522476"/>
                  </a:moveTo>
                  <a:lnTo>
                    <a:pt x="0" y="1522476"/>
                  </a:lnTo>
                  <a:lnTo>
                    <a:pt x="0" y="1411224"/>
                  </a:lnTo>
                  <a:lnTo>
                    <a:pt x="27432" y="1411224"/>
                  </a:lnTo>
                  <a:lnTo>
                    <a:pt x="27432" y="1522476"/>
                  </a:lnTo>
                  <a:close/>
                </a:path>
                <a:path w="3489959" h="2321560">
                  <a:moveTo>
                    <a:pt x="27432" y="1327404"/>
                  </a:moveTo>
                  <a:lnTo>
                    <a:pt x="0" y="1327404"/>
                  </a:lnTo>
                  <a:lnTo>
                    <a:pt x="0" y="1214628"/>
                  </a:lnTo>
                  <a:lnTo>
                    <a:pt x="27432" y="1214628"/>
                  </a:lnTo>
                  <a:lnTo>
                    <a:pt x="27432" y="1327404"/>
                  </a:lnTo>
                  <a:close/>
                </a:path>
                <a:path w="3489959" h="2321560">
                  <a:moveTo>
                    <a:pt x="27432" y="1130808"/>
                  </a:moveTo>
                  <a:lnTo>
                    <a:pt x="0" y="1130808"/>
                  </a:lnTo>
                  <a:lnTo>
                    <a:pt x="0" y="1019556"/>
                  </a:lnTo>
                  <a:lnTo>
                    <a:pt x="27432" y="1019556"/>
                  </a:lnTo>
                  <a:lnTo>
                    <a:pt x="27432" y="1130808"/>
                  </a:lnTo>
                  <a:close/>
                </a:path>
                <a:path w="3489959" h="2321560">
                  <a:moveTo>
                    <a:pt x="27432" y="934212"/>
                  </a:moveTo>
                  <a:lnTo>
                    <a:pt x="0" y="934212"/>
                  </a:lnTo>
                  <a:lnTo>
                    <a:pt x="0" y="822960"/>
                  </a:lnTo>
                  <a:lnTo>
                    <a:pt x="27432" y="822960"/>
                  </a:lnTo>
                  <a:lnTo>
                    <a:pt x="27432" y="934212"/>
                  </a:lnTo>
                  <a:close/>
                </a:path>
                <a:path w="3489959" h="2321560">
                  <a:moveTo>
                    <a:pt x="27432" y="739140"/>
                  </a:moveTo>
                  <a:lnTo>
                    <a:pt x="0" y="739140"/>
                  </a:lnTo>
                  <a:lnTo>
                    <a:pt x="0" y="626364"/>
                  </a:lnTo>
                  <a:lnTo>
                    <a:pt x="27432" y="626364"/>
                  </a:lnTo>
                  <a:lnTo>
                    <a:pt x="27432" y="739140"/>
                  </a:lnTo>
                  <a:close/>
                </a:path>
                <a:path w="3489959" h="2321560">
                  <a:moveTo>
                    <a:pt x="27432" y="542544"/>
                  </a:moveTo>
                  <a:lnTo>
                    <a:pt x="0" y="542544"/>
                  </a:lnTo>
                  <a:lnTo>
                    <a:pt x="0" y="431291"/>
                  </a:lnTo>
                  <a:lnTo>
                    <a:pt x="27432" y="431291"/>
                  </a:lnTo>
                  <a:lnTo>
                    <a:pt x="27432" y="542544"/>
                  </a:lnTo>
                  <a:close/>
                </a:path>
                <a:path w="3489959" h="2321560">
                  <a:moveTo>
                    <a:pt x="27432" y="347472"/>
                  </a:moveTo>
                  <a:lnTo>
                    <a:pt x="0" y="347472"/>
                  </a:lnTo>
                  <a:lnTo>
                    <a:pt x="0" y="234695"/>
                  </a:lnTo>
                  <a:lnTo>
                    <a:pt x="27432" y="234695"/>
                  </a:lnTo>
                  <a:lnTo>
                    <a:pt x="27432" y="347472"/>
                  </a:lnTo>
                  <a:close/>
                </a:path>
                <a:path w="3489959" h="2321560">
                  <a:moveTo>
                    <a:pt x="27432" y="150876"/>
                  </a:moveTo>
                  <a:lnTo>
                    <a:pt x="0" y="150876"/>
                  </a:lnTo>
                  <a:lnTo>
                    <a:pt x="0" y="38100"/>
                  </a:lnTo>
                  <a:lnTo>
                    <a:pt x="27432" y="38100"/>
                  </a:lnTo>
                  <a:lnTo>
                    <a:pt x="27432" y="150876"/>
                  </a:lnTo>
                  <a:close/>
                </a:path>
                <a:path w="3489959" h="2321560">
                  <a:moveTo>
                    <a:pt x="184404" y="27432"/>
                  </a:moveTo>
                  <a:lnTo>
                    <a:pt x="73152" y="27432"/>
                  </a:lnTo>
                  <a:lnTo>
                    <a:pt x="73152" y="0"/>
                  </a:lnTo>
                  <a:lnTo>
                    <a:pt x="184404" y="0"/>
                  </a:lnTo>
                  <a:lnTo>
                    <a:pt x="184404" y="27432"/>
                  </a:lnTo>
                  <a:close/>
                </a:path>
                <a:path w="3489959" h="2321560">
                  <a:moveTo>
                    <a:pt x="381000" y="27432"/>
                  </a:moveTo>
                  <a:lnTo>
                    <a:pt x="268224" y="27432"/>
                  </a:lnTo>
                  <a:lnTo>
                    <a:pt x="268224" y="0"/>
                  </a:lnTo>
                  <a:lnTo>
                    <a:pt x="381000" y="0"/>
                  </a:lnTo>
                  <a:lnTo>
                    <a:pt x="381000" y="27432"/>
                  </a:lnTo>
                  <a:close/>
                </a:path>
                <a:path w="3489959" h="2321560">
                  <a:moveTo>
                    <a:pt x="577596" y="27432"/>
                  </a:moveTo>
                  <a:lnTo>
                    <a:pt x="464820" y="27432"/>
                  </a:lnTo>
                  <a:lnTo>
                    <a:pt x="464820" y="0"/>
                  </a:lnTo>
                  <a:lnTo>
                    <a:pt x="577596" y="0"/>
                  </a:lnTo>
                  <a:lnTo>
                    <a:pt x="577596" y="27432"/>
                  </a:lnTo>
                  <a:close/>
                </a:path>
                <a:path w="3489959" h="2321560">
                  <a:moveTo>
                    <a:pt x="772668" y="27432"/>
                  </a:moveTo>
                  <a:lnTo>
                    <a:pt x="661416" y="27432"/>
                  </a:lnTo>
                  <a:lnTo>
                    <a:pt x="661416" y="0"/>
                  </a:lnTo>
                  <a:lnTo>
                    <a:pt x="772668" y="0"/>
                  </a:lnTo>
                  <a:lnTo>
                    <a:pt x="772668" y="27432"/>
                  </a:lnTo>
                  <a:close/>
                </a:path>
                <a:path w="3489959" h="2321560">
                  <a:moveTo>
                    <a:pt x="969264" y="27432"/>
                  </a:moveTo>
                  <a:lnTo>
                    <a:pt x="856488" y="27432"/>
                  </a:lnTo>
                  <a:lnTo>
                    <a:pt x="856488" y="0"/>
                  </a:lnTo>
                  <a:lnTo>
                    <a:pt x="969264" y="0"/>
                  </a:lnTo>
                  <a:lnTo>
                    <a:pt x="969264" y="27432"/>
                  </a:lnTo>
                  <a:close/>
                </a:path>
                <a:path w="3489959" h="2321560">
                  <a:moveTo>
                    <a:pt x="1164336" y="27432"/>
                  </a:moveTo>
                  <a:lnTo>
                    <a:pt x="1053084" y="27432"/>
                  </a:lnTo>
                  <a:lnTo>
                    <a:pt x="1053084" y="0"/>
                  </a:lnTo>
                  <a:lnTo>
                    <a:pt x="1164336" y="0"/>
                  </a:lnTo>
                  <a:lnTo>
                    <a:pt x="1164336" y="27432"/>
                  </a:lnTo>
                  <a:close/>
                </a:path>
                <a:path w="3489959" h="2321560">
                  <a:moveTo>
                    <a:pt x="1360932" y="27432"/>
                  </a:moveTo>
                  <a:lnTo>
                    <a:pt x="1249680" y="27432"/>
                  </a:lnTo>
                  <a:lnTo>
                    <a:pt x="1249680" y="0"/>
                  </a:lnTo>
                  <a:lnTo>
                    <a:pt x="1360932" y="0"/>
                  </a:lnTo>
                  <a:lnTo>
                    <a:pt x="1360932" y="27432"/>
                  </a:lnTo>
                  <a:close/>
                </a:path>
                <a:path w="3489959" h="2321560">
                  <a:moveTo>
                    <a:pt x="1557528" y="27432"/>
                  </a:moveTo>
                  <a:lnTo>
                    <a:pt x="1444751" y="27432"/>
                  </a:lnTo>
                  <a:lnTo>
                    <a:pt x="1444751" y="0"/>
                  </a:lnTo>
                  <a:lnTo>
                    <a:pt x="1557528" y="0"/>
                  </a:lnTo>
                  <a:lnTo>
                    <a:pt x="1557528" y="27432"/>
                  </a:lnTo>
                  <a:close/>
                </a:path>
                <a:path w="3489959" h="2321560">
                  <a:moveTo>
                    <a:pt x="1752600" y="27432"/>
                  </a:moveTo>
                  <a:lnTo>
                    <a:pt x="1641348" y="27432"/>
                  </a:lnTo>
                  <a:lnTo>
                    <a:pt x="1641348" y="0"/>
                  </a:lnTo>
                  <a:lnTo>
                    <a:pt x="1752600" y="0"/>
                  </a:lnTo>
                  <a:lnTo>
                    <a:pt x="1752600" y="27432"/>
                  </a:lnTo>
                  <a:close/>
                </a:path>
                <a:path w="3489959" h="2321560">
                  <a:moveTo>
                    <a:pt x="1949196" y="27432"/>
                  </a:moveTo>
                  <a:lnTo>
                    <a:pt x="1836420" y="27432"/>
                  </a:lnTo>
                  <a:lnTo>
                    <a:pt x="1836420" y="0"/>
                  </a:lnTo>
                  <a:lnTo>
                    <a:pt x="1949196" y="0"/>
                  </a:lnTo>
                  <a:lnTo>
                    <a:pt x="1949196" y="27432"/>
                  </a:lnTo>
                  <a:close/>
                </a:path>
                <a:path w="3489959" h="2321560">
                  <a:moveTo>
                    <a:pt x="2145792" y="27432"/>
                  </a:moveTo>
                  <a:lnTo>
                    <a:pt x="2033016" y="27432"/>
                  </a:lnTo>
                  <a:lnTo>
                    <a:pt x="2033016" y="0"/>
                  </a:lnTo>
                  <a:lnTo>
                    <a:pt x="2145792" y="0"/>
                  </a:lnTo>
                  <a:lnTo>
                    <a:pt x="2145792" y="27432"/>
                  </a:lnTo>
                  <a:close/>
                </a:path>
                <a:path w="3489959" h="2321560">
                  <a:moveTo>
                    <a:pt x="2340864" y="27432"/>
                  </a:moveTo>
                  <a:lnTo>
                    <a:pt x="2229612" y="27432"/>
                  </a:lnTo>
                  <a:lnTo>
                    <a:pt x="2229612" y="0"/>
                  </a:lnTo>
                  <a:lnTo>
                    <a:pt x="2340864" y="0"/>
                  </a:lnTo>
                  <a:lnTo>
                    <a:pt x="2340864" y="27432"/>
                  </a:lnTo>
                  <a:close/>
                </a:path>
                <a:path w="3489959" h="2321560">
                  <a:moveTo>
                    <a:pt x="2537460" y="27432"/>
                  </a:moveTo>
                  <a:lnTo>
                    <a:pt x="2424684" y="27432"/>
                  </a:lnTo>
                  <a:lnTo>
                    <a:pt x="2424684" y="0"/>
                  </a:lnTo>
                  <a:lnTo>
                    <a:pt x="2537460" y="0"/>
                  </a:lnTo>
                  <a:lnTo>
                    <a:pt x="2537460" y="27432"/>
                  </a:lnTo>
                  <a:close/>
                </a:path>
                <a:path w="3489959" h="2321560">
                  <a:moveTo>
                    <a:pt x="2732532" y="27432"/>
                  </a:moveTo>
                  <a:lnTo>
                    <a:pt x="2621280" y="27432"/>
                  </a:lnTo>
                  <a:lnTo>
                    <a:pt x="2621280" y="0"/>
                  </a:lnTo>
                  <a:lnTo>
                    <a:pt x="2732532" y="0"/>
                  </a:lnTo>
                  <a:lnTo>
                    <a:pt x="2732532" y="27432"/>
                  </a:lnTo>
                  <a:close/>
                </a:path>
                <a:path w="3489959" h="2321560">
                  <a:moveTo>
                    <a:pt x="2929127" y="27432"/>
                  </a:moveTo>
                  <a:lnTo>
                    <a:pt x="2817876" y="27432"/>
                  </a:lnTo>
                  <a:lnTo>
                    <a:pt x="2817876" y="0"/>
                  </a:lnTo>
                  <a:lnTo>
                    <a:pt x="2929127" y="0"/>
                  </a:lnTo>
                  <a:lnTo>
                    <a:pt x="2929127" y="27432"/>
                  </a:lnTo>
                  <a:close/>
                </a:path>
                <a:path w="3489959" h="2321560">
                  <a:moveTo>
                    <a:pt x="3125724" y="27432"/>
                  </a:moveTo>
                  <a:lnTo>
                    <a:pt x="3012948" y="27432"/>
                  </a:lnTo>
                  <a:lnTo>
                    <a:pt x="3012948" y="0"/>
                  </a:lnTo>
                  <a:lnTo>
                    <a:pt x="3125724" y="0"/>
                  </a:lnTo>
                  <a:lnTo>
                    <a:pt x="3125724" y="27432"/>
                  </a:lnTo>
                  <a:close/>
                </a:path>
                <a:path w="3489959" h="2321560">
                  <a:moveTo>
                    <a:pt x="3320796" y="27432"/>
                  </a:moveTo>
                  <a:lnTo>
                    <a:pt x="3209544" y="27432"/>
                  </a:lnTo>
                  <a:lnTo>
                    <a:pt x="3209544" y="0"/>
                  </a:lnTo>
                  <a:lnTo>
                    <a:pt x="3320796" y="0"/>
                  </a:lnTo>
                  <a:lnTo>
                    <a:pt x="3320796" y="27432"/>
                  </a:lnTo>
                  <a:close/>
                </a:path>
                <a:path w="3489959" h="2321560">
                  <a:moveTo>
                    <a:pt x="3462527" y="27432"/>
                  </a:moveTo>
                  <a:lnTo>
                    <a:pt x="3404616" y="27432"/>
                  </a:lnTo>
                  <a:lnTo>
                    <a:pt x="3404616" y="0"/>
                  </a:lnTo>
                  <a:lnTo>
                    <a:pt x="3483864" y="0"/>
                  </a:lnTo>
                  <a:lnTo>
                    <a:pt x="3489960" y="6095"/>
                  </a:lnTo>
                  <a:lnTo>
                    <a:pt x="3489960" y="13716"/>
                  </a:lnTo>
                  <a:lnTo>
                    <a:pt x="3462527" y="13716"/>
                  </a:lnTo>
                  <a:lnTo>
                    <a:pt x="3462527" y="27432"/>
                  </a:lnTo>
                  <a:close/>
                </a:path>
                <a:path w="3489959" h="2321560">
                  <a:moveTo>
                    <a:pt x="3489960" y="54864"/>
                  </a:moveTo>
                  <a:lnTo>
                    <a:pt x="3462527" y="54864"/>
                  </a:lnTo>
                  <a:lnTo>
                    <a:pt x="3462527" y="13716"/>
                  </a:lnTo>
                  <a:lnTo>
                    <a:pt x="3476244" y="27432"/>
                  </a:lnTo>
                  <a:lnTo>
                    <a:pt x="3489960" y="27432"/>
                  </a:lnTo>
                  <a:lnTo>
                    <a:pt x="3489960" y="54864"/>
                  </a:lnTo>
                  <a:close/>
                </a:path>
                <a:path w="3489959" h="2321560">
                  <a:moveTo>
                    <a:pt x="3489960" y="27432"/>
                  </a:moveTo>
                  <a:lnTo>
                    <a:pt x="3476244" y="27432"/>
                  </a:lnTo>
                  <a:lnTo>
                    <a:pt x="3462527" y="13716"/>
                  </a:lnTo>
                  <a:lnTo>
                    <a:pt x="3489960" y="13716"/>
                  </a:lnTo>
                  <a:lnTo>
                    <a:pt x="3489960" y="27432"/>
                  </a:lnTo>
                  <a:close/>
                </a:path>
                <a:path w="3489959" h="2321560">
                  <a:moveTo>
                    <a:pt x="3489960" y="251460"/>
                  </a:moveTo>
                  <a:lnTo>
                    <a:pt x="3462527" y="251460"/>
                  </a:lnTo>
                  <a:lnTo>
                    <a:pt x="3462527" y="138684"/>
                  </a:lnTo>
                  <a:lnTo>
                    <a:pt x="3489960" y="138684"/>
                  </a:lnTo>
                  <a:lnTo>
                    <a:pt x="3489960" y="251460"/>
                  </a:lnTo>
                  <a:close/>
                </a:path>
                <a:path w="3489959" h="2321560">
                  <a:moveTo>
                    <a:pt x="3489960" y="446532"/>
                  </a:moveTo>
                  <a:lnTo>
                    <a:pt x="3462527" y="446532"/>
                  </a:lnTo>
                  <a:lnTo>
                    <a:pt x="3462527" y="335280"/>
                  </a:lnTo>
                  <a:lnTo>
                    <a:pt x="3489960" y="335280"/>
                  </a:lnTo>
                  <a:lnTo>
                    <a:pt x="3489960" y="446532"/>
                  </a:lnTo>
                  <a:close/>
                </a:path>
                <a:path w="3489959" h="2321560">
                  <a:moveTo>
                    <a:pt x="3489960" y="643128"/>
                  </a:moveTo>
                  <a:lnTo>
                    <a:pt x="3462527" y="643128"/>
                  </a:lnTo>
                  <a:lnTo>
                    <a:pt x="3462527" y="530352"/>
                  </a:lnTo>
                  <a:lnTo>
                    <a:pt x="3489960" y="530352"/>
                  </a:lnTo>
                  <a:lnTo>
                    <a:pt x="3489960" y="643128"/>
                  </a:lnTo>
                  <a:close/>
                </a:path>
                <a:path w="3489959" h="2321560">
                  <a:moveTo>
                    <a:pt x="3489960" y="838200"/>
                  </a:moveTo>
                  <a:lnTo>
                    <a:pt x="3462527" y="838200"/>
                  </a:lnTo>
                  <a:lnTo>
                    <a:pt x="3462527" y="726948"/>
                  </a:lnTo>
                  <a:lnTo>
                    <a:pt x="3489960" y="726948"/>
                  </a:lnTo>
                  <a:lnTo>
                    <a:pt x="3489960" y="838200"/>
                  </a:lnTo>
                  <a:close/>
                </a:path>
                <a:path w="3489959" h="2321560">
                  <a:moveTo>
                    <a:pt x="3489960" y="1034796"/>
                  </a:moveTo>
                  <a:lnTo>
                    <a:pt x="3462527" y="1034796"/>
                  </a:lnTo>
                  <a:lnTo>
                    <a:pt x="3462527" y="923544"/>
                  </a:lnTo>
                  <a:lnTo>
                    <a:pt x="3489960" y="923544"/>
                  </a:lnTo>
                  <a:lnTo>
                    <a:pt x="3489960" y="1034796"/>
                  </a:lnTo>
                  <a:close/>
                </a:path>
                <a:path w="3489959" h="2321560">
                  <a:moveTo>
                    <a:pt x="3489960" y="1231392"/>
                  </a:moveTo>
                  <a:lnTo>
                    <a:pt x="3462527" y="1231392"/>
                  </a:lnTo>
                  <a:lnTo>
                    <a:pt x="3462527" y="1118616"/>
                  </a:lnTo>
                  <a:lnTo>
                    <a:pt x="3489960" y="1118616"/>
                  </a:lnTo>
                  <a:lnTo>
                    <a:pt x="3489960" y="1231392"/>
                  </a:lnTo>
                  <a:close/>
                </a:path>
                <a:path w="3489959" h="2321560">
                  <a:moveTo>
                    <a:pt x="3489960" y="1426464"/>
                  </a:moveTo>
                  <a:lnTo>
                    <a:pt x="3462527" y="1426464"/>
                  </a:lnTo>
                  <a:lnTo>
                    <a:pt x="3462527" y="1315212"/>
                  </a:lnTo>
                  <a:lnTo>
                    <a:pt x="3489960" y="1315212"/>
                  </a:lnTo>
                  <a:lnTo>
                    <a:pt x="3489960" y="1426464"/>
                  </a:lnTo>
                  <a:close/>
                </a:path>
                <a:path w="3489959" h="2321560">
                  <a:moveTo>
                    <a:pt x="3489960" y="1623060"/>
                  </a:moveTo>
                  <a:lnTo>
                    <a:pt x="3462527" y="1623060"/>
                  </a:lnTo>
                  <a:lnTo>
                    <a:pt x="3462527" y="1510284"/>
                  </a:lnTo>
                  <a:lnTo>
                    <a:pt x="3489960" y="1510284"/>
                  </a:lnTo>
                  <a:lnTo>
                    <a:pt x="3489960" y="1623060"/>
                  </a:lnTo>
                  <a:close/>
                </a:path>
                <a:path w="3489959" h="2321560">
                  <a:moveTo>
                    <a:pt x="3489960" y="1819656"/>
                  </a:moveTo>
                  <a:lnTo>
                    <a:pt x="3462527" y="1819656"/>
                  </a:lnTo>
                  <a:lnTo>
                    <a:pt x="3462527" y="1706880"/>
                  </a:lnTo>
                  <a:lnTo>
                    <a:pt x="3489960" y="1706880"/>
                  </a:lnTo>
                  <a:lnTo>
                    <a:pt x="3489960" y="1819656"/>
                  </a:lnTo>
                  <a:close/>
                </a:path>
                <a:path w="3489959" h="2321560">
                  <a:moveTo>
                    <a:pt x="3489960" y="2014728"/>
                  </a:moveTo>
                  <a:lnTo>
                    <a:pt x="3462527" y="2014728"/>
                  </a:lnTo>
                  <a:lnTo>
                    <a:pt x="3462527" y="1903476"/>
                  </a:lnTo>
                  <a:lnTo>
                    <a:pt x="3489960" y="1903476"/>
                  </a:lnTo>
                  <a:lnTo>
                    <a:pt x="3489960" y="2014728"/>
                  </a:lnTo>
                  <a:close/>
                </a:path>
                <a:path w="3489959" h="2321560">
                  <a:moveTo>
                    <a:pt x="3489960" y="2211324"/>
                  </a:moveTo>
                  <a:lnTo>
                    <a:pt x="3462527" y="2211324"/>
                  </a:lnTo>
                  <a:lnTo>
                    <a:pt x="3462527" y="2098548"/>
                  </a:lnTo>
                  <a:lnTo>
                    <a:pt x="3489960" y="2098548"/>
                  </a:lnTo>
                  <a:lnTo>
                    <a:pt x="3489960" y="2211324"/>
                  </a:lnTo>
                  <a:close/>
                </a:path>
                <a:path w="3489959" h="2321560">
                  <a:moveTo>
                    <a:pt x="3483864" y="2321052"/>
                  </a:moveTo>
                  <a:lnTo>
                    <a:pt x="3375660" y="2321052"/>
                  </a:lnTo>
                  <a:lnTo>
                    <a:pt x="3375660" y="2293620"/>
                  </a:lnTo>
                  <a:lnTo>
                    <a:pt x="3476244" y="2293620"/>
                  </a:lnTo>
                  <a:lnTo>
                    <a:pt x="3474720" y="2295144"/>
                  </a:lnTo>
                  <a:lnTo>
                    <a:pt x="3462527" y="2295144"/>
                  </a:lnTo>
                  <a:lnTo>
                    <a:pt x="3462527" y="2307336"/>
                  </a:lnTo>
                  <a:lnTo>
                    <a:pt x="3489960" y="2307336"/>
                  </a:lnTo>
                  <a:lnTo>
                    <a:pt x="3489960" y="2314956"/>
                  </a:lnTo>
                  <a:lnTo>
                    <a:pt x="3483864" y="2321052"/>
                  </a:lnTo>
                  <a:close/>
                </a:path>
                <a:path w="3489959" h="2321560">
                  <a:moveTo>
                    <a:pt x="3462527" y="2307336"/>
                  </a:moveTo>
                  <a:lnTo>
                    <a:pt x="3462527" y="2295144"/>
                  </a:lnTo>
                  <a:lnTo>
                    <a:pt x="3474720" y="2295144"/>
                  </a:lnTo>
                  <a:lnTo>
                    <a:pt x="3462527" y="2307336"/>
                  </a:lnTo>
                  <a:close/>
                </a:path>
                <a:path w="3489959" h="2321560">
                  <a:moveTo>
                    <a:pt x="3489960" y="2307336"/>
                  </a:moveTo>
                  <a:lnTo>
                    <a:pt x="3462527" y="2307336"/>
                  </a:lnTo>
                  <a:lnTo>
                    <a:pt x="3474720" y="2295144"/>
                  </a:lnTo>
                  <a:lnTo>
                    <a:pt x="3489960" y="2295144"/>
                  </a:lnTo>
                  <a:lnTo>
                    <a:pt x="3489960" y="2307336"/>
                  </a:lnTo>
                  <a:close/>
                </a:path>
                <a:path w="3489959" h="2321560">
                  <a:moveTo>
                    <a:pt x="3291840" y="2321052"/>
                  </a:moveTo>
                  <a:lnTo>
                    <a:pt x="3180588" y="2321052"/>
                  </a:lnTo>
                  <a:lnTo>
                    <a:pt x="3180588" y="2293620"/>
                  </a:lnTo>
                  <a:lnTo>
                    <a:pt x="3291840" y="2293620"/>
                  </a:lnTo>
                  <a:lnTo>
                    <a:pt x="3291840" y="2321052"/>
                  </a:lnTo>
                  <a:close/>
                </a:path>
                <a:path w="3489959" h="2321560">
                  <a:moveTo>
                    <a:pt x="3096768" y="2321052"/>
                  </a:moveTo>
                  <a:lnTo>
                    <a:pt x="2983992" y="2321052"/>
                  </a:lnTo>
                  <a:lnTo>
                    <a:pt x="2983992" y="2293620"/>
                  </a:lnTo>
                  <a:lnTo>
                    <a:pt x="3096768" y="2293620"/>
                  </a:lnTo>
                  <a:lnTo>
                    <a:pt x="3096768" y="2321052"/>
                  </a:lnTo>
                  <a:close/>
                </a:path>
                <a:path w="3489959" h="2321560">
                  <a:moveTo>
                    <a:pt x="2900172" y="2321052"/>
                  </a:moveTo>
                  <a:lnTo>
                    <a:pt x="2788919" y="2321052"/>
                  </a:lnTo>
                  <a:lnTo>
                    <a:pt x="2788919" y="2293620"/>
                  </a:lnTo>
                  <a:lnTo>
                    <a:pt x="2900172" y="2293620"/>
                  </a:lnTo>
                  <a:lnTo>
                    <a:pt x="2900172" y="2321052"/>
                  </a:lnTo>
                  <a:close/>
                </a:path>
                <a:path w="3489959" h="2321560">
                  <a:moveTo>
                    <a:pt x="2703576" y="2321052"/>
                  </a:moveTo>
                  <a:lnTo>
                    <a:pt x="2592324" y="2321052"/>
                  </a:lnTo>
                  <a:lnTo>
                    <a:pt x="2592324" y="2293620"/>
                  </a:lnTo>
                  <a:lnTo>
                    <a:pt x="2703576" y="2293620"/>
                  </a:lnTo>
                  <a:lnTo>
                    <a:pt x="2703576" y="2321052"/>
                  </a:lnTo>
                  <a:close/>
                </a:path>
                <a:path w="3489959" h="2321560">
                  <a:moveTo>
                    <a:pt x="2508503" y="2321052"/>
                  </a:moveTo>
                  <a:lnTo>
                    <a:pt x="2395728" y="2321052"/>
                  </a:lnTo>
                  <a:lnTo>
                    <a:pt x="2395728" y="2293620"/>
                  </a:lnTo>
                  <a:lnTo>
                    <a:pt x="2508503" y="2293620"/>
                  </a:lnTo>
                  <a:lnTo>
                    <a:pt x="2508503" y="2321052"/>
                  </a:lnTo>
                  <a:close/>
                </a:path>
                <a:path w="3489959" h="2321560">
                  <a:moveTo>
                    <a:pt x="2311908" y="2321052"/>
                  </a:moveTo>
                  <a:lnTo>
                    <a:pt x="2200655" y="2321052"/>
                  </a:lnTo>
                  <a:lnTo>
                    <a:pt x="2200655" y="2293620"/>
                  </a:lnTo>
                  <a:lnTo>
                    <a:pt x="2311908" y="2293620"/>
                  </a:lnTo>
                  <a:lnTo>
                    <a:pt x="2311908" y="2321052"/>
                  </a:lnTo>
                  <a:close/>
                </a:path>
                <a:path w="3489959" h="2321560">
                  <a:moveTo>
                    <a:pt x="2116836" y="2321052"/>
                  </a:moveTo>
                  <a:lnTo>
                    <a:pt x="2004060" y="2321052"/>
                  </a:lnTo>
                  <a:lnTo>
                    <a:pt x="2004060" y="2293620"/>
                  </a:lnTo>
                  <a:lnTo>
                    <a:pt x="2116836" y="2293620"/>
                  </a:lnTo>
                  <a:lnTo>
                    <a:pt x="2116836" y="2321052"/>
                  </a:lnTo>
                  <a:close/>
                </a:path>
                <a:path w="3489959" h="2321560">
                  <a:moveTo>
                    <a:pt x="1920240" y="2321052"/>
                  </a:moveTo>
                  <a:lnTo>
                    <a:pt x="1807464" y="2321052"/>
                  </a:lnTo>
                  <a:lnTo>
                    <a:pt x="1807464" y="2293620"/>
                  </a:lnTo>
                  <a:lnTo>
                    <a:pt x="1920240" y="2293620"/>
                  </a:lnTo>
                  <a:lnTo>
                    <a:pt x="1920240" y="2321052"/>
                  </a:lnTo>
                  <a:close/>
                </a:path>
                <a:path w="3489959" h="2321560">
                  <a:moveTo>
                    <a:pt x="1723644" y="2321052"/>
                  </a:moveTo>
                  <a:lnTo>
                    <a:pt x="1612392" y="2321052"/>
                  </a:lnTo>
                  <a:lnTo>
                    <a:pt x="1612392" y="2293620"/>
                  </a:lnTo>
                  <a:lnTo>
                    <a:pt x="1723644" y="2293620"/>
                  </a:lnTo>
                  <a:lnTo>
                    <a:pt x="1723644" y="2321052"/>
                  </a:lnTo>
                  <a:close/>
                </a:path>
                <a:path w="3489959" h="2321560">
                  <a:moveTo>
                    <a:pt x="1528572" y="2321052"/>
                  </a:moveTo>
                  <a:lnTo>
                    <a:pt x="1415796" y="2321052"/>
                  </a:lnTo>
                  <a:lnTo>
                    <a:pt x="1415796" y="2293620"/>
                  </a:lnTo>
                  <a:lnTo>
                    <a:pt x="1528572" y="2293620"/>
                  </a:lnTo>
                  <a:lnTo>
                    <a:pt x="1528572" y="2321052"/>
                  </a:lnTo>
                  <a:close/>
                </a:path>
                <a:path w="3489959" h="2321560">
                  <a:moveTo>
                    <a:pt x="1331976" y="2321052"/>
                  </a:moveTo>
                  <a:lnTo>
                    <a:pt x="1220724" y="2321052"/>
                  </a:lnTo>
                  <a:lnTo>
                    <a:pt x="1220724" y="2293620"/>
                  </a:lnTo>
                  <a:lnTo>
                    <a:pt x="1331976" y="2293620"/>
                  </a:lnTo>
                  <a:lnTo>
                    <a:pt x="1331976" y="2321052"/>
                  </a:lnTo>
                  <a:close/>
                </a:path>
                <a:path w="3489959" h="2321560">
                  <a:moveTo>
                    <a:pt x="1135380" y="2321052"/>
                  </a:moveTo>
                  <a:lnTo>
                    <a:pt x="1024128" y="2321052"/>
                  </a:lnTo>
                  <a:lnTo>
                    <a:pt x="1024128" y="2293620"/>
                  </a:lnTo>
                  <a:lnTo>
                    <a:pt x="1135380" y="2293620"/>
                  </a:lnTo>
                  <a:lnTo>
                    <a:pt x="1135380" y="2321052"/>
                  </a:lnTo>
                  <a:close/>
                </a:path>
                <a:path w="3489959" h="2321560">
                  <a:moveTo>
                    <a:pt x="940308" y="2321052"/>
                  </a:moveTo>
                  <a:lnTo>
                    <a:pt x="827531" y="2321052"/>
                  </a:lnTo>
                  <a:lnTo>
                    <a:pt x="827531" y="2293620"/>
                  </a:lnTo>
                  <a:lnTo>
                    <a:pt x="940308" y="2293620"/>
                  </a:lnTo>
                  <a:lnTo>
                    <a:pt x="940308" y="2321052"/>
                  </a:lnTo>
                  <a:close/>
                </a:path>
                <a:path w="3489959" h="2321560">
                  <a:moveTo>
                    <a:pt x="743712" y="2321052"/>
                  </a:moveTo>
                  <a:lnTo>
                    <a:pt x="632460" y="2321052"/>
                  </a:lnTo>
                  <a:lnTo>
                    <a:pt x="632460" y="2293620"/>
                  </a:lnTo>
                  <a:lnTo>
                    <a:pt x="743712" y="2293620"/>
                  </a:lnTo>
                  <a:lnTo>
                    <a:pt x="743712" y="2321052"/>
                  </a:lnTo>
                  <a:close/>
                </a:path>
                <a:path w="3489959" h="2321560">
                  <a:moveTo>
                    <a:pt x="547116" y="2321052"/>
                  </a:moveTo>
                  <a:lnTo>
                    <a:pt x="435863" y="2321052"/>
                  </a:lnTo>
                  <a:lnTo>
                    <a:pt x="435863" y="2293620"/>
                  </a:lnTo>
                  <a:lnTo>
                    <a:pt x="547116" y="2293620"/>
                  </a:lnTo>
                  <a:lnTo>
                    <a:pt x="547116" y="2321052"/>
                  </a:lnTo>
                  <a:close/>
                </a:path>
                <a:path w="3489959" h="2321560">
                  <a:moveTo>
                    <a:pt x="352044" y="2321052"/>
                  </a:moveTo>
                  <a:lnTo>
                    <a:pt x="239268" y="2321052"/>
                  </a:lnTo>
                  <a:lnTo>
                    <a:pt x="239268" y="2293620"/>
                  </a:lnTo>
                  <a:lnTo>
                    <a:pt x="352044" y="2293620"/>
                  </a:lnTo>
                  <a:lnTo>
                    <a:pt x="352044" y="2321052"/>
                  </a:lnTo>
                  <a:close/>
                </a:path>
                <a:path w="3489959" h="2321560">
                  <a:moveTo>
                    <a:pt x="155448" y="2321052"/>
                  </a:moveTo>
                  <a:lnTo>
                    <a:pt x="44196" y="2321052"/>
                  </a:lnTo>
                  <a:lnTo>
                    <a:pt x="44196" y="2293620"/>
                  </a:lnTo>
                  <a:lnTo>
                    <a:pt x="155448" y="2293620"/>
                  </a:lnTo>
                  <a:lnTo>
                    <a:pt x="155448" y="2321052"/>
                  </a:lnTo>
                  <a:close/>
                </a:path>
              </a:pathLst>
            </a:custGeom>
            <a:solidFill>
              <a:srgbClr val="ED7C31"/>
            </a:solidFill>
          </p:spPr>
          <p:txBody>
            <a:bodyPr wrap="square" lIns="0" tIns="0" rIns="0" bIns="0" rtlCol="0"/>
            <a:lstStyle/>
            <a:p>
              <a:endParaRPr sz="1749"/>
            </a:p>
          </p:txBody>
        </p:sp>
        <p:sp>
          <p:nvSpPr>
            <p:cNvPr id="6" name="object 6"/>
            <p:cNvSpPr/>
            <p:nvPr/>
          </p:nvSpPr>
          <p:spPr>
            <a:xfrm>
              <a:off x="725424" y="3255264"/>
              <a:ext cx="1929764" cy="1251585"/>
            </a:xfrm>
            <a:custGeom>
              <a:avLst/>
              <a:gdLst/>
              <a:ahLst/>
              <a:cxnLst/>
              <a:rect l="l" t="t" r="r" b="b"/>
              <a:pathLst>
                <a:path w="1929764" h="1251585">
                  <a:moveTo>
                    <a:pt x="1929383" y="1251203"/>
                  </a:moveTo>
                  <a:lnTo>
                    <a:pt x="0" y="1251203"/>
                  </a:lnTo>
                  <a:lnTo>
                    <a:pt x="0" y="0"/>
                  </a:lnTo>
                  <a:lnTo>
                    <a:pt x="1929383" y="0"/>
                  </a:lnTo>
                  <a:lnTo>
                    <a:pt x="1929383" y="1251203"/>
                  </a:lnTo>
                  <a:close/>
                </a:path>
              </a:pathLst>
            </a:custGeom>
            <a:solidFill>
              <a:srgbClr val="FFFFFF"/>
            </a:solidFill>
          </p:spPr>
          <p:txBody>
            <a:bodyPr wrap="square" lIns="0" tIns="0" rIns="0" bIns="0" rtlCol="0"/>
            <a:lstStyle/>
            <a:p>
              <a:endParaRPr sz="1749"/>
            </a:p>
          </p:txBody>
        </p:sp>
        <p:sp>
          <p:nvSpPr>
            <p:cNvPr id="7" name="object 7"/>
            <p:cNvSpPr/>
            <p:nvPr/>
          </p:nvSpPr>
          <p:spPr>
            <a:xfrm>
              <a:off x="725424" y="3255264"/>
              <a:ext cx="1929764" cy="1251585"/>
            </a:xfrm>
            <a:custGeom>
              <a:avLst/>
              <a:gdLst/>
              <a:ahLst/>
              <a:cxnLst/>
              <a:rect l="l" t="t" r="r" b="b"/>
              <a:pathLst>
                <a:path w="1929764" h="1251585">
                  <a:moveTo>
                    <a:pt x="0" y="0"/>
                  </a:moveTo>
                  <a:lnTo>
                    <a:pt x="1929383" y="0"/>
                  </a:lnTo>
                  <a:lnTo>
                    <a:pt x="1929383" y="1251203"/>
                  </a:lnTo>
                  <a:lnTo>
                    <a:pt x="0" y="1251203"/>
                  </a:lnTo>
                  <a:lnTo>
                    <a:pt x="0" y="0"/>
                  </a:lnTo>
                  <a:close/>
                </a:path>
              </a:pathLst>
            </a:custGeom>
            <a:ln w="32004">
              <a:solidFill>
                <a:srgbClr val="70AC46"/>
              </a:solidFill>
            </a:ln>
          </p:spPr>
          <p:txBody>
            <a:bodyPr wrap="square" lIns="0" tIns="0" rIns="0" bIns="0" rtlCol="0"/>
            <a:lstStyle/>
            <a:p>
              <a:endParaRPr sz="1749"/>
            </a:p>
          </p:txBody>
        </p:sp>
      </p:grpSp>
      <p:sp>
        <p:nvSpPr>
          <p:cNvPr id="8" name="object 8"/>
          <p:cNvSpPr txBox="1"/>
          <p:nvPr/>
        </p:nvSpPr>
        <p:spPr>
          <a:xfrm>
            <a:off x="3163280" y="1971174"/>
            <a:ext cx="3103204" cy="527345"/>
          </a:xfrm>
          <a:prstGeom prst="rect">
            <a:avLst/>
          </a:prstGeom>
        </p:spPr>
        <p:txBody>
          <a:bodyPr vert="horz" wrap="square" lIns="0" tIns="14118" rIns="0" bIns="0" rtlCol="0">
            <a:spAutoFit/>
          </a:bodyPr>
          <a:lstStyle/>
          <a:p>
            <a:pPr marL="10860">
              <a:spcBef>
                <a:spcPts val="111"/>
              </a:spcBef>
            </a:pPr>
            <a:r>
              <a:rPr sz="1667" spc="-4" dirty="0">
                <a:latin typeface="ＭＳ Ｐゴシック"/>
                <a:cs typeface="ＭＳ Ｐゴシック"/>
              </a:rPr>
              <a:t>ハンズオン支援における役割分担</a:t>
            </a:r>
            <a:endParaRPr sz="1667">
              <a:latin typeface="ＭＳ Ｐゴシック"/>
              <a:cs typeface="ＭＳ Ｐゴシック"/>
            </a:endParaRPr>
          </a:p>
        </p:txBody>
      </p:sp>
      <p:sp>
        <p:nvSpPr>
          <p:cNvPr id="9" name="object 9"/>
          <p:cNvSpPr txBox="1"/>
          <p:nvPr/>
        </p:nvSpPr>
        <p:spPr>
          <a:xfrm>
            <a:off x="677333" y="3039976"/>
            <a:ext cx="1240196" cy="1015511"/>
          </a:xfrm>
          <a:prstGeom prst="rect">
            <a:avLst/>
          </a:prstGeom>
        </p:spPr>
        <p:txBody>
          <a:bodyPr vert="horz" wrap="square" lIns="0" tIns="43982" rIns="0" bIns="0" rtlCol="0">
            <a:spAutoFit/>
          </a:bodyPr>
          <a:lstStyle/>
          <a:p>
            <a:pPr marL="10860">
              <a:spcBef>
                <a:spcPts val="346"/>
              </a:spcBef>
            </a:pPr>
            <a:r>
              <a:rPr sz="1112" spc="-9" dirty="0">
                <a:latin typeface="ＭＳ Ｐゴシック"/>
                <a:cs typeface="ＭＳ Ｐゴシック"/>
              </a:rPr>
              <a:t>・ニーズの具体化</a:t>
            </a:r>
            <a:endParaRPr sz="1112">
              <a:latin typeface="ＭＳ Ｐゴシック"/>
              <a:cs typeface="ＭＳ Ｐゴシック"/>
            </a:endParaRPr>
          </a:p>
          <a:p>
            <a:pPr marL="10860">
              <a:spcBef>
                <a:spcPts val="269"/>
              </a:spcBef>
            </a:pPr>
            <a:r>
              <a:rPr sz="1112" spc="-9" dirty="0">
                <a:latin typeface="ＭＳ Ｐゴシック"/>
                <a:cs typeface="ＭＳ Ｐゴシック"/>
              </a:rPr>
              <a:t>・新技術の導入検討</a:t>
            </a:r>
            <a:endParaRPr sz="1112">
              <a:latin typeface="ＭＳ Ｐゴシック"/>
              <a:cs typeface="ＭＳ Ｐゴシック"/>
            </a:endParaRPr>
          </a:p>
          <a:p>
            <a:pPr marL="10860">
              <a:spcBef>
                <a:spcPts val="274"/>
              </a:spcBef>
            </a:pPr>
            <a:r>
              <a:rPr sz="1112" spc="-9" dirty="0">
                <a:latin typeface="ＭＳ Ｐゴシック"/>
                <a:cs typeface="ＭＳ Ｐゴシック"/>
              </a:rPr>
              <a:t>・庁内調整</a:t>
            </a:r>
            <a:endParaRPr sz="1112">
              <a:latin typeface="ＭＳ Ｐゴシック"/>
              <a:cs typeface="ＭＳ Ｐゴシック"/>
            </a:endParaRPr>
          </a:p>
          <a:p>
            <a:pPr marL="10860">
              <a:spcBef>
                <a:spcPts val="265"/>
              </a:spcBef>
            </a:pPr>
            <a:r>
              <a:rPr sz="1112" spc="-9" dirty="0">
                <a:latin typeface="ＭＳ Ｐゴシック"/>
                <a:cs typeface="ＭＳ Ｐゴシック"/>
              </a:rPr>
              <a:t>・予算措置</a:t>
            </a:r>
            <a:endParaRPr sz="1112">
              <a:latin typeface="ＭＳ Ｐゴシック"/>
              <a:cs typeface="ＭＳ Ｐゴシック"/>
            </a:endParaRPr>
          </a:p>
        </p:txBody>
      </p:sp>
      <p:sp>
        <p:nvSpPr>
          <p:cNvPr id="10" name="object 10"/>
          <p:cNvSpPr txBox="1"/>
          <p:nvPr/>
        </p:nvSpPr>
        <p:spPr>
          <a:xfrm>
            <a:off x="2048120" y="3885406"/>
            <a:ext cx="165070" cy="184296"/>
          </a:xfrm>
          <a:prstGeom prst="rect">
            <a:avLst/>
          </a:prstGeom>
        </p:spPr>
        <p:txBody>
          <a:bodyPr vert="horz" wrap="square" lIns="0" tIns="13032" rIns="0" bIns="0" rtlCol="0">
            <a:spAutoFit/>
          </a:bodyPr>
          <a:lstStyle/>
          <a:p>
            <a:pPr marL="10860">
              <a:spcBef>
                <a:spcPts val="103"/>
              </a:spcBef>
            </a:pPr>
            <a:r>
              <a:rPr sz="1112" spc="-43" dirty="0">
                <a:latin typeface="ＭＳ Ｐゴシック"/>
                <a:cs typeface="ＭＳ Ｐゴシック"/>
              </a:rPr>
              <a:t>等</a:t>
            </a:r>
            <a:endParaRPr sz="1112">
              <a:latin typeface="ＭＳ Ｐゴシック"/>
              <a:cs typeface="ＭＳ Ｐゴシック"/>
            </a:endParaRPr>
          </a:p>
        </p:txBody>
      </p:sp>
      <p:grpSp>
        <p:nvGrpSpPr>
          <p:cNvPr id="11" name="object 11"/>
          <p:cNvGrpSpPr/>
          <p:nvPr/>
        </p:nvGrpSpPr>
        <p:grpSpPr>
          <a:xfrm>
            <a:off x="3006932" y="2965230"/>
            <a:ext cx="1676219" cy="1056121"/>
            <a:chOff x="3516439" y="3239071"/>
            <a:chExt cx="1960245" cy="1235075"/>
          </a:xfrm>
        </p:grpSpPr>
        <p:sp>
          <p:nvSpPr>
            <p:cNvPr id="12" name="object 12"/>
            <p:cNvSpPr/>
            <p:nvPr/>
          </p:nvSpPr>
          <p:spPr>
            <a:xfrm>
              <a:off x="3532632" y="3255264"/>
              <a:ext cx="1927860" cy="1202690"/>
            </a:xfrm>
            <a:custGeom>
              <a:avLst/>
              <a:gdLst/>
              <a:ahLst/>
              <a:cxnLst/>
              <a:rect l="l" t="t" r="r" b="b"/>
              <a:pathLst>
                <a:path w="1927860" h="1202689">
                  <a:moveTo>
                    <a:pt x="1927860" y="1202435"/>
                  </a:moveTo>
                  <a:lnTo>
                    <a:pt x="0" y="1202435"/>
                  </a:lnTo>
                  <a:lnTo>
                    <a:pt x="0" y="0"/>
                  </a:lnTo>
                  <a:lnTo>
                    <a:pt x="1927860" y="0"/>
                  </a:lnTo>
                  <a:lnTo>
                    <a:pt x="1927860" y="1202435"/>
                  </a:lnTo>
                  <a:close/>
                </a:path>
              </a:pathLst>
            </a:custGeom>
            <a:solidFill>
              <a:srgbClr val="FFFFFF"/>
            </a:solidFill>
          </p:spPr>
          <p:txBody>
            <a:bodyPr wrap="square" lIns="0" tIns="0" rIns="0" bIns="0" rtlCol="0"/>
            <a:lstStyle/>
            <a:p>
              <a:endParaRPr sz="1749"/>
            </a:p>
          </p:txBody>
        </p:sp>
        <p:sp>
          <p:nvSpPr>
            <p:cNvPr id="13" name="object 13"/>
            <p:cNvSpPr/>
            <p:nvPr/>
          </p:nvSpPr>
          <p:spPr>
            <a:xfrm>
              <a:off x="3532632" y="3255264"/>
              <a:ext cx="1927860" cy="1202690"/>
            </a:xfrm>
            <a:custGeom>
              <a:avLst/>
              <a:gdLst/>
              <a:ahLst/>
              <a:cxnLst/>
              <a:rect l="l" t="t" r="r" b="b"/>
              <a:pathLst>
                <a:path w="1927860" h="1202689">
                  <a:moveTo>
                    <a:pt x="0" y="0"/>
                  </a:moveTo>
                  <a:lnTo>
                    <a:pt x="1927860" y="0"/>
                  </a:lnTo>
                  <a:lnTo>
                    <a:pt x="1927860" y="1202435"/>
                  </a:lnTo>
                  <a:lnTo>
                    <a:pt x="0" y="1202435"/>
                  </a:lnTo>
                  <a:lnTo>
                    <a:pt x="0" y="0"/>
                  </a:lnTo>
                  <a:close/>
                </a:path>
              </a:pathLst>
            </a:custGeom>
            <a:ln w="32004">
              <a:solidFill>
                <a:srgbClr val="5B9AD4"/>
              </a:solidFill>
            </a:ln>
          </p:spPr>
          <p:txBody>
            <a:bodyPr wrap="square" lIns="0" tIns="0" rIns="0" bIns="0" rtlCol="0"/>
            <a:lstStyle/>
            <a:p>
              <a:endParaRPr sz="1749"/>
            </a:p>
          </p:txBody>
        </p:sp>
      </p:grpSp>
      <p:sp>
        <p:nvSpPr>
          <p:cNvPr id="14" name="object 14"/>
          <p:cNvSpPr txBox="1"/>
          <p:nvPr/>
        </p:nvSpPr>
        <p:spPr>
          <a:xfrm>
            <a:off x="3076210" y="3039976"/>
            <a:ext cx="1240196" cy="977039"/>
          </a:xfrm>
          <a:prstGeom prst="rect">
            <a:avLst/>
          </a:prstGeom>
        </p:spPr>
        <p:txBody>
          <a:bodyPr vert="horz" wrap="square" lIns="0" tIns="43982" rIns="0" bIns="0" rtlCol="0">
            <a:spAutoFit/>
          </a:bodyPr>
          <a:lstStyle/>
          <a:p>
            <a:pPr marL="10860">
              <a:spcBef>
                <a:spcPts val="346"/>
              </a:spcBef>
            </a:pPr>
            <a:r>
              <a:rPr sz="1112" spc="-9" dirty="0">
                <a:latin typeface="ＭＳ Ｐゴシック"/>
                <a:cs typeface="ＭＳ Ｐゴシック"/>
              </a:rPr>
              <a:t>・ニーズ精査へ助言</a:t>
            </a:r>
            <a:endParaRPr sz="1112">
              <a:latin typeface="ＭＳ Ｐゴシック"/>
              <a:cs typeface="ＭＳ Ｐゴシック"/>
            </a:endParaRPr>
          </a:p>
          <a:p>
            <a:pPr marL="10860">
              <a:spcBef>
                <a:spcPts val="269"/>
              </a:spcBef>
            </a:pPr>
            <a:r>
              <a:rPr sz="1112" spc="-9" dirty="0">
                <a:latin typeface="ＭＳ Ｐゴシック"/>
                <a:cs typeface="ＭＳ Ｐゴシック"/>
              </a:rPr>
              <a:t>・新技術選定へ助言</a:t>
            </a:r>
            <a:endParaRPr sz="1112">
              <a:latin typeface="ＭＳ Ｐゴシック"/>
              <a:cs typeface="ＭＳ Ｐゴシック"/>
            </a:endParaRPr>
          </a:p>
          <a:p>
            <a:pPr marL="10860">
              <a:spcBef>
                <a:spcPts val="274"/>
              </a:spcBef>
            </a:pPr>
            <a:r>
              <a:rPr sz="1112" spc="-9" dirty="0">
                <a:latin typeface="ＭＳ Ｐゴシック"/>
                <a:cs typeface="ＭＳ Ｐゴシック"/>
              </a:rPr>
              <a:t>・効果検証へ助言</a:t>
            </a:r>
            <a:endParaRPr sz="1112">
              <a:latin typeface="ＭＳ Ｐゴシック"/>
              <a:cs typeface="ＭＳ Ｐゴシック"/>
            </a:endParaRPr>
          </a:p>
        </p:txBody>
      </p:sp>
      <p:sp>
        <p:nvSpPr>
          <p:cNvPr id="15" name="object 15"/>
          <p:cNvSpPr txBox="1"/>
          <p:nvPr/>
        </p:nvSpPr>
        <p:spPr>
          <a:xfrm>
            <a:off x="4447558" y="3682140"/>
            <a:ext cx="165070" cy="184296"/>
          </a:xfrm>
          <a:prstGeom prst="rect">
            <a:avLst/>
          </a:prstGeom>
        </p:spPr>
        <p:txBody>
          <a:bodyPr vert="horz" wrap="square" lIns="0" tIns="13032" rIns="0" bIns="0" rtlCol="0">
            <a:spAutoFit/>
          </a:bodyPr>
          <a:lstStyle/>
          <a:p>
            <a:pPr marL="10860">
              <a:spcBef>
                <a:spcPts val="103"/>
              </a:spcBef>
            </a:pPr>
            <a:r>
              <a:rPr sz="1112" spc="-43" dirty="0">
                <a:latin typeface="ＭＳ Ｐゴシック"/>
                <a:cs typeface="ＭＳ Ｐゴシック"/>
              </a:rPr>
              <a:t>等</a:t>
            </a:r>
            <a:endParaRPr sz="1112">
              <a:latin typeface="ＭＳ Ｐゴシック"/>
              <a:cs typeface="ＭＳ Ｐゴシック"/>
            </a:endParaRPr>
          </a:p>
        </p:txBody>
      </p:sp>
      <p:grpSp>
        <p:nvGrpSpPr>
          <p:cNvPr id="16" name="object 16"/>
          <p:cNvGrpSpPr/>
          <p:nvPr/>
        </p:nvGrpSpPr>
        <p:grpSpPr>
          <a:xfrm>
            <a:off x="2283176" y="2627814"/>
            <a:ext cx="6128761" cy="708606"/>
            <a:chOff x="2670047" y="2844482"/>
            <a:chExt cx="7167245" cy="828675"/>
          </a:xfrm>
        </p:grpSpPr>
        <p:sp>
          <p:nvSpPr>
            <p:cNvPr id="17" name="object 17"/>
            <p:cNvSpPr/>
            <p:nvPr/>
          </p:nvSpPr>
          <p:spPr>
            <a:xfrm>
              <a:off x="2670047" y="3515867"/>
              <a:ext cx="681355" cy="157480"/>
            </a:xfrm>
            <a:custGeom>
              <a:avLst/>
              <a:gdLst/>
              <a:ahLst/>
              <a:cxnLst/>
              <a:rect l="l" t="t" r="r" b="b"/>
              <a:pathLst>
                <a:path w="681354" h="157479">
                  <a:moveTo>
                    <a:pt x="158495" y="156972"/>
                  </a:moveTo>
                  <a:lnTo>
                    <a:pt x="0" y="79248"/>
                  </a:lnTo>
                  <a:lnTo>
                    <a:pt x="158495" y="0"/>
                  </a:lnTo>
                  <a:lnTo>
                    <a:pt x="158495" y="62484"/>
                  </a:lnTo>
                  <a:lnTo>
                    <a:pt x="141731" y="62484"/>
                  </a:lnTo>
                  <a:lnTo>
                    <a:pt x="141731" y="94488"/>
                  </a:lnTo>
                  <a:lnTo>
                    <a:pt x="158495" y="94488"/>
                  </a:lnTo>
                  <a:lnTo>
                    <a:pt x="158495" y="156972"/>
                  </a:lnTo>
                  <a:close/>
                </a:path>
                <a:path w="681354" h="157479">
                  <a:moveTo>
                    <a:pt x="158495" y="94488"/>
                  </a:moveTo>
                  <a:lnTo>
                    <a:pt x="141731" y="94488"/>
                  </a:lnTo>
                  <a:lnTo>
                    <a:pt x="141731" y="62484"/>
                  </a:lnTo>
                  <a:lnTo>
                    <a:pt x="158495" y="62484"/>
                  </a:lnTo>
                  <a:lnTo>
                    <a:pt x="158495" y="94488"/>
                  </a:lnTo>
                  <a:close/>
                </a:path>
                <a:path w="681354" h="157479">
                  <a:moveTo>
                    <a:pt x="681227" y="94488"/>
                  </a:moveTo>
                  <a:lnTo>
                    <a:pt x="158495" y="94488"/>
                  </a:lnTo>
                  <a:lnTo>
                    <a:pt x="158495" y="62484"/>
                  </a:lnTo>
                  <a:lnTo>
                    <a:pt x="681227" y="62484"/>
                  </a:lnTo>
                  <a:lnTo>
                    <a:pt x="681227" y="94488"/>
                  </a:lnTo>
                  <a:close/>
                </a:path>
              </a:pathLst>
            </a:custGeom>
            <a:solidFill>
              <a:srgbClr val="333F50"/>
            </a:solidFill>
          </p:spPr>
          <p:txBody>
            <a:bodyPr wrap="square" lIns="0" tIns="0" rIns="0" bIns="0" rtlCol="0"/>
            <a:lstStyle/>
            <a:p>
              <a:endParaRPr sz="1749"/>
            </a:p>
          </p:txBody>
        </p:sp>
        <p:pic>
          <p:nvPicPr>
            <p:cNvPr id="18" name="object 18"/>
            <p:cNvPicPr/>
            <p:nvPr/>
          </p:nvPicPr>
          <p:blipFill>
            <a:blip r:embed="rId2" cstate="print"/>
            <a:stretch>
              <a:fillRect/>
            </a:stretch>
          </p:blipFill>
          <p:spPr>
            <a:xfrm>
              <a:off x="6993635" y="2849880"/>
              <a:ext cx="2837688" cy="644651"/>
            </a:xfrm>
            <a:prstGeom prst="rect">
              <a:avLst/>
            </a:prstGeom>
          </p:spPr>
        </p:pic>
        <p:sp>
          <p:nvSpPr>
            <p:cNvPr id="19" name="object 19"/>
            <p:cNvSpPr/>
            <p:nvPr/>
          </p:nvSpPr>
          <p:spPr>
            <a:xfrm>
              <a:off x="6993635" y="2849880"/>
              <a:ext cx="2837815" cy="645160"/>
            </a:xfrm>
            <a:custGeom>
              <a:avLst/>
              <a:gdLst/>
              <a:ahLst/>
              <a:cxnLst/>
              <a:rect l="l" t="t" r="r" b="b"/>
              <a:pathLst>
                <a:path w="2837815" h="645160">
                  <a:moveTo>
                    <a:pt x="0" y="0"/>
                  </a:moveTo>
                  <a:lnTo>
                    <a:pt x="2837688" y="0"/>
                  </a:lnTo>
                  <a:lnTo>
                    <a:pt x="2837688" y="644651"/>
                  </a:lnTo>
                  <a:lnTo>
                    <a:pt x="0" y="644651"/>
                  </a:lnTo>
                  <a:lnTo>
                    <a:pt x="0" y="0"/>
                  </a:lnTo>
                  <a:close/>
                </a:path>
              </a:pathLst>
            </a:custGeom>
            <a:ln w="10668">
              <a:solidFill>
                <a:srgbClr val="EB792A"/>
              </a:solidFill>
            </a:ln>
          </p:spPr>
          <p:txBody>
            <a:bodyPr wrap="square" lIns="0" tIns="0" rIns="0" bIns="0" rtlCol="0"/>
            <a:lstStyle/>
            <a:p>
              <a:endParaRPr sz="1749"/>
            </a:p>
          </p:txBody>
        </p:sp>
      </p:grpSp>
      <p:sp>
        <p:nvSpPr>
          <p:cNvPr id="20" name="object 20"/>
          <p:cNvSpPr txBox="1"/>
          <p:nvPr/>
        </p:nvSpPr>
        <p:spPr>
          <a:xfrm>
            <a:off x="2436734" y="2891474"/>
            <a:ext cx="320366" cy="184296"/>
          </a:xfrm>
          <a:prstGeom prst="rect">
            <a:avLst/>
          </a:prstGeom>
        </p:spPr>
        <p:txBody>
          <a:bodyPr vert="horz" wrap="square" lIns="0" tIns="13032" rIns="0" bIns="0" rtlCol="0">
            <a:spAutoFit/>
          </a:bodyPr>
          <a:lstStyle/>
          <a:p>
            <a:pPr marL="10860">
              <a:spcBef>
                <a:spcPts val="103"/>
              </a:spcBef>
            </a:pPr>
            <a:r>
              <a:rPr sz="1112" spc="26" dirty="0">
                <a:latin typeface="ＭＳ Ｐゴシック"/>
                <a:cs typeface="ＭＳ Ｐゴシック"/>
              </a:rPr>
              <a:t>支援</a:t>
            </a:r>
            <a:endParaRPr sz="1112">
              <a:latin typeface="ＭＳ Ｐゴシック"/>
              <a:cs typeface="ＭＳ Ｐゴシック"/>
            </a:endParaRPr>
          </a:p>
        </p:txBody>
      </p:sp>
      <p:sp>
        <p:nvSpPr>
          <p:cNvPr id="21" name="object 21"/>
          <p:cNvSpPr txBox="1"/>
          <p:nvPr/>
        </p:nvSpPr>
        <p:spPr>
          <a:xfrm>
            <a:off x="6055709" y="2672755"/>
            <a:ext cx="2250162" cy="703185"/>
          </a:xfrm>
          <a:prstGeom prst="rect">
            <a:avLst/>
          </a:prstGeom>
        </p:spPr>
        <p:txBody>
          <a:bodyPr vert="horz" wrap="square" lIns="0" tIns="12489" rIns="0" bIns="0" rtlCol="0">
            <a:spAutoFit/>
          </a:bodyPr>
          <a:lstStyle/>
          <a:p>
            <a:pPr marL="10860">
              <a:spcBef>
                <a:spcPts val="98"/>
              </a:spcBef>
            </a:pPr>
            <a:r>
              <a:rPr sz="1496" spc="-13" dirty="0">
                <a:latin typeface="ＭＳ Ｐゴシック"/>
                <a:cs typeface="ＭＳ Ｐゴシック"/>
              </a:rPr>
              <a:t>新技術導入に関する</a:t>
            </a:r>
            <a:endParaRPr sz="1496">
              <a:latin typeface="ＭＳ Ｐゴシック"/>
              <a:cs typeface="ＭＳ Ｐゴシック"/>
            </a:endParaRPr>
          </a:p>
          <a:p>
            <a:pPr marL="10860">
              <a:spcBef>
                <a:spcPts val="4"/>
              </a:spcBef>
            </a:pPr>
            <a:r>
              <a:rPr sz="1496" spc="-13" dirty="0">
                <a:latin typeface="ＭＳ Ｐゴシック"/>
                <a:cs typeface="ＭＳ Ｐゴシック"/>
              </a:rPr>
              <a:t>ハンズオン支援事業検討会</a:t>
            </a:r>
            <a:endParaRPr sz="1496">
              <a:latin typeface="ＭＳ Ｐゴシック"/>
              <a:cs typeface="ＭＳ Ｐゴシック"/>
            </a:endParaRPr>
          </a:p>
        </p:txBody>
      </p:sp>
      <p:sp>
        <p:nvSpPr>
          <p:cNvPr id="22" name="object 22"/>
          <p:cNvSpPr txBox="1"/>
          <p:nvPr/>
        </p:nvSpPr>
        <p:spPr>
          <a:xfrm>
            <a:off x="5982466" y="3768360"/>
            <a:ext cx="2243104" cy="829873"/>
          </a:xfrm>
          <a:prstGeom prst="rect">
            <a:avLst/>
          </a:prstGeom>
        </p:spPr>
        <p:txBody>
          <a:bodyPr vert="horz" wrap="square" lIns="0" tIns="10317" rIns="0" bIns="0" rtlCol="0">
            <a:spAutoFit/>
          </a:bodyPr>
          <a:lstStyle/>
          <a:p>
            <a:pPr marL="280182" indent="-269322">
              <a:lnSpc>
                <a:spcPts val="1586"/>
              </a:lnSpc>
              <a:spcBef>
                <a:spcPts val="81"/>
              </a:spcBef>
              <a:buFont typeface="Wingdings"/>
              <a:buChar char=""/>
              <a:tabLst>
                <a:tab pos="280182" algn="l"/>
              </a:tabLst>
            </a:pPr>
            <a:r>
              <a:rPr sz="1325" spc="-30" dirty="0">
                <a:latin typeface="ＭＳ Ｐゴシック"/>
                <a:cs typeface="ＭＳ Ｐゴシック"/>
              </a:rPr>
              <a:t>ハンズオン支援事業の実施</a:t>
            </a:r>
            <a:endParaRPr sz="1325">
              <a:latin typeface="ＭＳ Ｐゴシック"/>
              <a:cs typeface="ＭＳ Ｐゴシック"/>
            </a:endParaRPr>
          </a:p>
          <a:p>
            <a:pPr marL="280182" indent="-269322">
              <a:lnSpc>
                <a:spcPts val="1586"/>
              </a:lnSpc>
              <a:buFont typeface="Wingdings"/>
              <a:buChar char=""/>
              <a:tabLst>
                <a:tab pos="280182" algn="l"/>
              </a:tabLst>
            </a:pPr>
            <a:r>
              <a:rPr sz="1325" spc="-30" dirty="0">
                <a:latin typeface="ＭＳ Ｐゴシック"/>
                <a:cs typeface="ＭＳ Ｐゴシック"/>
              </a:rPr>
              <a:t>自立的な体制のあり方</a:t>
            </a:r>
            <a:endParaRPr sz="1325">
              <a:latin typeface="ＭＳ Ｐゴシック"/>
              <a:cs typeface="ＭＳ Ｐゴシック"/>
            </a:endParaRPr>
          </a:p>
          <a:p>
            <a:pPr marL="280182" indent="-269322">
              <a:spcBef>
                <a:spcPts val="4"/>
              </a:spcBef>
              <a:buFont typeface="Wingdings"/>
              <a:buChar char=""/>
              <a:tabLst>
                <a:tab pos="280182" algn="l"/>
              </a:tabLst>
            </a:pPr>
            <a:r>
              <a:rPr sz="1325" spc="-30" dirty="0">
                <a:latin typeface="ＭＳ Ｐゴシック"/>
                <a:cs typeface="ＭＳ Ｐゴシック"/>
              </a:rPr>
              <a:t>その他必要な事項</a:t>
            </a:r>
            <a:endParaRPr sz="1325">
              <a:latin typeface="ＭＳ Ｐゴシック"/>
              <a:cs typeface="ＭＳ Ｐゴシック"/>
            </a:endParaRPr>
          </a:p>
        </p:txBody>
      </p:sp>
      <p:sp>
        <p:nvSpPr>
          <p:cNvPr id="23" name="object 23"/>
          <p:cNvSpPr txBox="1"/>
          <p:nvPr/>
        </p:nvSpPr>
        <p:spPr>
          <a:xfrm>
            <a:off x="5805024" y="3463723"/>
            <a:ext cx="1171236" cy="242802"/>
          </a:xfrm>
          <a:prstGeom prst="rect">
            <a:avLst/>
          </a:prstGeom>
        </p:spPr>
        <p:txBody>
          <a:bodyPr vert="horz" wrap="square" lIns="0" tIns="12489" rIns="0" bIns="0" rtlCol="0">
            <a:spAutoFit/>
          </a:bodyPr>
          <a:lstStyle/>
          <a:p>
            <a:pPr marL="10860">
              <a:spcBef>
                <a:spcPts val="98"/>
              </a:spcBef>
            </a:pPr>
            <a:r>
              <a:rPr sz="1496" spc="-9" dirty="0">
                <a:latin typeface="ＭＳ Ｐゴシック"/>
                <a:cs typeface="ＭＳ Ｐゴシック"/>
              </a:rPr>
              <a:t>＜検討事項＞</a:t>
            </a:r>
            <a:endParaRPr sz="1496">
              <a:latin typeface="ＭＳ Ｐゴシック"/>
              <a:cs typeface="ＭＳ Ｐゴシック"/>
            </a:endParaRPr>
          </a:p>
        </p:txBody>
      </p:sp>
      <p:grpSp>
        <p:nvGrpSpPr>
          <p:cNvPr id="24" name="object 24"/>
          <p:cNvGrpSpPr/>
          <p:nvPr/>
        </p:nvGrpSpPr>
        <p:grpSpPr>
          <a:xfrm>
            <a:off x="3169938" y="2604357"/>
            <a:ext cx="1359654" cy="328511"/>
            <a:chOff x="3707066" y="2817050"/>
            <a:chExt cx="1590040" cy="384175"/>
          </a:xfrm>
        </p:grpSpPr>
        <p:pic>
          <p:nvPicPr>
            <p:cNvPr id="25" name="object 25"/>
            <p:cNvPicPr/>
            <p:nvPr/>
          </p:nvPicPr>
          <p:blipFill>
            <a:blip r:embed="rId3" cstate="print"/>
            <a:stretch>
              <a:fillRect/>
            </a:stretch>
          </p:blipFill>
          <p:spPr>
            <a:xfrm>
              <a:off x="3712464" y="2822448"/>
              <a:ext cx="1578864" cy="373379"/>
            </a:xfrm>
            <a:prstGeom prst="rect">
              <a:avLst/>
            </a:prstGeom>
          </p:spPr>
        </p:pic>
        <p:sp>
          <p:nvSpPr>
            <p:cNvPr id="26" name="object 26"/>
            <p:cNvSpPr/>
            <p:nvPr/>
          </p:nvSpPr>
          <p:spPr>
            <a:xfrm>
              <a:off x="3712464" y="2822448"/>
              <a:ext cx="1579245" cy="373380"/>
            </a:xfrm>
            <a:custGeom>
              <a:avLst/>
              <a:gdLst/>
              <a:ahLst/>
              <a:cxnLst/>
              <a:rect l="l" t="t" r="r" b="b"/>
              <a:pathLst>
                <a:path w="1579245" h="373380">
                  <a:moveTo>
                    <a:pt x="0" y="0"/>
                  </a:moveTo>
                  <a:lnTo>
                    <a:pt x="1578864" y="0"/>
                  </a:lnTo>
                  <a:lnTo>
                    <a:pt x="1578864" y="373379"/>
                  </a:lnTo>
                  <a:lnTo>
                    <a:pt x="0" y="373379"/>
                  </a:lnTo>
                  <a:lnTo>
                    <a:pt x="0" y="0"/>
                  </a:lnTo>
                  <a:close/>
                </a:path>
              </a:pathLst>
            </a:custGeom>
            <a:ln w="10668">
              <a:solidFill>
                <a:srgbClr val="5697D3"/>
              </a:solidFill>
            </a:ln>
          </p:spPr>
          <p:txBody>
            <a:bodyPr wrap="square" lIns="0" tIns="0" rIns="0" bIns="0" rtlCol="0"/>
            <a:lstStyle/>
            <a:p>
              <a:endParaRPr sz="1749"/>
            </a:p>
          </p:txBody>
        </p:sp>
      </p:grpSp>
      <p:sp>
        <p:nvSpPr>
          <p:cNvPr id="27" name="object 27"/>
          <p:cNvSpPr txBox="1"/>
          <p:nvPr/>
        </p:nvSpPr>
        <p:spPr>
          <a:xfrm>
            <a:off x="3322871" y="2647314"/>
            <a:ext cx="1054492" cy="472993"/>
          </a:xfrm>
          <a:prstGeom prst="rect">
            <a:avLst/>
          </a:prstGeom>
        </p:spPr>
        <p:txBody>
          <a:bodyPr vert="horz" wrap="square" lIns="0" tIns="12489" rIns="0" bIns="0" rtlCol="0">
            <a:spAutoFit/>
          </a:bodyPr>
          <a:lstStyle/>
          <a:p>
            <a:pPr marL="10860">
              <a:spcBef>
                <a:spcPts val="98"/>
              </a:spcBef>
            </a:pPr>
            <a:r>
              <a:rPr sz="1496" u="sng" spc="-9" dirty="0">
                <a:uFill>
                  <a:solidFill>
                    <a:srgbClr val="000000"/>
                  </a:solidFill>
                </a:uFill>
                <a:latin typeface="ＭＳ Ｐゴシック"/>
                <a:cs typeface="ＭＳ Ｐゴシック"/>
              </a:rPr>
              <a:t>アドバイザー</a:t>
            </a:r>
            <a:endParaRPr sz="1496">
              <a:latin typeface="ＭＳ Ｐゴシック"/>
              <a:cs typeface="ＭＳ Ｐゴシック"/>
            </a:endParaRPr>
          </a:p>
        </p:txBody>
      </p:sp>
      <p:grpSp>
        <p:nvGrpSpPr>
          <p:cNvPr id="28" name="object 28"/>
          <p:cNvGrpSpPr/>
          <p:nvPr/>
        </p:nvGrpSpPr>
        <p:grpSpPr>
          <a:xfrm>
            <a:off x="977876" y="4531656"/>
            <a:ext cx="3633708" cy="1532869"/>
            <a:chOff x="1143571" y="5070919"/>
            <a:chExt cx="4249420" cy="1792605"/>
          </a:xfrm>
        </p:grpSpPr>
        <p:sp>
          <p:nvSpPr>
            <p:cNvPr id="29" name="object 29"/>
            <p:cNvSpPr/>
            <p:nvPr/>
          </p:nvSpPr>
          <p:spPr>
            <a:xfrm>
              <a:off x="1159763" y="5087112"/>
              <a:ext cx="4217035" cy="1760220"/>
            </a:xfrm>
            <a:custGeom>
              <a:avLst/>
              <a:gdLst/>
              <a:ahLst/>
              <a:cxnLst/>
              <a:rect l="l" t="t" r="r" b="b"/>
              <a:pathLst>
                <a:path w="4217035" h="1760220">
                  <a:moveTo>
                    <a:pt x="4216907" y="1760219"/>
                  </a:moveTo>
                  <a:lnTo>
                    <a:pt x="0" y="1760219"/>
                  </a:lnTo>
                  <a:lnTo>
                    <a:pt x="0" y="0"/>
                  </a:lnTo>
                  <a:lnTo>
                    <a:pt x="4216907" y="0"/>
                  </a:lnTo>
                  <a:lnTo>
                    <a:pt x="4216907" y="1760219"/>
                  </a:lnTo>
                  <a:close/>
                </a:path>
              </a:pathLst>
            </a:custGeom>
            <a:solidFill>
              <a:srgbClr val="FFFFFF"/>
            </a:solidFill>
          </p:spPr>
          <p:txBody>
            <a:bodyPr wrap="square" lIns="0" tIns="0" rIns="0" bIns="0" rtlCol="0"/>
            <a:lstStyle/>
            <a:p>
              <a:endParaRPr sz="1749"/>
            </a:p>
          </p:txBody>
        </p:sp>
        <p:sp>
          <p:nvSpPr>
            <p:cNvPr id="30" name="object 30"/>
            <p:cNvSpPr/>
            <p:nvPr/>
          </p:nvSpPr>
          <p:spPr>
            <a:xfrm>
              <a:off x="1159763" y="5087112"/>
              <a:ext cx="4217035" cy="1760220"/>
            </a:xfrm>
            <a:custGeom>
              <a:avLst/>
              <a:gdLst/>
              <a:ahLst/>
              <a:cxnLst/>
              <a:rect l="l" t="t" r="r" b="b"/>
              <a:pathLst>
                <a:path w="4217035" h="1760220">
                  <a:moveTo>
                    <a:pt x="0" y="0"/>
                  </a:moveTo>
                  <a:lnTo>
                    <a:pt x="4216907" y="0"/>
                  </a:lnTo>
                  <a:lnTo>
                    <a:pt x="4216907" y="1760219"/>
                  </a:lnTo>
                  <a:lnTo>
                    <a:pt x="0" y="1760219"/>
                  </a:lnTo>
                  <a:lnTo>
                    <a:pt x="0" y="0"/>
                  </a:lnTo>
                  <a:close/>
                </a:path>
              </a:pathLst>
            </a:custGeom>
            <a:ln w="32004">
              <a:solidFill>
                <a:srgbClr val="5B9AD4"/>
              </a:solidFill>
            </a:ln>
          </p:spPr>
          <p:txBody>
            <a:bodyPr wrap="square" lIns="0" tIns="0" rIns="0" bIns="0" rtlCol="0"/>
            <a:lstStyle/>
            <a:p>
              <a:endParaRPr sz="1749"/>
            </a:p>
          </p:txBody>
        </p:sp>
      </p:grpSp>
      <p:sp>
        <p:nvSpPr>
          <p:cNvPr id="31" name="object 31"/>
          <p:cNvSpPr txBox="1"/>
          <p:nvPr/>
        </p:nvSpPr>
        <p:spPr>
          <a:xfrm>
            <a:off x="1047468" y="4568672"/>
            <a:ext cx="2853971" cy="1300328"/>
          </a:xfrm>
          <a:prstGeom prst="rect">
            <a:avLst/>
          </a:prstGeom>
        </p:spPr>
        <p:txBody>
          <a:bodyPr vert="horz" wrap="square" lIns="0" tIns="80363" rIns="0" bIns="0" rtlCol="0">
            <a:spAutoFit/>
          </a:bodyPr>
          <a:lstStyle/>
          <a:p>
            <a:pPr marL="1385164">
              <a:spcBef>
                <a:spcPts val="633"/>
              </a:spcBef>
            </a:pPr>
            <a:r>
              <a:rPr sz="1112" b="1" u="sng" spc="-9" dirty="0">
                <a:uFill>
                  <a:solidFill>
                    <a:srgbClr val="000000"/>
                  </a:solidFill>
                </a:uFill>
                <a:latin typeface="メイリオ"/>
                <a:cs typeface="メイリオ"/>
              </a:rPr>
              <a:t>国土交通省</a:t>
            </a:r>
            <a:endParaRPr sz="1112">
              <a:latin typeface="メイリオ"/>
              <a:cs typeface="メイリオ"/>
            </a:endParaRPr>
          </a:p>
          <a:p>
            <a:pPr marL="10860">
              <a:spcBef>
                <a:spcPts val="556"/>
              </a:spcBef>
            </a:pPr>
            <a:r>
              <a:rPr sz="1112" spc="-4" dirty="0">
                <a:latin typeface="ＭＳ Ｐゴシック"/>
                <a:cs typeface="ＭＳ Ｐゴシック"/>
              </a:rPr>
              <a:t>・地方自治体とアドバイザーとの仲介</a:t>
            </a:r>
            <a:endParaRPr sz="1112">
              <a:latin typeface="ＭＳ Ｐゴシック"/>
              <a:cs typeface="ＭＳ Ｐゴシック"/>
            </a:endParaRPr>
          </a:p>
          <a:p>
            <a:pPr marL="10860">
              <a:spcBef>
                <a:spcPts val="265"/>
              </a:spcBef>
            </a:pPr>
            <a:r>
              <a:rPr sz="1112" spc="-9" dirty="0">
                <a:latin typeface="ＭＳ Ｐゴシック"/>
                <a:cs typeface="ＭＳ Ｐゴシック"/>
              </a:rPr>
              <a:t>・支援に必要な各種資料作成</a:t>
            </a:r>
            <a:endParaRPr sz="1112">
              <a:latin typeface="ＭＳ Ｐゴシック"/>
              <a:cs typeface="ＭＳ Ｐゴシック"/>
            </a:endParaRPr>
          </a:p>
          <a:p>
            <a:pPr marL="140634">
              <a:spcBef>
                <a:spcPts val="278"/>
              </a:spcBef>
            </a:pPr>
            <a:r>
              <a:rPr sz="1112" dirty="0">
                <a:latin typeface="ＭＳ Ｐゴシック"/>
                <a:cs typeface="ＭＳ Ｐゴシック"/>
              </a:rPr>
              <a:t>（</a:t>
            </a:r>
            <a:r>
              <a:rPr sz="1112" spc="-9" dirty="0">
                <a:latin typeface="ＭＳ Ｐゴシック"/>
                <a:cs typeface="ＭＳ Ｐゴシック"/>
              </a:rPr>
              <a:t>ニーズ、技術選定、庁内調整、効果検証等</a:t>
            </a:r>
            <a:r>
              <a:rPr sz="1112" spc="-43" dirty="0">
                <a:latin typeface="ＭＳ Ｐゴシック"/>
                <a:cs typeface="ＭＳ Ｐゴシック"/>
              </a:rPr>
              <a:t>）</a:t>
            </a:r>
            <a:endParaRPr sz="1112">
              <a:latin typeface="ＭＳ Ｐゴシック"/>
              <a:cs typeface="ＭＳ Ｐゴシック"/>
            </a:endParaRPr>
          </a:p>
          <a:p>
            <a:pPr marL="10860">
              <a:spcBef>
                <a:spcPts val="269"/>
              </a:spcBef>
            </a:pPr>
            <a:r>
              <a:rPr sz="1112" spc="-4" dirty="0">
                <a:latin typeface="ＭＳ Ｐゴシック"/>
                <a:cs typeface="ＭＳ Ｐゴシック"/>
              </a:rPr>
              <a:t>・ハンズオン支援事業検討会の運営</a:t>
            </a:r>
            <a:endParaRPr sz="1112">
              <a:latin typeface="ＭＳ Ｐゴシック"/>
              <a:cs typeface="ＭＳ Ｐゴシック"/>
            </a:endParaRPr>
          </a:p>
        </p:txBody>
      </p:sp>
      <p:sp>
        <p:nvSpPr>
          <p:cNvPr id="32" name="object 32"/>
          <p:cNvSpPr txBox="1"/>
          <p:nvPr/>
        </p:nvSpPr>
        <p:spPr>
          <a:xfrm>
            <a:off x="4377002" y="5690724"/>
            <a:ext cx="165070" cy="184296"/>
          </a:xfrm>
          <a:prstGeom prst="rect">
            <a:avLst/>
          </a:prstGeom>
        </p:spPr>
        <p:txBody>
          <a:bodyPr vert="horz" wrap="square" lIns="0" tIns="13032" rIns="0" bIns="0" rtlCol="0">
            <a:spAutoFit/>
          </a:bodyPr>
          <a:lstStyle/>
          <a:p>
            <a:pPr marL="10860">
              <a:spcBef>
                <a:spcPts val="103"/>
              </a:spcBef>
            </a:pPr>
            <a:r>
              <a:rPr sz="1112" spc="-43" dirty="0">
                <a:latin typeface="ＭＳ Ｐゴシック"/>
                <a:cs typeface="ＭＳ Ｐゴシック"/>
              </a:rPr>
              <a:t>等</a:t>
            </a:r>
            <a:endParaRPr sz="1112">
              <a:latin typeface="ＭＳ Ｐゴシック"/>
              <a:cs typeface="ＭＳ Ｐゴシック"/>
            </a:endParaRPr>
          </a:p>
        </p:txBody>
      </p:sp>
      <p:grpSp>
        <p:nvGrpSpPr>
          <p:cNvPr id="33" name="object 33"/>
          <p:cNvGrpSpPr/>
          <p:nvPr/>
        </p:nvGrpSpPr>
        <p:grpSpPr>
          <a:xfrm>
            <a:off x="3706251" y="2636121"/>
            <a:ext cx="1862466" cy="1922738"/>
            <a:chOff x="4334255" y="2854197"/>
            <a:chExt cx="2178050" cy="2248535"/>
          </a:xfrm>
        </p:grpSpPr>
        <p:sp>
          <p:nvSpPr>
            <p:cNvPr id="34" name="object 34"/>
            <p:cNvSpPr/>
            <p:nvPr/>
          </p:nvSpPr>
          <p:spPr>
            <a:xfrm>
              <a:off x="4334255" y="4492751"/>
              <a:ext cx="157480" cy="609600"/>
            </a:xfrm>
            <a:custGeom>
              <a:avLst/>
              <a:gdLst/>
              <a:ahLst/>
              <a:cxnLst/>
              <a:rect l="l" t="t" r="r" b="b"/>
              <a:pathLst>
                <a:path w="157479" h="609600">
                  <a:moveTo>
                    <a:pt x="62484" y="158495"/>
                  </a:moveTo>
                  <a:lnTo>
                    <a:pt x="0" y="158495"/>
                  </a:lnTo>
                  <a:lnTo>
                    <a:pt x="79248" y="0"/>
                  </a:lnTo>
                  <a:lnTo>
                    <a:pt x="148751" y="141732"/>
                  </a:lnTo>
                  <a:lnTo>
                    <a:pt x="62484" y="141732"/>
                  </a:lnTo>
                  <a:lnTo>
                    <a:pt x="62484" y="158495"/>
                  </a:lnTo>
                  <a:close/>
                </a:path>
                <a:path w="157479" h="609600">
                  <a:moveTo>
                    <a:pt x="94488" y="609600"/>
                  </a:moveTo>
                  <a:lnTo>
                    <a:pt x="62484" y="609600"/>
                  </a:lnTo>
                  <a:lnTo>
                    <a:pt x="62484" y="141732"/>
                  </a:lnTo>
                  <a:lnTo>
                    <a:pt x="94488" y="141732"/>
                  </a:lnTo>
                  <a:lnTo>
                    <a:pt x="94488" y="609600"/>
                  </a:lnTo>
                  <a:close/>
                </a:path>
                <a:path w="157479" h="609600">
                  <a:moveTo>
                    <a:pt x="156972" y="158495"/>
                  </a:moveTo>
                  <a:lnTo>
                    <a:pt x="94488" y="158495"/>
                  </a:lnTo>
                  <a:lnTo>
                    <a:pt x="94488" y="141732"/>
                  </a:lnTo>
                  <a:lnTo>
                    <a:pt x="148751" y="141732"/>
                  </a:lnTo>
                  <a:lnTo>
                    <a:pt x="156972" y="158495"/>
                  </a:lnTo>
                  <a:close/>
                </a:path>
              </a:pathLst>
            </a:custGeom>
            <a:solidFill>
              <a:srgbClr val="333F50"/>
            </a:solidFill>
          </p:spPr>
          <p:txBody>
            <a:bodyPr wrap="square" lIns="0" tIns="0" rIns="0" bIns="0" rtlCol="0"/>
            <a:lstStyle/>
            <a:p>
              <a:endParaRPr sz="1749"/>
            </a:p>
          </p:txBody>
        </p:sp>
        <p:sp>
          <p:nvSpPr>
            <p:cNvPr id="35" name="object 35"/>
            <p:cNvSpPr/>
            <p:nvPr/>
          </p:nvSpPr>
          <p:spPr>
            <a:xfrm>
              <a:off x="5541264" y="2868167"/>
              <a:ext cx="957580" cy="1350645"/>
            </a:xfrm>
            <a:custGeom>
              <a:avLst/>
              <a:gdLst/>
              <a:ahLst/>
              <a:cxnLst/>
              <a:rect l="l" t="t" r="r" b="b"/>
              <a:pathLst>
                <a:path w="957579" h="1350645">
                  <a:moveTo>
                    <a:pt x="463296" y="1350264"/>
                  </a:moveTo>
                  <a:lnTo>
                    <a:pt x="463296" y="1054608"/>
                  </a:lnTo>
                  <a:lnTo>
                    <a:pt x="0" y="1054608"/>
                  </a:lnTo>
                  <a:lnTo>
                    <a:pt x="0" y="295656"/>
                  </a:lnTo>
                  <a:lnTo>
                    <a:pt x="463296" y="295656"/>
                  </a:lnTo>
                  <a:lnTo>
                    <a:pt x="463296" y="0"/>
                  </a:lnTo>
                  <a:lnTo>
                    <a:pt x="957071" y="675132"/>
                  </a:lnTo>
                  <a:lnTo>
                    <a:pt x="463296" y="1350264"/>
                  </a:lnTo>
                  <a:close/>
                </a:path>
              </a:pathLst>
            </a:custGeom>
            <a:solidFill>
              <a:srgbClr val="5B9AD4"/>
            </a:solidFill>
          </p:spPr>
          <p:txBody>
            <a:bodyPr wrap="square" lIns="0" tIns="0" rIns="0" bIns="0" rtlCol="0"/>
            <a:lstStyle/>
            <a:p>
              <a:endParaRPr sz="1749"/>
            </a:p>
          </p:txBody>
        </p:sp>
        <p:sp>
          <p:nvSpPr>
            <p:cNvPr id="36" name="object 36"/>
            <p:cNvSpPr/>
            <p:nvPr/>
          </p:nvSpPr>
          <p:spPr>
            <a:xfrm>
              <a:off x="5541264" y="2868167"/>
              <a:ext cx="957580" cy="1350645"/>
            </a:xfrm>
            <a:custGeom>
              <a:avLst/>
              <a:gdLst/>
              <a:ahLst/>
              <a:cxnLst/>
              <a:rect l="l" t="t" r="r" b="b"/>
              <a:pathLst>
                <a:path w="957579" h="1350645">
                  <a:moveTo>
                    <a:pt x="0" y="295656"/>
                  </a:moveTo>
                  <a:lnTo>
                    <a:pt x="463296" y="295656"/>
                  </a:lnTo>
                  <a:lnTo>
                    <a:pt x="463296" y="0"/>
                  </a:lnTo>
                  <a:lnTo>
                    <a:pt x="957071" y="675132"/>
                  </a:lnTo>
                  <a:lnTo>
                    <a:pt x="463296" y="1350264"/>
                  </a:lnTo>
                  <a:lnTo>
                    <a:pt x="463296" y="1054608"/>
                  </a:lnTo>
                  <a:lnTo>
                    <a:pt x="0" y="1054608"/>
                  </a:lnTo>
                  <a:lnTo>
                    <a:pt x="0" y="295656"/>
                  </a:lnTo>
                  <a:close/>
                </a:path>
              </a:pathLst>
            </a:custGeom>
            <a:ln w="27432">
              <a:solidFill>
                <a:srgbClr val="41709C"/>
              </a:solidFill>
            </a:ln>
          </p:spPr>
          <p:txBody>
            <a:bodyPr wrap="square" lIns="0" tIns="0" rIns="0" bIns="0" rtlCol="0"/>
            <a:lstStyle/>
            <a:p>
              <a:endParaRPr sz="1749"/>
            </a:p>
          </p:txBody>
        </p:sp>
      </p:grpSp>
      <p:sp>
        <p:nvSpPr>
          <p:cNvPr id="37" name="object 37"/>
          <p:cNvSpPr txBox="1"/>
          <p:nvPr/>
        </p:nvSpPr>
        <p:spPr>
          <a:xfrm>
            <a:off x="3910553" y="4194505"/>
            <a:ext cx="320366" cy="184296"/>
          </a:xfrm>
          <a:prstGeom prst="rect">
            <a:avLst/>
          </a:prstGeom>
        </p:spPr>
        <p:txBody>
          <a:bodyPr vert="horz" wrap="square" lIns="0" tIns="13032" rIns="0" bIns="0" rtlCol="0">
            <a:spAutoFit/>
          </a:bodyPr>
          <a:lstStyle/>
          <a:p>
            <a:pPr marL="10860">
              <a:spcBef>
                <a:spcPts val="103"/>
              </a:spcBef>
            </a:pPr>
            <a:r>
              <a:rPr sz="1112" spc="26" dirty="0">
                <a:latin typeface="ＭＳ Ｐゴシック"/>
                <a:cs typeface="ＭＳ Ｐゴシック"/>
              </a:rPr>
              <a:t>支援</a:t>
            </a:r>
            <a:endParaRPr sz="1112">
              <a:latin typeface="ＭＳ Ｐゴシック"/>
              <a:cs typeface="ＭＳ Ｐゴシック"/>
            </a:endParaRPr>
          </a:p>
        </p:txBody>
      </p:sp>
      <p:sp>
        <p:nvSpPr>
          <p:cNvPr id="38" name="object 38"/>
          <p:cNvSpPr txBox="1"/>
          <p:nvPr/>
        </p:nvSpPr>
        <p:spPr>
          <a:xfrm>
            <a:off x="4894328" y="2960108"/>
            <a:ext cx="405072" cy="475965"/>
          </a:xfrm>
          <a:prstGeom prst="rect">
            <a:avLst/>
          </a:prstGeom>
        </p:spPr>
        <p:txBody>
          <a:bodyPr vert="horz" wrap="square" lIns="0" tIns="10860" rIns="0" bIns="0" rtlCol="0">
            <a:spAutoFit/>
          </a:bodyPr>
          <a:lstStyle/>
          <a:p>
            <a:pPr marL="10860" marR="4344">
              <a:lnSpc>
                <a:spcPct val="100699"/>
              </a:lnSpc>
              <a:spcBef>
                <a:spcPts val="86"/>
              </a:spcBef>
            </a:pPr>
            <a:r>
              <a:rPr sz="1496" spc="-21" dirty="0">
                <a:solidFill>
                  <a:srgbClr val="FFFFFF"/>
                </a:solidFill>
                <a:latin typeface="ＭＳ Ｐゴシック"/>
                <a:cs typeface="ＭＳ Ｐゴシック"/>
              </a:rPr>
              <a:t>状況報告</a:t>
            </a:r>
            <a:endParaRPr sz="1496">
              <a:latin typeface="ＭＳ Ｐゴシック"/>
              <a:cs typeface="ＭＳ Ｐゴシック"/>
            </a:endParaRPr>
          </a:p>
        </p:txBody>
      </p:sp>
      <p:grpSp>
        <p:nvGrpSpPr>
          <p:cNvPr id="39" name="object 39"/>
          <p:cNvGrpSpPr/>
          <p:nvPr/>
        </p:nvGrpSpPr>
        <p:grpSpPr>
          <a:xfrm>
            <a:off x="4590896" y="4068319"/>
            <a:ext cx="1009424" cy="1168521"/>
            <a:chOff x="5368797" y="4529073"/>
            <a:chExt cx="1180465" cy="1366520"/>
          </a:xfrm>
        </p:grpSpPr>
        <p:sp>
          <p:nvSpPr>
            <p:cNvPr id="40" name="object 40"/>
            <p:cNvSpPr/>
            <p:nvPr/>
          </p:nvSpPr>
          <p:spPr>
            <a:xfrm>
              <a:off x="5382767" y="4543043"/>
              <a:ext cx="1152525" cy="1338580"/>
            </a:xfrm>
            <a:custGeom>
              <a:avLst/>
              <a:gdLst/>
              <a:ahLst/>
              <a:cxnLst/>
              <a:rect l="l" t="t" r="r" b="b"/>
              <a:pathLst>
                <a:path w="1152525" h="1338579">
                  <a:moveTo>
                    <a:pt x="536448" y="1338072"/>
                  </a:moveTo>
                  <a:lnTo>
                    <a:pt x="0" y="669036"/>
                  </a:lnTo>
                  <a:lnTo>
                    <a:pt x="536448" y="0"/>
                  </a:lnTo>
                  <a:lnTo>
                    <a:pt x="536448" y="310896"/>
                  </a:lnTo>
                  <a:lnTo>
                    <a:pt x="1152144" y="310896"/>
                  </a:lnTo>
                  <a:lnTo>
                    <a:pt x="1152144" y="1028700"/>
                  </a:lnTo>
                  <a:lnTo>
                    <a:pt x="536448" y="1028700"/>
                  </a:lnTo>
                  <a:lnTo>
                    <a:pt x="536448" y="1338072"/>
                  </a:lnTo>
                  <a:close/>
                </a:path>
              </a:pathLst>
            </a:custGeom>
            <a:solidFill>
              <a:srgbClr val="ED7C31"/>
            </a:solidFill>
          </p:spPr>
          <p:txBody>
            <a:bodyPr wrap="square" lIns="0" tIns="0" rIns="0" bIns="0" rtlCol="0"/>
            <a:lstStyle/>
            <a:p>
              <a:endParaRPr sz="1749"/>
            </a:p>
          </p:txBody>
        </p:sp>
        <p:sp>
          <p:nvSpPr>
            <p:cNvPr id="41" name="object 41"/>
            <p:cNvSpPr/>
            <p:nvPr/>
          </p:nvSpPr>
          <p:spPr>
            <a:xfrm>
              <a:off x="5382767" y="4543043"/>
              <a:ext cx="1152525" cy="1338580"/>
            </a:xfrm>
            <a:custGeom>
              <a:avLst/>
              <a:gdLst/>
              <a:ahLst/>
              <a:cxnLst/>
              <a:rect l="l" t="t" r="r" b="b"/>
              <a:pathLst>
                <a:path w="1152525" h="1338579">
                  <a:moveTo>
                    <a:pt x="0" y="669036"/>
                  </a:moveTo>
                  <a:lnTo>
                    <a:pt x="536448" y="0"/>
                  </a:lnTo>
                  <a:lnTo>
                    <a:pt x="536448" y="310896"/>
                  </a:lnTo>
                  <a:lnTo>
                    <a:pt x="1152144" y="310896"/>
                  </a:lnTo>
                  <a:lnTo>
                    <a:pt x="1152144" y="1028700"/>
                  </a:lnTo>
                  <a:lnTo>
                    <a:pt x="536448" y="1028700"/>
                  </a:lnTo>
                  <a:lnTo>
                    <a:pt x="536448" y="1338072"/>
                  </a:lnTo>
                  <a:lnTo>
                    <a:pt x="0" y="669036"/>
                  </a:lnTo>
                  <a:close/>
                </a:path>
              </a:pathLst>
            </a:custGeom>
            <a:ln w="27432">
              <a:solidFill>
                <a:srgbClr val="C45911"/>
              </a:solidFill>
            </a:ln>
          </p:spPr>
          <p:txBody>
            <a:bodyPr wrap="square" lIns="0" tIns="0" rIns="0" bIns="0" rtlCol="0"/>
            <a:lstStyle/>
            <a:p>
              <a:endParaRPr sz="1749"/>
            </a:p>
          </p:txBody>
        </p:sp>
      </p:grpSp>
      <p:sp>
        <p:nvSpPr>
          <p:cNvPr id="42" name="object 42"/>
          <p:cNvSpPr txBox="1"/>
          <p:nvPr/>
        </p:nvSpPr>
        <p:spPr>
          <a:xfrm>
            <a:off x="4954192" y="4396867"/>
            <a:ext cx="500639" cy="703185"/>
          </a:xfrm>
          <a:prstGeom prst="rect">
            <a:avLst/>
          </a:prstGeom>
        </p:spPr>
        <p:txBody>
          <a:bodyPr vert="horz" wrap="square" lIns="0" tIns="12489" rIns="0" bIns="0" rtlCol="0">
            <a:spAutoFit/>
          </a:bodyPr>
          <a:lstStyle/>
          <a:p>
            <a:pPr marL="10860" marR="4344">
              <a:spcBef>
                <a:spcPts val="98"/>
              </a:spcBef>
            </a:pPr>
            <a:r>
              <a:rPr sz="1496" spc="-17" dirty="0">
                <a:latin typeface="ＭＳ Ｐゴシック"/>
                <a:cs typeface="ＭＳ Ｐゴシック"/>
              </a:rPr>
              <a:t>助言・</a:t>
            </a:r>
            <a:r>
              <a:rPr sz="1496" spc="-21" dirty="0">
                <a:latin typeface="ＭＳ Ｐゴシック"/>
                <a:cs typeface="ＭＳ Ｐゴシック"/>
              </a:rPr>
              <a:t>指導</a:t>
            </a:r>
            <a:endParaRPr sz="1496">
              <a:latin typeface="ＭＳ Ｐゴシック"/>
              <a:cs typeface="ＭＳ Ｐゴシック"/>
            </a:endParaRPr>
          </a:p>
        </p:txBody>
      </p:sp>
      <p:grpSp>
        <p:nvGrpSpPr>
          <p:cNvPr id="43" name="object 43"/>
          <p:cNvGrpSpPr/>
          <p:nvPr/>
        </p:nvGrpSpPr>
        <p:grpSpPr>
          <a:xfrm>
            <a:off x="4726427" y="5383231"/>
            <a:ext cx="999107" cy="533762"/>
            <a:chOff x="5527294" y="6066789"/>
            <a:chExt cx="1168400" cy="624205"/>
          </a:xfrm>
        </p:grpSpPr>
        <p:pic>
          <p:nvPicPr>
            <p:cNvPr id="44" name="object 44"/>
            <p:cNvPicPr/>
            <p:nvPr/>
          </p:nvPicPr>
          <p:blipFill>
            <a:blip r:embed="rId4" cstate="print"/>
            <a:stretch>
              <a:fillRect/>
            </a:stretch>
          </p:blipFill>
          <p:spPr>
            <a:xfrm>
              <a:off x="5541264" y="6080760"/>
              <a:ext cx="1139951" cy="595883"/>
            </a:xfrm>
            <a:prstGeom prst="rect">
              <a:avLst/>
            </a:prstGeom>
          </p:spPr>
        </p:pic>
        <p:sp>
          <p:nvSpPr>
            <p:cNvPr id="45" name="object 45"/>
            <p:cNvSpPr/>
            <p:nvPr/>
          </p:nvSpPr>
          <p:spPr>
            <a:xfrm>
              <a:off x="5541264" y="6080759"/>
              <a:ext cx="1140460" cy="596265"/>
            </a:xfrm>
            <a:custGeom>
              <a:avLst/>
              <a:gdLst/>
              <a:ahLst/>
              <a:cxnLst/>
              <a:rect l="l" t="t" r="r" b="b"/>
              <a:pathLst>
                <a:path w="1140459" h="596265">
                  <a:moveTo>
                    <a:pt x="0" y="297180"/>
                  </a:moveTo>
                  <a:lnTo>
                    <a:pt x="297180" y="0"/>
                  </a:lnTo>
                  <a:lnTo>
                    <a:pt x="297180" y="149352"/>
                  </a:lnTo>
                  <a:lnTo>
                    <a:pt x="842772" y="149352"/>
                  </a:lnTo>
                  <a:lnTo>
                    <a:pt x="842772" y="0"/>
                  </a:lnTo>
                  <a:lnTo>
                    <a:pt x="1139952" y="297180"/>
                  </a:lnTo>
                  <a:lnTo>
                    <a:pt x="842772" y="595884"/>
                  </a:lnTo>
                  <a:lnTo>
                    <a:pt x="842772" y="446532"/>
                  </a:lnTo>
                  <a:lnTo>
                    <a:pt x="297180" y="446532"/>
                  </a:lnTo>
                  <a:lnTo>
                    <a:pt x="297180" y="595884"/>
                  </a:lnTo>
                  <a:lnTo>
                    <a:pt x="0" y="297180"/>
                  </a:lnTo>
                  <a:close/>
                </a:path>
              </a:pathLst>
            </a:custGeom>
            <a:ln w="27431">
              <a:solidFill>
                <a:srgbClr val="702FA0"/>
              </a:solidFill>
            </a:ln>
          </p:spPr>
          <p:txBody>
            <a:bodyPr wrap="square" lIns="0" tIns="0" rIns="0" bIns="0" rtlCol="0"/>
            <a:lstStyle/>
            <a:p>
              <a:endParaRPr sz="1749"/>
            </a:p>
          </p:txBody>
        </p:sp>
      </p:grpSp>
      <p:sp>
        <p:nvSpPr>
          <p:cNvPr id="46" name="object 46"/>
          <p:cNvSpPr txBox="1"/>
          <p:nvPr/>
        </p:nvSpPr>
        <p:spPr>
          <a:xfrm>
            <a:off x="5022289" y="5531310"/>
            <a:ext cx="405072" cy="242802"/>
          </a:xfrm>
          <a:prstGeom prst="rect">
            <a:avLst/>
          </a:prstGeom>
        </p:spPr>
        <p:txBody>
          <a:bodyPr vert="horz" wrap="square" lIns="0" tIns="12489" rIns="0" bIns="0" rtlCol="0">
            <a:spAutoFit/>
          </a:bodyPr>
          <a:lstStyle/>
          <a:p>
            <a:pPr marL="10860">
              <a:spcBef>
                <a:spcPts val="98"/>
              </a:spcBef>
            </a:pPr>
            <a:r>
              <a:rPr sz="1496" spc="-21" dirty="0">
                <a:solidFill>
                  <a:srgbClr val="FFFFFF"/>
                </a:solidFill>
                <a:latin typeface="ＭＳ Ｐゴシック"/>
                <a:cs typeface="ＭＳ Ｐゴシック"/>
              </a:rPr>
              <a:t>連携</a:t>
            </a:r>
            <a:endParaRPr sz="1496">
              <a:latin typeface="ＭＳ Ｐゴシック"/>
              <a:cs typeface="ＭＳ Ｐゴシック"/>
            </a:endParaRPr>
          </a:p>
        </p:txBody>
      </p:sp>
      <p:grpSp>
        <p:nvGrpSpPr>
          <p:cNvPr id="47" name="object 47"/>
          <p:cNvGrpSpPr/>
          <p:nvPr/>
        </p:nvGrpSpPr>
        <p:grpSpPr>
          <a:xfrm>
            <a:off x="5718366" y="4965724"/>
            <a:ext cx="2984289" cy="1162005"/>
            <a:chOff x="6687311" y="5578538"/>
            <a:chExt cx="3489960" cy="1358900"/>
          </a:xfrm>
        </p:grpSpPr>
        <p:sp>
          <p:nvSpPr>
            <p:cNvPr id="48" name="object 48"/>
            <p:cNvSpPr/>
            <p:nvPr/>
          </p:nvSpPr>
          <p:spPr>
            <a:xfrm>
              <a:off x="6687311" y="5798820"/>
              <a:ext cx="3489960" cy="1138555"/>
            </a:xfrm>
            <a:custGeom>
              <a:avLst/>
              <a:gdLst/>
              <a:ahLst/>
              <a:cxnLst/>
              <a:rect l="l" t="t" r="r" b="b"/>
              <a:pathLst>
                <a:path w="3489959" h="1138554">
                  <a:moveTo>
                    <a:pt x="27432" y="1124712"/>
                  </a:moveTo>
                  <a:lnTo>
                    <a:pt x="0" y="1124712"/>
                  </a:lnTo>
                  <a:lnTo>
                    <a:pt x="0" y="1011936"/>
                  </a:lnTo>
                  <a:lnTo>
                    <a:pt x="27432" y="1011936"/>
                  </a:lnTo>
                  <a:lnTo>
                    <a:pt x="27432" y="1124712"/>
                  </a:lnTo>
                  <a:close/>
                </a:path>
                <a:path w="3489959" h="1138554">
                  <a:moveTo>
                    <a:pt x="27432" y="928116"/>
                  </a:moveTo>
                  <a:lnTo>
                    <a:pt x="0" y="928116"/>
                  </a:lnTo>
                  <a:lnTo>
                    <a:pt x="0" y="816864"/>
                  </a:lnTo>
                  <a:lnTo>
                    <a:pt x="27432" y="816864"/>
                  </a:lnTo>
                  <a:lnTo>
                    <a:pt x="27432" y="928116"/>
                  </a:lnTo>
                  <a:close/>
                </a:path>
                <a:path w="3489959" h="1138554">
                  <a:moveTo>
                    <a:pt x="27432" y="733044"/>
                  </a:moveTo>
                  <a:lnTo>
                    <a:pt x="0" y="733044"/>
                  </a:lnTo>
                  <a:lnTo>
                    <a:pt x="0" y="620268"/>
                  </a:lnTo>
                  <a:lnTo>
                    <a:pt x="27432" y="620268"/>
                  </a:lnTo>
                  <a:lnTo>
                    <a:pt x="27432" y="733044"/>
                  </a:lnTo>
                  <a:close/>
                </a:path>
                <a:path w="3489959" h="1138554">
                  <a:moveTo>
                    <a:pt x="27432" y="536448"/>
                  </a:moveTo>
                  <a:lnTo>
                    <a:pt x="0" y="536448"/>
                  </a:lnTo>
                  <a:lnTo>
                    <a:pt x="0" y="423672"/>
                  </a:lnTo>
                  <a:lnTo>
                    <a:pt x="27432" y="423672"/>
                  </a:lnTo>
                  <a:lnTo>
                    <a:pt x="27432" y="536448"/>
                  </a:lnTo>
                  <a:close/>
                </a:path>
                <a:path w="3489959" h="1138554">
                  <a:moveTo>
                    <a:pt x="27432" y="339852"/>
                  </a:moveTo>
                  <a:lnTo>
                    <a:pt x="0" y="339852"/>
                  </a:lnTo>
                  <a:lnTo>
                    <a:pt x="0" y="228600"/>
                  </a:lnTo>
                  <a:lnTo>
                    <a:pt x="27432" y="228600"/>
                  </a:lnTo>
                  <a:lnTo>
                    <a:pt x="27432" y="339852"/>
                  </a:lnTo>
                  <a:close/>
                </a:path>
                <a:path w="3489959" h="1138554">
                  <a:moveTo>
                    <a:pt x="27432" y="144780"/>
                  </a:moveTo>
                  <a:lnTo>
                    <a:pt x="0" y="144780"/>
                  </a:lnTo>
                  <a:lnTo>
                    <a:pt x="0" y="32004"/>
                  </a:lnTo>
                  <a:lnTo>
                    <a:pt x="27432" y="32004"/>
                  </a:lnTo>
                  <a:lnTo>
                    <a:pt x="27432" y="144780"/>
                  </a:lnTo>
                  <a:close/>
                </a:path>
                <a:path w="3489959" h="1138554">
                  <a:moveTo>
                    <a:pt x="190500" y="27432"/>
                  </a:moveTo>
                  <a:lnTo>
                    <a:pt x="79248" y="27432"/>
                  </a:lnTo>
                  <a:lnTo>
                    <a:pt x="79248" y="0"/>
                  </a:lnTo>
                  <a:lnTo>
                    <a:pt x="190500" y="0"/>
                  </a:lnTo>
                  <a:lnTo>
                    <a:pt x="190500" y="27432"/>
                  </a:lnTo>
                  <a:close/>
                </a:path>
                <a:path w="3489959" h="1138554">
                  <a:moveTo>
                    <a:pt x="387096" y="27432"/>
                  </a:moveTo>
                  <a:lnTo>
                    <a:pt x="275843" y="27432"/>
                  </a:lnTo>
                  <a:lnTo>
                    <a:pt x="275843" y="0"/>
                  </a:lnTo>
                  <a:lnTo>
                    <a:pt x="387096" y="0"/>
                  </a:lnTo>
                  <a:lnTo>
                    <a:pt x="387096" y="27432"/>
                  </a:lnTo>
                  <a:close/>
                </a:path>
                <a:path w="3489959" h="1138554">
                  <a:moveTo>
                    <a:pt x="583692" y="27432"/>
                  </a:moveTo>
                  <a:lnTo>
                    <a:pt x="470916" y="27432"/>
                  </a:lnTo>
                  <a:lnTo>
                    <a:pt x="470916" y="0"/>
                  </a:lnTo>
                  <a:lnTo>
                    <a:pt x="583692" y="0"/>
                  </a:lnTo>
                  <a:lnTo>
                    <a:pt x="583692" y="27432"/>
                  </a:lnTo>
                  <a:close/>
                </a:path>
                <a:path w="3489959" h="1138554">
                  <a:moveTo>
                    <a:pt x="778764" y="27432"/>
                  </a:moveTo>
                  <a:lnTo>
                    <a:pt x="667512" y="27432"/>
                  </a:lnTo>
                  <a:lnTo>
                    <a:pt x="667512" y="0"/>
                  </a:lnTo>
                  <a:lnTo>
                    <a:pt x="778764" y="0"/>
                  </a:lnTo>
                  <a:lnTo>
                    <a:pt x="778764" y="27432"/>
                  </a:lnTo>
                  <a:close/>
                </a:path>
                <a:path w="3489959" h="1138554">
                  <a:moveTo>
                    <a:pt x="975360" y="27432"/>
                  </a:moveTo>
                  <a:lnTo>
                    <a:pt x="862584" y="27432"/>
                  </a:lnTo>
                  <a:lnTo>
                    <a:pt x="862584" y="0"/>
                  </a:lnTo>
                  <a:lnTo>
                    <a:pt x="975360" y="0"/>
                  </a:lnTo>
                  <a:lnTo>
                    <a:pt x="975360" y="27432"/>
                  </a:lnTo>
                  <a:close/>
                </a:path>
                <a:path w="3489959" h="1138554">
                  <a:moveTo>
                    <a:pt x="1171956" y="27432"/>
                  </a:moveTo>
                  <a:lnTo>
                    <a:pt x="1059180" y="27432"/>
                  </a:lnTo>
                  <a:lnTo>
                    <a:pt x="1059180" y="0"/>
                  </a:lnTo>
                  <a:lnTo>
                    <a:pt x="1171956" y="0"/>
                  </a:lnTo>
                  <a:lnTo>
                    <a:pt x="1171956" y="27432"/>
                  </a:lnTo>
                  <a:close/>
                </a:path>
                <a:path w="3489959" h="1138554">
                  <a:moveTo>
                    <a:pt x="1367028" y="27432"/>
                  </a:moveTo>
                  <a:lnTo>
                    <a:pt x="1255775" y="27432"/>
                  </a:lnTo>
                  <a:lnTo>
                    <a:pt x="1255775" y="0"/>
                  </a:lnTo>
                  <a:lnTo>
                    <a:pt x="1367028" y="0"/>
                  </a:lnTo>
                  <a:lnTo>
                    <a:pt x="1367028" y="27432"/>
                  </a:lnTo>
                  <a:close/>
                </a:path>
                <a:path w="3489959" h="1138554">
                  <a:moveTo>
                    <a:pt x="1563624" y="27432"/>
                  </a:moveTo>
                  <a:lnTo>
                    <a:pt x="1450848" y="27432"/>
                  </a:lnTo>
                  <a:lnTo>
                    <a:pt x="1450848" y="0"/>
                  </a:lnTo>
                  <a:lnTo>
                    <a:pt x="1563624" y="0"/>
                  </a:lnTo>
                  <a:lnTo>
                    <a:pt x="1563624" y="27432"/>
                  </a:lnTo>
                  <a:close/>
                </a:path>
                <a:path w="3489959" h="1138554">
                  <a:moveTo>
                    <a:pt x="1758696" y="27432"/>
                  </a:moveTo>
                  <a:lnTo>
                    <a:pt x="1647444" y="27432"/>
                  </a:lnTo>
                  <a:lnTo>
                    <a:pt x="1647444" y="0"/>
                  </a:lnTo>
                  <a:lnTo>
                    <a:pt x="1758696" y="0"/>
                  </a:lnTo>
                  <a:lnTo>
                    <a:pt x="1758696" y="27432"/>
                  </a:lnTo>
                  <a:close/>
                </a:path>
                <a:path w="3489959" h="1138554">
                  <a:moveTo>
                    <a:pt x="1955292" y="27432"/>
                  </a:moveTo>
                  <a:lnTo>
                    <a:pt x="1844040" y="27432"/>
                  </a:lnTo>
                  <a:lnTo>
                    <a:pt x="1844040" y="0"/>
                  </a:lnTo>
                  <a:lnTo>
                    <a:pt x="1955292" y="0"/>
                  </a:lnTo>
                  <a:lnTo>
                    <a:pt x="1955292" y="27432"/>
                  </a:lnTo>
                  <a:close/>
                </a:path>
                <a:path w="3489959" h="1138554">
                  <a:moveTo>
                    <a:pt x="2151888" y="27432"/>
                  </a:moveTo>
                  <a:lnTo>
                    <a:pt x="2039112" y="27432"/>
                  </a:lnTo>
                  <a:lnTo>
                    <a:pt x="2039112" y="0"/>
                  </a:lnTo>
                  <a:lnTo>
                    <a:pt x="2151888" y="0"/>
                  </a:lnTo>
                  <a:lnTo>
                    <a:pt x="2151888" y="27432"/>
                  </a:lnTo>
                  <a:close/>
                </a:path>
                <a:path w="3489959" h="1138554">
                  <a:moveTo>
                    <a:pt x="2346960" y="27432"/>
                  </a:moveTo>
                  <a:lnTo>
                    <a:pt x="2235708" y="27432"/>
                  </a:lnTo>
                  <a:lnTo>
                    <a:pt x="2235708" y="0"/>
                  </a:lnTo>
                  <a:lnTo>
                    <a:pt x="2346960" y="0"/>
                  </a:lnTo>
                  <a:lnTo>
                    <a:pt x="2346960" y="27432"/>
                  </a:lnTo>
                  <a:close/>
                </a:path>
                <a:path w="3489959" h="1138554">
                  <a:moveTo>
                    <a:pt x="2543556" y="27432"/>
                  </a:moveTo>
                  <a:lnTo>
                    <a:pt x="2430780" y="27432"/>
                  </a:lnTo>
                  <a:lnTo>
                    <a:pt x="2430780" y="0"/>
                  </a:lnTo>
                  <a:lnTo>
                    <a:pt x="2543556" y="0"/>
                  </a:lnTo>
                  <a:lnTo>
                    <a:pt x="2543556" y="27432"/>
                  </a:lnTo>
                  <a:close/>
                </a:path>
                <a:path w="3489959" h="1138554">
                  <a:moveTo>
                    <a:pt x="2740152" y="27432"/>
                  </a:moveTo>
                  <a:lnTo>
                    <a:pt x="2627376" y="27432"/>
                  </a:lnTo>
                  <a:lnTo>
                    <a:pt x="2627376" y="0"/>
                  </a:lnTo>
                  <a:lnTo>
                    <a:pt x="2740152" y="0"/>
                  </a:lnTo>
                  <a:lnTo>
                    <a:pt x="2740152" y="27432"/>
                  </a:lnTo>
                  <a:close/>
                </a:path>
                <a:path w="3489959" h="1138554">
                  <a:moveTo>
                    <a:pt x="2935224" y="27432"/>
                  </a:moveTo>
                  <a:lnTo>
                    <a:pt x="2823972" y="27432"/>
                  </a:lnTo>
                  <a:lnTo>
                    <a:pt x="2823972" y="0"/>
                  </a:lnTo>
                  <a:lnTo>
                    <a:pt x="2935224" y="0"/>
                  </a:lnTo>
                  <a:lnTo>
                    <a:pt x="2935224" y="27432"/>
                  </a:lnTo>
                  <a:close/>
                </a:path>
                <a:path w="3489959" h="1138554">
                  <a:moveTo>
                    <a:pt x="3131819" y="27432"/>
                  </a:moveTo>
                  <a:lnTo>
                    <a:pt x="3019044" y="27432"/>
                  </a:lnTo>
                  <a:lnTo>
                    <a:pt x="3019044" y="0"/>
                  </a:lnTo>
                  <a:lnTo>
                    <a:pt x="3131819" y="0"/>
                  </a:lnTo>
                  <a:lnTo>
                    <a:pt x="3131819" y="27432"/>
                  </a:lnTo>
                  <a:close/>
                </a:path>
                <a:path w="3489959" h="1138554">
                  <a:moveTo>
                    <a:pt x="3326892" y="27432"/>
                  </a:moveTo>
                  <a:lnTo>
                    <a:pt x="3215640" y="27432"/>
                  </a:lnTo>
                  <a:lnTo>
                    <a:pt x="3215640" y="0"/>
                  </a:lnTo>
                  <a:lnTo>
                    <a:pt x="3326892" y="0"/>
                  </a:lnTo>
                  <a:lnTo>
                    <a:pt x="3326892" y="27432"/>
                  </a:lnTo>
                  <a:close/>
                </a:path>
                <a:path w="3489959" h="1138554">
                  <a:moveTo>
                    <a:pt x="3462527" y="27432"/>
                  </a:moveTo>
                  <a:lnTo>
                    <a:pt x="3412236" y="27432"/>
                  </a:lnTo>
                  <a:lnTo>
                    <a:pt x="3412236" y="0"/>
                  </a:lnTo>
                  <a:lnTo>
                    <a:pt x="3483864" y="0"/>
                  </a:lnTo>
                  <a:lnTo>
                    <a:pt x="3489960" y="6096"/>
                  </a:lnTo>
                  <a:lnTo>
                    <a:pt x="3489960" y="13716"/>
                  </a:lnTo>
                  <a:lnTo>
                    <a:pt x="3462527" y="13716"/>
                  </a:lnTo>
                  <a:lnTo>
                    <a:pt x="3462527" y="27432"/>
                  </a:lnTo>
                  <a:close/>
                </a:path>
                <a:path w="3489959" h="1138554">
                  <a:moveTo>
                    <a:pt x="3489960" y="60960"/>
                  </a:moveTo>
                  <a:lnTo>
                    <a:pt x="3462527" y="60960"/>
                  </a:lnTo>
                  <a:lnTo>
                    <a:pt x="3462527" y="13716"/>
                  </a:lnTo>
                  <a:lnTo>
                    <a:pt x="3476244" y="27432"/>
                  </a:lnTo>
                  <a:lnTo>
                    <a:pt x="3489960" y="27432"/>
                  </a:lnTo>
                  <a:lnTo>
                    <a:pt x="3489960" y="60960"/>
                  </a:lnTo>
                  <a:close/>
                </a:path>
                <a:path w="3489959" h="1138554">
                  <a:moveTo>
                    <a:pt x="3489960" y="27432"/>
                  </a:moveTo>
                  <a:lnTo>
                    <a:pt x="3476244" y="27432"/>
                  </a:lnTo>
                  <a:lnTo>
                    <a:pt x="3462527" y="13716"/>
                  </a:lnTo>
                  <a:lnTo>
                    <a:pt x="3489960" y="13716"/>
                  </a:lnTo>
                  <a:lnTo>
                    <a:pt x="3489960" y="27432"/>
                  </a:lnTo>
                  <a:close/>
                </a:path>
                <a:path w="3489959" h="1138554">
                  <a:moveTo>
                    <a:pt x="3489960" y="256032"/>
                  </a:moveTo>
                  <a:lnTo>
                    <a:pt x="3462527" y="256032"/>
                  </a:lnTo>
                  <a:lnTo>
                    <a:pt x="3462527" y="144780"/>
                  </a:lnTo>
                  <a:lnTo>
                    <a:pt x="3489960" y="144780"/>
                  </a:lnTo>
                  <a:lnTo>
                    <a:pt x="3489960" y="256032"/>
                  </a:lnTo>
                  <a:close/>
                </a:path>
                <a:path w="3489959" h="1138554">
                  <a:moveTo>
                    <a:pt x="3489960" y="452628"/>
                  </a:moveTo>
                  <a:lnTo>
                    <a:pt x="3462527" y="452628"/>
                  </a:lnTo>
                  <a:lnTo>
                    <a:pt x="3462527" y="341376"/>
                  </a:lnTo>
                  <a:lnTo>
                    <a:pt x="3489960" y="341376"/>
                  </a:lnTo>
                  <a:lnTo>
                    <a:pt x="3489960" y="452628"/>
                  </a:lnTo>
                  <a:close/>
                </a:path>
                <a:path w="3489959" h="1138554">
                  <a:moveTo>
                    <a:pt x="3489960" y="649224"/>
                  </a:moveTo>
                  <a:lnTo>
                    <a:pt x="3462527" y="649224"/>
                  </a:lnTo>
                  <a:lnTo>
                    <a:pt x="3462527" y="536448"/>
                  </a:lnTo>
                  <a:lnTo>
                    <a:pt x="3489960" y="536448"/>
                  </a:lnTo>
                  <a:lnTo>
                    <a:pt x="3489960" y="649224"/>
                  </a:lnTo>
                  <a:close/>
                </a:path>
                <a:path w="3489959" h="1138554">
                  <a:moveTo>
                    <a:pt x="3489960" y="844296"/>
                  </a:moveTo>
                  <a:lnTo>
                    <a:pt x="3462527" y="844296"/>
                  </a:lnTo>
                  <a:lnTo>
                    <a:pt x="3462527" y="733044"/>
                  </a:lnTo>
                  <a:lnTo>
                    <a:pt x="3489960" y="733044"/>
                  </a:lnTo>
                  <a:lnTo>
                    <a:pt x="3489960" y="844296"/>
                  </a:lnTo>
                  <a:close/>
                </a:path>
                <a:path w="3489959" h="1138554">
                  <a:moveTo>
                    <a:pt x="3489960" y="1040892"/>
                  </a:moveTo>
                  <a:lnTo>
                    <a:pt x="3462527" y="1040892"/>
                  </a:lnTo>
                  <a:lnTo>
                    <a:pt x="3462527" y="928116"/>
                  </a:lnTo>
                  <a:lnTo>
                    <a:pt x="3489960" y="928116"/>
                  </a:lnTo>
                  <a:lnTo>
                    <a:pt x="3489960" y="1040892"/>
                  </a:lnTo>
                  <a:close/>
                </a:path>
                <a:path w="3489959" h="1138554">
                  <a:moveTo>
                    <a:pt x="3476244" y="1138428"/>
                  </a:moveTo>
                  <a:lnTo>
                    <a:pt x="3363468" y="1138428"/>
                  </a:lnTo>
                  <a:lnTo>
                    <a:pt x="3363468" y="1110996"/>
                  </a:lnTo>
                  <a:lnTo>
                    <a:pt x="3476244" y="1110996"/>
                  </a:lnTo>
                  <a:lnTo>
                    <a:pt x="3476244" y="1138428"/>
                  </a:lnTo>
                  <a:close/>
                </a:path>
                <a:path w="3489959" h="1138554">
                  <a:moveTo>
                    <a:pt x="3279648" y="1138428"/>
                  </a:moveTo>
                  <a:lnTo>
                    <a:pt x="3168396" y="1138428"/>
                  </a:lnTo>
                  <a:lnTo>
                    <a:pt x="3168396" y="1110996"/>
                  </a:lnTo>
                  <a:lnTo>
                    <a:pt x="3279648" y="1110996"/>
                  </a:lnTo>
                  <a:lnTo>
                    <a:pt x="3279648" y="1138428"/>
                  </a:lnTo>
                  <a:close/>
                </a:path>
                <a:path w="3489959" h="1138554">
                  <a:moveTo>
                    <a:pt x="3084576" y="1138428"/>
                  </a:moveTo>
                  <a:lnTo>
                    <a:pt x="2971800" y="1138428"/>
                  </a:lnTo>
                  <a:lnTo>
                    <a:pt x="2971800" y="1110996"/>
                  </a:lnTo>
                  <a:lnTo>
                    <a:pt x="3084576" y="1110996"/>
                  </a:lnTo>
                  <a:lnTo>
                    <a:pt x="3084576" y="1138428"/>
                  </a:lnTo>
                  <a:close/>
                </a:path>
                <a:path w="3489959" h="1138554">
                  <a:moveTo>
                    <a:pt x="2887980" y="1138428"/>
                  </a:moveTo>
                  <a:lnTo>
                    <a:pt x="2775203" y="1138428"/>
                  </a:lnTo>
                  <a:lnTo>
                    <a:pt x="2775203" y="1110996"/>
                  </a:lnTo>
                  <a:lnTo>
                    <a:pt x="2887980" y="1110996"/>
                  </a:lnTo>
                  <a:lnTo>
                    <a:pt x="2887980" y="1138428"/>
                  </a:lnTo>
                  <a:close/>
                </a:path>
                <a:path w="3489959" h="1138554">
                  <a:moveTo>
                    <a:pt x="2691384" y="1138428"/>
                  </a:moveTo>
                  <a:lnTo>
                    <a:pt x="2580132" y="1138428"/>
                  </a:lnTo>
                  <a:lnTo>
                    <a:pt x="2580132" y="1110996"/>
                  </a:lnTo>
                  <a:lnTo>
                    <a:pt x="2691384" y="1110996"/>
                  </a:lnTo>
                  <a:lnTo>
                    <a:pt x="2691384" y="1138428"/>
                  </a:lnTo>
                  <a:close/>
                </a:path>
                <a:path w="3489959" h="1138554">
                  <a:moveTo>
                    <a:pt x="2496311" y="1138428"/>
                  </a:moveTo>
                  <a:lnTo>
                    <a:pt x="2383536" y="1138428"/>
                  </a:lnTo>
                  <a:lnTo>
                    <a:pt x="2383536" y="1110996"/>
                  </a:lnTo>
                  <a:lnTo>
                    <a:pt x="2496311" y="1110996"/>
                  </a:lnTo>
                  <a:lnTo>
                    <a:pt x="2496311" y="1138428"/>
                  </a:lnTo>
                  <a:close/>
                </a:path>
                <a:path w="3489959" h="1138554">
                  <a:moveTo>
                    <a:pt x="2299716" y="1138428"/>
                  </a:moveTo>
                  <a:lnTo>
                    <a:pt x="2188464" y="1138428"/>
                  </a:lnTo>
                  <a:lnTo>
                    <a:pt x="2188464" y="1110996"/>
                  </a:lnTo>
                  <a:lnTo>
                    <a:pt x="2299716" y="1110996"/>
                  </a:lnTo>
                  <a:lnTo>
                    <a:pt x="2299716" y="1138428"/>
                  </a:lnTo>
                  <a:close/>
                </a:path>
                <a:path w="3489959" h="1138554">
                  <a:moveTo>
                    <a:pt x="2103120" y="1138428"/>
                  </a:moveTo>
                  <a:lnTo>
                    <a:pt x="1991868" y="1138428"/>
                  </a:lnTo>
                  <a:lnTo>
                    <a:pt x="1991868" y="1110996"/>
                  </a:lnTo>
                  <a:lnTo>
                    <a:pt x="2103120" y="1110996"/>
                  </a:lnTo>
                  <a:lnTo>
                    <a:pt x="2103120" y="1138428"/>
                  </a:lnTo>
                  <a:close/>
                </a:path>
                <a:path w="3489959" h="1138554">
                  <a:moveTo>
                    <a:pt x="1908048" y="1138428"/>
                  </a:moveTo>
                  <a:lnTo>
                    <a:pt x="1795272" y="1138428"/>
                  </a:lnTo>
                  <a:lnTo>
                    <a:pt x="1795272" y="1110996"/>
                  </a:lnTo>
                  <a:lnTo>
                    <a:pt x="1908048" y="1110996"/>
                  </a:lnTo>
                  <a:lnTo>
                    <a:pt x="1908048" y="1138428"/>
                  </a:lnTo>
                  <a:close/>
                </a:path>
                <a:path w="3489959" h="1138554">
                  <a:moveTo>
                    <a:pt x="1711451" y="1138428"/>
                  </a:moveTo>
                  <a:lnTo>
                    <a:pt x="1600200" y="1138428"/>
                  </a:lnTo>
                  <a:lnTo>
                    <a:pt x="1600200" y="1110996"/>
                  </a:lnTo>
                  <a:lnTo>
                    <a:pt x="1711451" y="1110996"/>
                  </a:lnTo>
                  <a:lnTo>
                    <a:pt x="1711451" y="1138428"/>
                  </a:lnTo>
                  <a:close/>
                </a:path>
                <a:path w="3489959" h="1138554">
                  <a:moveTo>
                    <a:pt x="1516380" y="1138428"/>
                  </a:moveTo>
                  <a:lnTo>
                    <a:pt x="1403604" y="1138428"/>
                  </a:lnTo>
                  <a:lnTo>
                    <a:pt x="1403604" y="1110996"/>
                  </a:lnTo>
                  <a:lnTo>
                    <a:pt x="1516380" y="1110996"/>
                  </a:lnTo>
                  <a:lnTo>
                    <a:pt x="1516380" y="1138428"/>
                  </a:lnTo>
                  <a:close/>
                </a:path>
                <a:path w="3489959" h="1138554">
                  <a:moveTo>
                    <a:pt x="1319784" y="1138428"/>
                  </a:moveTo>
                  <a:lnTo>
                    <a:pt x="1207008" y="1138428"/>
                  </a:lnTo>
                  <a:lnTo>
                    <a:pt x="1207008" y="1110996"/>
                  </a:lnTo>
                  <a:lnTo>
                    <a:pt x="1319784" y="1110996"/>
                  </a:lnTo>
                  <a:lnTo>
                    <a:pt x="1319784" y="1138428"/>
                  </a:lnTo>
                  <a:close/>
                </a:path>
                <a:path w="3489959" h="1138554">
                  <a:moveTo>
                    <a:pt x="1123188" y="1138428"/>
                  </a:moveTo>
                  <a:lnTo>
                    <a:pt x="1011936" y="1138428"/>
                  </a:lnTo>
                  <a:lnTo>
                    <a:pt x="1011936" y="1110996"/>
                  </a:lnTo>
                  <a:lnTo>
                    <a:pt x="1123188" y="1110996"/>
                  </a:lnTo>
                  <a:lnTo>
                    <a:pt x="1123188" y="1138428"/>
                  </a:lnTo>
                  <a:close/>
                </a:path>
                <a:path w="3489959" h="1138554">
                  <a:moveTo>
                    <a:pt x="928116" y="1138428"/>
                  </a:moveTo>
                  <a:lnTo>
                    <a:pt x="815340" y="1138428"/>
                  </a:lnTo>
                  <a:lnTo>
                    <a:pt x="815340" y="1110996"/>
                  </a:lnTo>
                  <a:lnTo>
                    <a:pt x="928116" y="1110996"/>
                  </a:lnTo>
                  <a:lnTo>
                    <a:pt x="928116" y="1138428"/>
                  </a:lnTo>
                  <a:close/>
                </a:path>
                <a:path w="3489959" h="1138554">
                  <a:moveTo>
                    <a:pt x="731520" y="1138428"/>
                  </a:moveTo>
                  <a:lnTo>
                    <a:pt x="618744" y="1138428"/>
                  </a:lnTo>
                  <a:lnTo>
                    <a:pt x="618744" y="1110996"/>
                  </a:lnTo>
                  <a:lnTo>
                    <a:pt x="731520" y="1110996"/>
                  </a:lnTo>
                  <a:lnTo>
                    <a:pt x="731520" y="1138428"/>
                  </a:lnTo>
                  <a:close/>
                </a:path>
                <a:path w="3489959" h="1138554">
                  <a:moveTo>
                    <a:pt x="534924" y="1138428"/>
                  </a:moveTo>
                  <a:lnTo>
                    <a:pt x="423672" y="1138428"/>
                  </a:lnTo>
                  <a:lnTo>
                    <a:pt x="423672" y="1110996"/>
                  </a:lnTo>
                  <a:lnTo>
                    <a:pt x="534924" y="1110996"/>
                  </a:lnTo>
                  <a:lnTo>
                    <a:pt x="534924" y="1138428"/>
                  </a:lnTo>
                  <a:close/>
                </a:path>
                <a:path w="3489959" h="1138554">
                  <a:moveTo>
                    <a:pt x="339852" y="1138428"/>
                  </a:moveTo>
                  <a:lnTo>
                    <a:pt x="227076" y="1138428"/>
                  </a:lnTo>
                  <a:lnTo>
                    <a:pt x="227076" y="1110996"/>
                  </a:lnTo>
                  <a:lnTo>
                    <a:pt x="339852" y="1110996"/>
                  </a:lnTo>
                  <a:lnTo>
                    <a:pt x="339852" y="1138428"/>
                  </a:lnTo>
                  <a:close/>
                </a:path>
                <a:path w="3489959" h="1138554">
                  <a:moveTo>
                    <a:pt x="143256" y="1138428"/>
                  </a:moveTo>
                  <a:lnTo>
                    <a:pt x="32004" y="1138428"/>
                  </a:lnTo>
                  <a:lnTo>
                    <a:pt x="32004" y="1110996"/>
                  </a:lnTo>
                  <a:lnTo>
                    <a:pt x="143256" y="1110996"/>
                  </a:lnTo>
                  <a:lnTo>
                    <a:pt x="143256" y="1138428"/>
                  </a:lnTo>
                  <a:close/>
                </a:path>
              </a:pathLst>
            </a:custGeom>
            <a:solidFill>
              <a:srgbClr val="702FA0"/>
            </a:solidFill>
          </p:spPr>
          <p:txBody>
            <a:bodyPr wrap="square" lIns="0" tIns="0" rIns="0" bIns="0" rtlCol="0"/>
            <a:lstStyle/>
            <a:p>
              <a:endParaRPr sz="1749"/>
            </a:p>
          </p:txBody>
        </p:sp>
        <p:pic>
          <p:nvPicPr>
            <p:cNvPr id="49" name="object 49"/>
            <p:cNvPicPr/>
            <p:nvPr/>
          </p:nvPicPr>
          <p:blipFill>
            <a:blip r:embed="rId5" cstate="print"/>
            <a:stretch>
              <a:fillRect/>
            </a:stretch>
          </p:blipFill>
          <p:spPr>
            <a:xfrm>
              <a:off x="6801611" y="5583936"/>
              <a:ext cx="1674875" cy="373380"/>
            </a:xfrm>
            <a:prstGeom prst="rect">
              <a:avLst/>
            </a:prstGeom>
          </p:spPr>
        </p:pic>
        <p:sp>
          <p:nvSpPr>
            <p:cNvPr id="50" name="object 50"/>
            <p:cNvSpPr/>
            <p:nvPr/>
          </p:nvSpPr>
          <p:spPr>
            <a:xfrm>
              <a:off x="6801611" y="5583936"/>
              <a:ext cx="1675130" cy="373380"/>
            </a:xfrm>
            <a:custGeom>
              <a:avLst/>
              <a:gdLst/>
              <a:ahLst/>
              <a:cxnLst/>
              <a:rect l="l" t="t" r="r" b="b"/>
              <a:pathLst>
                <a:path w="1675129" h="373379">
                  <a:moveTo>
                    <a:pt x="0" y="0"/>
                  </a:moveTo>
                  <a:lnTo>
                    <a:pt x="1674875" y="0"/>
                  </a:lnTo>
                  <a:lnTo>
                    <a:pt x="1674875" y="373380"/>
                  </a:lnTo>
                  <a:lnTo>
                    <a:pt x="0" y="373380"/>
                  </a:lnTo>
                  <a:lnTo>
                    <a:pt x="0" y="0"/>
                  </a:lnTo>
                  <a:close/>
                </a:path>
              </a:pathLst>
            </a:custGeom>
            <a:ln w="10668">
              <a:solidFill>
                <a:srgbClr val="702FA0"/>
              </a:solidFill>
            </a:ln>
          </p:spPr>
          <p:txBody>
            <a:bodyPr wrap="square" lIns="0" tIns="0" rIns="0" bIns="0" rtlCol="0"/>
            <a:lstStyle/>
            <a:p>
              <a:endParaRPr sz="1749"/>
            </a:p>
          </p:txBody>
        </p:sp>
      </p:grpSp>
      <p:sp>
        <p:nvSpPr>
          <p:cNvPr id="51" name="object 51"/>
          <p:cNvSpPr txBox="1"/>
          <p:nvPr/>
        </p:nvSpPr>
        <p:spPr>
          <a:xfrm>
            <a:off x="5891080" y="5008987"/>
            <a:ext cx="1267345" cy="472993"/>
          </a:xfrm>
          <a:prstGeom prst="rect">
            <a:avLst/>
          </a:prstGeom>
        </p:spPr>
        <p:txBody>
          <a:bodyPr vert="horz" wrap="square" lIns="0" tIns="12489" rIns="0" bIns="0" rtlCol="0">
            <a:spAutoFit/>
          </a:bodyPr>
          <a:lstStyle/>
          <a:p>
            <a:pPr marL="10860">
              <a:spcBef>
                <a:spcPts val="98"/>
              </a:spcBef>
            </a:pPr>
            <a:r>
              <a:rPr sz="1496" spc="-9" dirty="0">
                <a:latin typeface="ＭＳ Ｐゴシック"/>
                <a:cs typeface="ＭＳ Ｐゴシック"/>
              </a:rPr>
              <a:t>関連機関・施策</a:t>
            </a:r>
            <a:endParaRPr sz="1496">
              <a:latin typeface="ＭＳ Ｐゴシック"/>
              <a:cs typeface="ＭＳ Ｐゴシック"/>
            </a:endParaRPr>
          </a:p>
        </p:txBody>
      </p:sp>
      <p:sp>
        <p:nvSpPr>
          <p:cNvPr id="52" name="object 52"/>
          <p:cNvSpPr txBox="1"/>
          <p:nvPr/>
        </p:nvSpPr>
        <p:spPr>
          <a:xfrm>
            <a:off x="5840407" y="5371212"/>
            <a:ext cx="2386454" cy="829873"/>
          </a:xfrm>
          <a:prstGeom prst="rect">
            <a:avLst/>
          </a:prstGeom>
        </p:spPr>
        <p:txBody>
          <a:bodyPr vert="horz" wrap="square" lIns="0" tIns="10317" rIns="0" bIns="0" rtlCol="0">
            <a:spAutoFit/>
          </a:bodyPr>
          <a:lstStyle/>
          <a:p>
            <a:pPr marL="280182" indent="-269322">
              <a:lnSpc>
                <a:spcPts val="1586"/>
              </a:lnSpc>
              <a:spcBef>
                <a:spcPts val="81"/>
              </a:spcBef>
              <a:buFont typeface="Wingdings"/>
              <a:buChar char=""/>
              <a:tabLst>
                <a:tab pos="280182" algn="l"/>
              </a:tabLst>
            </a:pPr>
            <a:r>
              <a:rPr sz="1325" spc="-9" dirty="0">
                <a:latin typeface="ＭＳ Ｐゴシック"/>
                <a:cs typeface="ＭＳ Ｐゴシック"/>
              </a:rPr>
              <a:t>SIP</a:t>
            </a:r>
            <a:r>
              <a:rPr sz="1325" spc="-26" dirty="0">
                <a:latin typeface="ＭＳ Ｐゴシック"/>
                <a:cs typeface="ＭＳ Ｐゴシック"/>
              </a:rPr>
              <a:t>、群マネ</a:t>
            </a:r>
            <a:endParaRPr sz="1325">
              <a:latin typeface="ＭＳ Ｐゴシック"/>
              <a:cs typeface="ＭＳ Ｐゴシック"/>
            </a:endParaRPr>
          </a:p>
          <a:p>
            <a:pPr marL="280182" indent="-269322">
              <a:lnSpc>
                <a:spcPts val="1586"/>
              </a:lnSpc>
              <a:buFont typeface="Wingdings"/>
              <a:buChar char=""/>
              <a:tabLst>
                <a:tab pos="280182" algn="l"/>
              </a:tabLst>
            </a:pPr>
            <a:r>
              <a:rPr sz="1325" spc="-30" dirty="0">
                <a:latin typeface="ＭＳ Ｐゴシック"/>
                <a:cs typeface="ＭＳ Ｐゴシック"/>
              </a:rPr>
              <a:t>インフラメンテナンス国民会議</a:t>
            </a:r>
            <a:endParaRPr sz="1325">
              <a:latin typeface="ＭＳ Ｐゴシック"/>
              <a:cs typeface="ＭＳ Ｐゴシック"/>
            </a:endParaRPr>
          </a:p>
          <a:p>
            <a:pPr marL="280182" indent="-269322">
              <a:spcBef>
                <a:spcPts val="4"/>
              </a:spcBef>
              <a:buFont typeface="Wingdings"/>
              <a:buChar char=""/>
              <a:tabLst>
                <a:tab pos="280182" algn="l"/>
              </a:tabLst>
            </a:pPr>
            <a:r>
              <a:rPr sz="1325" spc="-30" dirty="0">
                <a:latin typeface="ＭＳ Ｐゴシック"/>
                <a:cs typeface="ＭＳ Ｐゴシック"/>
              </a:rPr>
              <a:t>土木学会</a:t>
            </a:r>
            <a:endParaRPr sz="1325">
              <a:latin typeface="ＭＳ Ｐゴシック"/>
              <a:cs typeface="ＭＳ Ｐゴシック"/>
            </a:endParaRPr>
          </a:p>
        </p:txBody>
      </p:sp>
      <p:sp>
        <p:nvSpPr>
          <p:cNvPr id="53" name="object 53"/>
          <p:cNvSpPr txBox="1"/>
          <p:nvPr/>
        </p:nvSpPr>
        <p:spPr>
          <a:xfrm>
            <a:off x="8223219" y="5774292"/>
            <a:ext cx="190048" cy="214320"/>
          </a:xfrm>
          <a:prstGeom prst="rect">
            <a:avLst/>
          </a:prstGeom>
        </p:spPr>
        <p:txBody>
          <a:bodyPr vert="horz" wrap="square" lIns="0" tIns="10317" rIns="0" bIns="0" rtlCol="0">
            <a:spAutoFit/>
          </a:bodyPr>
          <a:lstStyle/>
          <a:p>
            <a:pPr marL="10860">
              <a:spcBef>
                <a:spcPts val="81"/>
              </a:spcBef>
            </a:pPr>
            <a:r>
              <a:rPr sz="1325" spc="-43" dirty="0">
                <a:latin typeface="ＭＳ Ｐゴシック"/>
                <a:cs typeface="ＭＳ Ｐゴシック"/>
              </a:rPr>
              <a:t>等</a:t>
            </a:r>
            <a:endParaRPr sz="1325">
              <a:latin typeface="ＭＳ Ｐゴシック"/>
              <a:cs typeface="ＭＳ Ｐゴシック"/>
            </a:endParaRPr>
          </a:p>
        </p:txBody>
      </p:sp>
      <p:grpSp>
        <p:nvGrpSpPr>
          <p:cNvPr id="54" name="object 54"/>
          <p:cNvGrpSpPr/>
          <p:nvPr/>
        </p:nvGrpSpPr>
        <p:grpSpPr>
          <a:xfrm>
            <a:off x="709528" y="2584809"/>
            <a:ext cx="1470425" cy="328511"/>
            <a:chOff x="829754" y="2794190"/>
            <a:chExt cx="1719580" cy="384175"/>
          </a:xfrm>
        </p:grpSpPr>
        <p:pic>
          <p:nvPicPr>
            <p:cNvPr id="55" name="object 55"/>
            <p:cNvPicPr/>
            <p:nvPr/>
          </p:nvPicPr>
          <p:blipFill>
            <a:blip r:embed="rId3" cstate="print"/>
            <a:stretch>
              <a:fillRect/>
            </a:stretch>
          </p:blipFill>
          <p:spPr>
            <a:xfrm>
              <a:off x="835151" y="2799588"/>
              <a:ext cx="1708404" cy="373379"/>
            </a:xfrm>
            <a:prstGeom prst="rect">
              <a:avLst/>
            </a:prstGeom>
          </p:spPr>
        </p:pic>
        <p:sp>
          <p:nvSpPr>
            <p:cNvPr id="56" name="object 56"/>
            <p:cNvSpPr/>
            <p:nvPr/>
          </p:nvSpPr>
          <p:spPr>
            <a:xfrm>
              <a:off x="835151" y="2799588"/>
              <a:ext cx="1708785" cy="373380"/>
            </a:xfrm>
            <a:custGeom>
              <a:avLst/>
              <a:gdLst/>
              <a:ahLst/>
              <a:cxnLst/>
              <a:rect l="l" t="t" r="r" b="b"/>
              <a:pathLst>
                <a:path w="1708785" h="373380">
                  <a:moveTo>
                    <a:pt x="0" y="0"/>
                  </a:moveTo>
                  <a:lnTo>
                    <a:pt x="1708404" y="0"/>
                  </a:lnTo>
                  <a:lnTo>
                    <a:pt x="1708404" y="373379"/>
                  </a:lnTo>
                  <a:lnTo>
                    <a:pt x="0" y="373379"/>
                  </a:lnTo>
                  <a:lnTo>
                    <a:pt x="0" y="0"/>
                  </a:lnTo>
                  <a:close/>
                </a:path>
              </a:pathLst>
            </a:custGeom>
            <a:ln w="10668">
              <a:solidFill>
                <a:srgbClr val="5697D3"/>
              </a:solidFill>
            </a:ln>
          </p:spPr>
          <p:txBody>
            <a:bodyPr wrap="square" lIns="0" tIns="0" rIns="0" bIns="0" rtlCol="0"/>
            <a:lstStyle/>
            <a:p>
              <a:endParaRPr sz="1749"/>
            </a:p>
          </p:txBody>
        </p:sp>
      </p:grpSp>
      <p:sp>
        <p:nvSpPr>
          <p:cNvPr id="57" name="object 57"/>
          <p:cNvSpPr txBox="1"/>
          <p:nvPr/>
        </p:nvSpPr>
        <p:spPr>
          <a:xfrm>
            <a:off x="872897" y="2627858"/>
            <a:ext cx="1144629" cy="242802"/>
          </a:xfrm>
          <a:prstGeom prst="rect">
            <a:avLst/>
          </a:prstGeom>
        </p:spPr>
        <p:txBody>
          <a:bodyPr vert="horz" wrap="square" lIns="0" tIns="12489" rIns="0" bIns="0" rtlCol="0">
            <a:spAutoFit/>
          </a:bodyPr>
          <a:lstStyle/>
          <a:p>
            <a:pPr marL="10860">
              <a:spcBef>
                <a:spcPts val="98"/>
              </a:spcBef>
            </a:pPr>
            <a:r>
              <a:rPr sz="1496" u="sng" spc="-13" dirty="0">
                <a:uFill>
                  <a:solidFill>
                    <a:srgbClr val="000000"/>
                  </a:solidFill>
                </a:uFill>
                <a:latin typeface="ＭＳ Ｐゴシック"/>
                <a:cs typeface="ＭＳ Ｐゴシック"/>
              </a:rPr>
              <a:t>モデル自治体</a:t>
            </a:r>
            <a:endParaRPr sz="1496">
              <a:latin typeface="ＭＳ Ｐゴシック"/>
              <a:cs typeface="ＭＳ Ｐゴシック"/>
            </a:endParaRPr>
          </a:p>
        </p:txBody>
      </p:sp>
      <p:grpSp>
        <p:nvGrpSpPr>
          <p:cNvPr id="58" name="object 58"/>
          <p:cNvGrpSpPr/>
          <p:nvPr/>
        </p:nvGrpSpPr>
        <p:grpSpPr>
          <a:xfrm>
            <a:off x="1913073" y="4037260"/>
            <a:ext cx="1576308" cy="521273"/>
            <a:chOff x="2237232" y="4492751"/>
            <a:chExt cx="1843405" cy="609600"/>
          </a:xfrm>
        </p:grpSpPr>
        <p:sp>
          <p:nvSpPr>
            <p:cNvPr id="59" name="object 59"/>
            <p:cNvSpPr/>
            <p:nvPr/>
          </p:nvSpPr>
          <p:spPr>
            <a:xfrm>
              <a:off x="2237232" y="4492751"/>
              <a:ext cx="158750" cy="609600"/>
            </a:xfrm>
            <a:custGeom>
              <a:avLst/>
              <a:gdLst/>
              <a:ahLst/>
              <a:cxnLst/>
              <a:rect l="l" t="t" r="r" b="b"/>
              <a:pathLst>
                <a:path w="158750" h="609600">
                  <a:moveTo>
                    <a:pt x="64008" y="158495"/>
                  </a:moveTo>
                  <a:lnTo>
                    <a:pt x="0" y="158495"/>
                  </a:lnTo>
                  <a:lnTo>
                    <a:pt x="79248" y="0"/>
                  </a:lnTo>
                  <a:lnTo>
                    <a:pt x="150114" y="141732"/>
                  </a:lnTo>
                  <a:lnTo>
                    <a:pt x="64008" y="141732"/>
                  </a:lnTo>
                  <a:lnTo>
                    <a:pt x="64008" y="158495"/>
                  </a:lnTo>
                  <a:close/>
                </a:path>
                <a:path w="158750" h="609600">
                  <a:moveTo>
                    <a:pt x="94488" y="609600"/>
                  </a:moveTo>
                  <a:lnTo>
                    <a:pt x="64008" y="609600"/>
                  </a:lnTo>
                  <a:lnTo>
                    <a:pt x="64008" y="141732"/>
                  </a:lnTo>
                  <a:lnTo>
                    <a:pt x="94488" y="141732"/>
                  </a:lnTo>
                  <a:lnTo>
                    <a:pt x="94488" y="609600"/>
                  </a:lnTo>
                  <a:close/>
                </a:path>
                <a:path w="158750" h="609600">
                  <a:moveTo>
                    <a:pt x="158496" y="158495"/>
                  </a:moveTo>
                  <a:lnTo>
                    <a:pt x="94488" y="158495"/>
                  </a:lnTo>
                  <a:lnTo>
                    <a:pt x="94488" y="141732"/>
                  </a:lnTo>
                  <a:lnTo>
                    <a:pt x="150114" y="141732"/>
                  </a:lnTo>
                  <a:lnTo>
                    <a:pt x="158496" y="158495"/>
                  </a:lnTo>
                  <a:close/>
                </a:path>
              </a:pathLst>
            </a:custGeom>
            <a:solidFill>
              <a:srgbClr val="333F50"/>
            </a:solidFill>
          </p:spPr>
          <p:txBody>
            <a:bodyPr wrap="square" lIns="0" tIns="0" rIns="0" bIns="0" rtlCol="0"/>
            <a:lstStyle/>
            <a:p>
              <a:endParaRPr sz="1749"/>
            </a:p>
          </p:txBody>
        </p:sp>
        <p:pic>
          <p:nvPicPr>
            <p:cNvPr id="60" name="object 60"/>
            <p:cNvPicPr/>
            <p:nvPr/>
          </p:nvPicPr>
          <p:blipFill>
            <a:blip r:embed="rId6" cstate="print"/>
            <a:stretch>
              <a:fillRect/>
            </a:stretch>
          </p:blipFill>
          <p:spPr>
            <a:xfrm>
              <a:off x="2496311" y="4610099"/>
              <a:ext cx="1578864" cy="373380"/>
            </a:xfrm>
            <a:prstGeom prst="rect">
              <a:avLst/>
            </a:prstGeom>
          </p:spPr>
        </p:pic>
        <p:sp>
          <p:nvSpPr>
            <p:cNvPr id="61" name="object 61"/>
            <p:cNvSpPr/>
            <p:nvPr/>
          </p:nvSpPr>
          <p:spPr>
            <a:xfrm>
              <a:off x="2496311" y="4610099"/>
              <a:ext cx="1579245" cy="373380"/>
            </a:xfrm>
            <a:custGeom>
              <a:avLst/>
              <a:gdLst/>
              <a:ahLst/>
              <a:cxnLst/>
              <a:rect l="l" t="t" r="r" b="b"/>
              <a:pathLst>
                <a:path w="1579245" h="373379">
                  <a:moveTo>
                    <a:pt x="0" y="0"/>
                  </a:moveTo>
                  <a:lnTo>
                    <a:pt x="1578864" y="0"/>
                  </a:lnTo>
                  <a:lnTo>
                    <a:pt x="1578864" y="373380"/>
                  </a:lnTo>
                  <a:lnTo>
                    <a:pt x="0" y="373380"/>
                  </a:lnTo>
                  <a:lnTo>
                    <a:pt x="0" y="0"/>
                  </a:lnTo>
                  <a:close/>
                </a:path>
              </a:pathLst>
            </a:custGeom>
            <a:ln w="10668">
              <a:solidFill>
                <a:srgbClr val="5697D3"/>
              </a:solidFill>
            </a:ln>
          </p:spPr>
          <p:txBody>
            <a:bodyPr wrap="square" lIns="0" tIns="0" rIns="0" bIns="0" rtlCol="0"/>
            <a:lstStyle/>
            <a:p>
              <a:endParaRPr sz="1749"/>
            </a:p>
          </p:txBody>
        </p:sp>
      </p:grpSp>
      <p:sp>
        <p:nvSpPr>
          <p:cNvPr id="62" name="object 62"/>
          <p:cNvSpPr txBox="1"/>
          <p:nvPr/>
        </p:nvSpPr>
        <p:spPr>
          <a:xfrm>
            <a:off x="1524555" y="4286899"/>
            <a:ext cx="320366" cy="184296"/>
          </a:xfrm>
          <a:prstGeom prst="rect">
            <a:avLst/>
          </a:prstGeom>
        </p:spPr>
        <p:txBody>
          <a:bodyPr vert="horz" wrap="square" lIns="0" tIns="13032" rIns="0" bIns="0" rtlCol="0">
            <a:spAutoFit/>
          </a:bodyPr>
          <a:lstStyle/>
          <a:p>
            <a:pPr marL="10860">
              <a:spcBef>
                <a:spcPts val="103"/>
              </a:spcBef>
            </a:pPr>
            <a:r>
              <a:rPr sz="1112" spc="26" dirty="0">
                <a:latin typeface="ＭＳ Ｐゴシック"/>
                <a:cs typeface="ＭＳ Ｐゴシック"/>
              </a:rPr>
              <a:t>支援</a:t>
            </a:r>
            <a:endParaRPr sz="1112">
              <a:latin typeface="ＭＳ Ｐゴシック"/>
              <a:cs typeface="ＭＳ Ｐゴシック"/>
            </a:endParaRPr>
          </a:p>
        </p:txBody>
      </p:sp>
      <p:sp>
        <p:nvSpPr>
          <p:cNvPr id="66" name="object 66"/>
          <p:cNvSpPr txBox="1">
            <a:spLocks noGrp="1"/>
          </p:cNvSpPr>
          <p:nvPr>
            <p:ph type="sldNum" sz="quarter" idx="7"/>
          </p:nvPr>
        </p:nvSpPr>
        <p:spPr>
          <a:xfrm>
            <a:off x="10046092" y="7293705"/>
            <a:ext cx="289559" cy="228600"/>
          </a:xfrm>
          <a:prstGeom prst="rect">
            <a:avLst/>
          </a:prstGeom>
        </p:spPr>
        <p:txBody>
          <a:bodyPr vert="horz" wrap="square" lIns="0" tIns="0" rIns="0" bIns="0" rtlCol="0">
            <a:spAutoFit/>
          </a:bodyPr>
          <a:lstStyle>
            <a:defPPr>
              <a:defRPr kern="0"/>
            </a:defPPr>
            <a:lvl1pPr>
              <a:defRPr sz="1400" b="0" i="0">
                <a:solidFill>
                  <a:schemeClr val="tx1"/>
                </a:solidFill>
                <a:latin typeface="Arial"/>
                <a:cs typeface="Arial"/>
              </a:defRPr>
            </a:lvl1pPr>
          </a:lstStyle>
          <a:p>
            <a:pPr marL="38100">
              <a:lnSpc>
                <a:spcPts val="1675"/>
              </a:lnSpc>
            </a:pPr>
            <a:fld id="{81D60167-4931-47E6-BA6A-407CBD079E47}" type="slidenum">
              <a:rPr lang="en-US" altLang="ja-JP" spc="-25" smtClean="0"/>
              <a:pPr marL="38100">
                <a:lnSpc>
                  <a:spcPts val="1675"/>
                </a:lnSpc>
              </a:pPr>
              <a:t>60</a:t>
            </a:fld>
            <a:endParaRPr spc="-21" dirty="0"/>
          </a:p>
        </p:txBody>
      </p:sp>
      <p:sp>
        <p:nvSpPr>
          <p:cNvPr id="63" name="object 63"/>
          <p:cNvSpPr txBox="1"/>
          <p:nvPr/>
        </p:nvSpPr>
        <p:spPr>
          <a:xfrm>
            <a:off x="2510953" y="4177612"/>
            <a:ext cx="596749" cy="242802"/>
          </a:xfrm>
          <a:prstGeom prst="rect">
            <a:avLst/>
          </a:prstGeom>
        </p:spPr>
        <p:txBody>
          <a:bodyPr vert="horz" wrap="square" lIns="0" tIns="12489" rIns="0" bIns="0" rtlCol="0">
            <a:spAutoFit/>
          </a:bodyPr>
          <a:lstStyle/>
          <a:p>
            <a:pPr marL="10860">
              <a:spcBef>
                <a:spcPts val="98"/>
              </a:spcBef>
            </a:pPr>
            <a:r>
              <a:rPr sz="1496" u="sng" spc="-17" dirty="0">
                <a:uFill>
                  <a:solidFill>
                    <a:srgbClr val="000000"/>
                  </a:solidFill>
                </a:uFill>
                <a:latin typeface="ＭＳ Ｐゴシック"/>
                <a:cs typeface="ＭＳ Ｐゴシック"/>
              </a:rPr>
              <a:t>事務局</a:t>
            </a:r>
            <a:endParaRPr sz="1496">
              <a:latin typeface="ＭＳ Ｐゴシック"/>
              <a:cs typeface="ＭＳ Ｐゴシック"/>
            </a:endParaRPr>
          </a:p>
        </p:txBody>
      </p:sp>
      <p:sp>
        <p:nvSpPr>
          <p:cNvPr id="64" name="object 64"/>
          <p:cNvSpPr txBox="1"/>
          <p:nvPr/>
        </p:nvSpPr>
        <p:spPr>
          <a:xfrm>
            <a:off x="430050" y="1112919"/>
            <a:ext cx="8205165" cy="352461"/>
          </a:xfrm>
          <a:prstGeom prst="rect">
            <a:avLst/>
          </a:prstGeom>
          <a:solidFill>
            <a:srgbClr val="FBE4D6"/>
          </a:solidFill>
          <a:ln w="10667">
            <a:solidFill>
              <a:srgbClr val="000000"/>
            </a:solidFill>
          </a:ln>
        </p:spPr>
        <p:txBody>
          <a:bodyPr vert="horz" wrap="square" lIns="0" tIns="121087" rIns="0" bIns="0" rtlCol="0">
            <a:spAutoFit/>
          </a:bodyPr>
          <a:lstStyle/>
          <a:p>
            <a:pPr marL="213394">
              <a:spcBef>
                <a:spcPts val="953"/>
              </a:spcBef>
            </a:pPr>
            <a:r>
              <a:rPr sz="1496" spc="-9" dirty="0">
                <a:latin typeface="ＭＳ Ｐゴシック"/>
                <a:cs typeface="ＭＳ Ｐゴシック"/>
              </a:rPr>
              <a:t>論点 ： 自治体支援を継続できる仕組みが必要ではないか。</a:t>
            </a:r>
            <a:endParaRPr sz="1496">
              <a:latin typeface="ＭＳ Ｐゴシック"/>
              <a:cs typeface="ＭＳ Ｐゴシック"/>
            </a:endParaRPr>
          </a:p>
        </p:txBody>
      </p:sp>
      <p:sp>
        <p:nvSpPr>
          <p:cNvPr id="65" name="object 65"/>
          <p:cNvSpPr txBox="1"/>
          <p:nvPr/>
        </p:nvSpPr>
        <p:spPr>
          <a:xfrm>
            <a:off x="7578008" y="2039481"/>
            <a:ext cx="1246169" cy="212807"/>
          </a:xfrm>
          <a:prstGeom prst="rect">
            <a:avLst/>
          </a:prstGeom>
          <a:ln w="13715">
            <a:solidFill>
              <a:srgbClr val="000000"/>
            </a:solidFill>
          </a:ln>
        </p:spPr>
        <p:txBody>
          <a:bodyPr vert="horz" wrap="square" lIns="0" tIns="41267" rIns="0" bIns="0" rtlCol="0">
            <a:spAutoFit/>
          </a:bodyPr>
          <a:lstStyle/>
          <a:p>
            <a:pPr marL="211766">
              <a:spcBef>
                <a:spcPts val="325"/>
              </a:spcBef>
            </a:pPr>
            <a:r>
              <a:rPr sz="1112" dirty="0">
                <a:latin typeface="ＭＳ Ｐゴシック"/>
                <a:cs typeface="ＭＳ Ｐゴシック"/>
              </a:rPr>
              <a:t>※P1</a:t>
            </a:r>
            <a:r>
              <a:rPr sz="1112" spc="-13" dirty="0">
                <a:latin typeface="ＭＳ Ｐゴシック"/>
                <a:cs typeface="ＭＳ Ｐゴシック"/>
              </a:rPr>
              <a:t>より再掲</a:t>
            </a:r>
            <a:endParaRPr sz="1112">
              <a:latin typeface="ＭＳ Ｐゴシック"/>
              <a:cs typeface="ＭＳ Ｐゴシック"/>
            </a:endParaRPr>
          </a:p>
        </p:txBody>
      </p:sp>
    </p:spTree>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sldNum" sz="quarter" idx="7"/>
          </p:nvPr>
        </p:nvSpPr>
        <p:spPr>
          <a:xfrm>
            <a:off x="0" y="195477"/>
            <a:ext cx="0" cy="231342"/>
          </a:xfrm>
          <a:prstGeom prst="rect">
            <a:avLst/>
          </a:prstGeom>
        </p:spPr>
        <p:txBody>
          <a:bodyPr vert="horz" wrap="square" lIns="0" tIns="20634" rIns="0" bIns="0" rtlCol="0">
            <a:spAutoFit/>
          </a:bodyPr>
          <a:lstStyle/>
          <a:p>
            <a:pPr marL="157467">
              <a:spcBef>
                <a:spcPts val="162"/>
              </a:spcBef>
            </a:pPr>
            <a:r>
              <a:rPr spc="-43" dirty="0"/>
              <a:t>8</a:t>
            </a:r>
          </a:p>
        </p:txBody>
      </p:sp>
      <p:sp>
        <p:nvSpPr>
          <p:cNvPr id="2" name="object 2"/>
          <p:cNvSpPr txBox="1">
            <a:spLocks noGrp="1"/>
          </p:cNvSpPr>
          <p:nvPr>
            <p:ph type="title"/>
          </p:nvPr>
        </p:nvSpPr>
        <p:spPr>
          <a:xfrm>
            <a:off x="1955643" y="2686728"/>
            <a:ext cx="5227935" cy="721610"/>
          </a:xfrm>
          <a:prstGeom prst="rect">
            <a:avLst/>
          </a:prstGeom>
        </p:spPr>
        <p:txBody>
          <a:bodyPr vert="horz" wrap="square" lIns="0" tIns="10860" rIns="0" bIns="0" rtlCol="0">
            <a:spAutoFit/>
          </a:bodyPr>
          <a:lstStyle/>
          <a:p>
            <a:pPr marL="10860">
              <a:lnSpc>
                <a:spcPct val="100000"/>
              </a:lnSpc>
              <a:spcBef>
                <a:spcPts val="86"/>
              </a:spcBef>
            </a:pPr>
            <a:r>
              <a:rPr lang="en-US" altLang="ja-JP" sz="4618" spc="-30" dirty="0">
                <a:solidFill>
                  <a:srgbClr val="4BACC6"/>
                </a:solidFill>
              </a:rPr>
              <a:t>SIP</a:t>
            </a:r>
            <a:endParaRPr sz="4618" dirty="0"/>
          </a:p>
        </p:txBody>
      </p:sp>
    </p:spTree>
    <p:extLst>
      <p:ext uri="{BB962C8B-B14F-4D97-AF65-F5344CB8AC3E}">
        <p14:creationId xmlns:p14="http://schemas.microsoft.com/office/powerpoint/2010/main" val="2146140228"/>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0" y="263243"/>
            <a:ext cx="9141828" cy="6309034"/>
            <a:chOff x="0" y="79248"/>
            <a:chExt cx="10690860" cy="7378065"/>
          </a:xfrm>
        </p:grpSpPr>
        <p:pic>
          <p:nvPicPr>
            <p:cNvPr id="3" name="object 3"/>
            <p:cNvPicPr/>
            <p:nvPr/>
          </p:nvPicPr>
          <p:blipFill>
            <a:blip r:embed="rId2" cstate="print"/>
            <a:stretch>
              <a:fillRect/>
            </a:stretch>
          </p:blipFill>
          <p:spPr>
            <a:xfrm>
              <a:off x="0" y="79248"/>
              <a:ext cx="10690860" cy="7203953"/>
            </a:xfrm>
            <a:prstGeom prst="rect">
              <a:avLst/>
            </a:prstGeom>
          </p:spPr>
        </p:pic>
        <p:sp>
          <p:nvSpPr>
            <p:cNvPr id="4" name="object 4"/>
            <p:cNvSpPr/>
            <p:nvPr/>
          </p:nvSpPr>
          <p:spPr>
            <a:xfrm>
              <a:off x="9800844" y="7030224"/>
              <a:ext cx="609600" cy="426720"/>
            </a:xfrm>
            <a:custGeom>
              <a:avLst/>
              <a:gdLst/>
              <a:ahLst/>
              <a:cxnLst/>
              <a:rect l="l" t="t" r="r" b="b"/>
              <a:pathLst>
                <a:path w="609600" h="426720">
                  <a:moveTo>
                    <a:pt x="609600" y="6096"/>
                  </a:moveTo>
                  <a:lnTo>
                    <a:pt x="603504" y="0"/>
                  </a:lnTo>
                  <a:lnTo>
                    <a:pt x="6096" y="0"/>
                  </a:lnTo>
                  <a:lnTo>
                    <a:pt x="0" y="6096"/>
                  </a:lnTo>
                  <a:lnTo>
                    <a:pt x="0" y="420624"/>
                  </a:lnTo>
                  <a:lnTo>
                    <a:pt x="6096" y="426720"/>
                  </a:lnTo>
                  <a:lnTo>
                    <a:pt x="603504" y="426720"/>
                  </a:lnTo>
                  <a:lnTo>
                    <a:pt x="609600" y="420624"/>
                  </a:lnTo>
                  <a:lnTo>
                    <a:pt x="609600" y="413004"/>
                  </a:lnTo>
                  <a:lnTo>
                    <a:pt x="609600" y="399288"/>
                  </a:lnTo>
                  <a:lnTo>
                    <a:pt x="609600" y="27432"/>
                  </a:lnTo>
                  <a:lnTo>
                    <a:pt x="609600" y="13716"/>
                  </a:lnTo>
                  <a:lnTo>
                    <a:pt x="609600" y="6096"/>
                  </a:lnTo>
                  <a:close/>
                </a:path>
              </a:pathLst>
            </a:custGeom>
            <a:solidFill>
              <a:srgbClr val="FFFFFF"/>
            </a:solidFill>
          </p:spPr>
          <p:txBody>
            <a:bodyPr wrap="square" lIns="0" tIns="0" rIns="0" bIns="0" rtlCol="0"/>
            <a:lstStyle/>
            <a:p>
              <a:endParaRPr sz="1749"/>
            </a:p>
          </p:txBody>
        </p:sp>
        <p:pic>
          <p:nvPicPr>
            <p:cNvPr id="5" name="object 5"/>
            <p:cNvPicPr/>
            <p:nvPr/>
          </p:nvPicPr>
          <p:blipFill>
            <a:blip r:embed="rId3" cstate="print"/>
            <a:stretch>
              <a:fillRect/>
            </a:stretch>
          </p:blipFill>
          <p:spPr>
            <a:xfrm>
              <a:off x="132587" y="6832097"/>
              <a:ext cx="3313176" cy="509016"/>
            </a:xfrm>
            <a:prstGeom prst="rect">
              <a:avLst/>
            </a:prstGeom>
          </p:spPr>
        </p:pic>
        <p:sp>
          <p:nvSpPr>
            <p:cNvPr id="6" name="object 6"/>
            <p:cNvSpPr/>
            <p:nvPr/>
          </p:nvSpPr>
          <p:spPr>
            <a:xfrm>
              <a:off x="341376" y="2429255"/>
              <a:ext cx="6395085" cy="3248025"/>
            </a:xfrm>
            <a:custGeom>
              <a:avLst/>
              <a:gdLst/>
              <a:ahLst/>
              <a:cxnLst/>
              <a:rect l="l" t="t" r="r" b="b"/>
              <a:pathLst>
                <a:path w="6395084" h="3248025">
                  <a:moveTo>
                    <a:pt x="3869436" y="2127504"/>
                  </a:moveTo>
                  <a:lnTo>
                    <a:pt x="3867023" y="2115680"/>
                  </a:lnTo>
                  <a:lnTo>
                    <a:pt x="3860482" y="2105977"/>
                  </a:lnTo>
                  <a:lnTo>
                    <a:pt x="3850779" y="2099437"/>
                  </a:lnTo>
                  <a:lnTo>
                    <a:pt x="3838956" y="2097024"/>
                  </a:lnTo>
                  <a:lnTo>
                    <a:pt x="3808476" y="2097024"/>
                  </a:lnTo>
                  <a:lnTo>
                    <a:pt x="3808476" y="2159508"/>
                  </a:lnTo>
                  <a:lnTo>
                    <a:pt x="3808476" y="3185160"/>
                  </a:lnTo>
                  <a:lnTo>
                    <a:pt x="2587752" y="3185160"/>
                  </a:lnTo>
                  <a:lnTo>
                    <a:pt x="2587752" y="2159508"/>
                  </a:lnTo>
                  <a:lnTo>
                    <a:pt x="3808476" y="2159508"/>
                  </a:lnTo>
                  <a:lnTo>
                    <a:pt x="3808476" y="2097024"/>
                  </a:lnTo>
                  <a:lnTo>
                    <a:pt x="2557272" y="2097024"/>
                  </a:lnTo>
                  <a:lnTo>
                    <a:pt x="2544546" y="2099437"/>
                  </a:lnTo>
                  <a:lnTo>
                    <a:pt x="2534412" y="2105977"/>
                  </a:lnTo>
                  <a:lnTo>
                    <a:pt x="2527693" y="2115680"/>
                  </a:lnTo>
                  <a:lnTo>
                    <a:pt x="2525268" y="2127504"/>
                  </a:lnTo>
                  <a:lnTo>
                    <a:pt x="2525268" y="3215640"/>
                  </a:lnTo>
                  <a:lnTo>
                    <a:pt x="2527693" y="3228365"/>
                  </a:lnTo>
                  <a:lnTo>
                    <a:pt x="2534412" y="3238500"/>
                  </a:lnTo>
                  <a:lnTo>
                    <a:pt x="2544546" y="3245218"/>
                  </a:lnTo>
                  <a:lnTo>
                    <a:pt x="2557272" y="3247644"/>
                  </a:lnTo>
                  <a:lnTo>
                    <a:pt x="3838956" y="3247644"/>
                  </a:lnTo>
                  <a:lnTo>
                    <a:pt x="3850779" y="3245218"/>
                  </a:lnTo>
                  <a:lnTo>
                    <a:pt x="3860482" y="3238500"/>
                  </a:lnTo>
                  <a:lnTo>
                    <a:pt x="3867023" y="3228365"/>
                  </a:lnTo>
                  <a:lnTo>
                    <a:pt x="3869436" y="3215640"/>
                  </a:lnTo>
                  <a:lnTo>
                    <a:pt x="3869436" y="3185160"/>
                  </a:lnTo>
                  <a:lnTo>
                    <a:pt x="3869436" y="2159508"/>
                  </a:lnTo>
                  <a:lnTo>
                    <a:pt x="3869436" y="2127504"/>
                  </a:lnTo>
                  <a:close/>
                </a:path>
                <a:path w="6395084" h="3248025">
                  <a:moveTo>
                    <a:pt x="6394704" y="30480"/>
                  </a:moveTo>
                  <a:lnTo>
                    <a:pt x="6392291" y="18656"/>
                  </a:lnTo>
                  <a:lnTo>
                    <a:pt x="6385738" y="8953"/>
                  </a:lnTo>
                  <a:lnTo>
                    <a:pt x="6376048" y="2413"/>
                  </a:lnTo>
                  <a:lnTo>
                    <a:pt x="6364224" y="0"/>
                  </a:lnTo>
                  <a:lnTo>
                    <a:pt x="6333744" y="0"/>
                  </a:lnTo>
                  <a:lnTo>
                    <a:pt x="6333744" y="60960"/>
                  </a:lnTo>
                  <a:lnTo>
                    <a:pt x="6333744" y="542544"/>
                  </a:lnTo>
                  <a:lnTo>
                    <a:pt x="62484" y="542544"/>
                  </a:lnTo>
                  <a:lnTo>
                    <a:pt x="62484" y="60960"/>
                  </a:lnTo>
                  <a:lnTo>
                    <a:pt x="6333744" y="60960"/>
                  </a:lnTo>
                  <a:lnTo>
                    <a:pt x="6333744" y="0"/>
                  </a:lnTo>
                  <a:lnTo>
                    <a:pt x="30480" y="0"/>
                  </a:lnTo>
                  <a:lnTo>
                    <a:pt x="18643" y="2413"/>
                  </a:lnTo>
                  <a:lnTo>
                    <a:pt x="8953" y="8953"/>
                  </a:lnTo>
                  <a:lnTo>
                    <a:pt x="2400" y="18656"/>
                  </a:lnTo>
                  <a:lnTo>
                    <a:pt x="0" y="30480"/>
                  </a:lnTo>
                  <a:lnTo>
                    <a:pt x="0" y="574548"/>
                  </a:lnTo>
                  <a:lnTo>
                    <a:pt x="2400" y="586384"/>
                  </a:lnTo>
                  <a:lnTo>
                    <a:pt x="8940" y="596074"/>
                  </a:lnTo>
                  <a:lnTo>
                    <a:pt x="18643" y="602627"/>
                  </a:lnTo>
                  <a:lnTo>
                    <a:pt x="30480" y="605028"/>
                  </a:lnTo>
                  <a:lnTo>
                    <a:pt x="6364224" y="605028"/>
                  </a:lnTo>
                  <a:lnTo>
                    <a:pt x="6376048" y="602627"/>
                  </a:lnTo>
                  <a:lnTo>
                    <a:pt x="6385738" y="596074"/>
                  </a:lnTo>
                  <a:lnTo>
                    <a:pt x="6392291" y="586384"/>
                  </a:lnTo>
                  <a:lnTo>
                    <a:pt x="6394704" y="574548"/>
                  </a:lnTo>
                  <a:lnTo>
                    <a:pt x="6394704" y="542544"/>
                  </a:lnTo>
                  <a:lnTo>
                    <a:pt x="6394704" y="60960"/>
                  </a:lnTo>
                  <a:lnTo>
                    <a:pt x="6394704" y="30480"/>
                  </a:lnTo>
                  <a:close/>
                </a:path>
              </a:pathLst>
            </a:custGeom>
            <a:solidFill>
              <a:srgbClr val="FF0000"/>
            </a:solidFill>
          </p:spPr>
          <p:txBody>
            <a:bodyPr wrap="square" lIns="0" tIns="0" rIns="0" bIns="0" rtlCol="0"/>
            <a:lstStyle/>
            <a:p>
              <a:endParaRPr sz="1749"/>
            </a:p>
          </p:txBody>
        </p:sp>
        <p:sp>
          <p:nvSpPr>
            <p:cNvPr id="7" name="object 7"/>
            <p:cNvSpPr/>
            <p:nvPr/>
          </p:nvSpPr>
          <p:spPr>
            <a:xfrm>
              <a:off x="6283452" y="79247"/>
              <a:ext cx="4127500" cy="414655"/>
            </a:xfrm>
            <a:custGeom>
              <a:avLst/>
              <a:gdLst/>
              <a:ahLst/>
              <a:cxnLst/>
              <a:rect l="l" t="t" r="r" b="b"/>
              <a:pathLst>
                <a:path w="4127500" h="414655">
                  <a:moveTo>
                    <a:pt x="4126992" y="0"/>
                  </a:moveTo>
                  <a:lnTo>
                    <a:pt x="4126992" y="0"/>
                  </a:lnTo>
                  <a:lnTo>
                    <a:pt x="0" y="0"/>
                  </a:lnTo>
                  <a:lnTo>
                    <a:pt x="0" y="408432"/>
                  </a:lnTo>
                  <a:lnTo>
                    <a:pt x="6096" y="414528"/>
                  </a:lnTo>
                  <a:lnTo>
                    <a:pt x="4120896" y="414528"/>
                  </a:lnTo>
                  <a:lnTo>
                    <a:pt x="4126992" y="408432"/>
                  </a:lnTo>
                  <a:lnTo>
                    <a:pt x="4126992" y="400812"/>
                  </a:lnTo>
                  <a:lnTo>
                    <a:pt x="4126992" y="387096"/>
                  </a:lnTo>
                  <a:lnTo>
                    <a:pt x="4126992" y="13716"/>
                  </a:lnTo>
                  <a:lnTo>
                    <a:pt x="4126992" y="0"/>
                  </a:lnTo>
                  <a:close/>
                </a:path>
              </a:pathLst>
            </a:custGeom>
            <a:solidFill>
              <a:srgbClr val="FFFFFF"/>
            </a:solidFill>
          </p:spPr>
          <p:txBody>
            <a:bodyPr wrap="square" lIns="0" tIns="0" rIns="0" bIns="0" rtlCol="0"/>
            <a:lstStyle/>
            <a:p>
              <a:endParaRPr sz="1749"/>
            </a:p>
          </p:txBody>
        </p:sp>
      </p:grpSp>
      <p:sp>
        <p:nvSpPr>
          <p:cNvPr id="8" name="object 8"/>
          <p:cNvSpPr txBox="1"/>
          <p:nvPr/>
        </p:nvSpPr>
        <p:spPr>
          <a:xfrm>
            <a:off x="3914327" y="6287427"/>
            <a:ext cx="4921687" cy="388070"/>
          </a:xfrm>
          <a:prstGeom prst="rect">
            <a:avLst/>
          </a:prstGeom>
        </p:spPr>
        <p:txBody>
          <a:bodyPr vert="horz" wrap="square" lIns="0" tIns="13032" rIns="0" bIns="0" rtlCol="0">
            <a:spAutoFit/>
          </a:bodyPr>
          <a:lstStyle/>
          <a:p>
            <a:pPr marL="10860">
              <a:spcBef>
                <a:spcPts val="103"/>
              </a:spcBef>
            </a:pPr>
            <a:r>
              <a:rPr sz="812" spc="-4" dirty="0">
                <a:latin typeface="Meiryo UI"/>
                <a:cs typeface="Meiryo UI"/>
              </a:rPr>
              <a:t>出典：国立研究開発法人 土木研究所</a:t>
            </a:r>
            <a:endParaRPr sz="812">
              <a:latin typeface="Meiryo UI"/>
              <a:cs typeface="Meiryo UI"/>
            </a:endParaRPr>
          </a:p>
          <a:p>
            <a:pPr marL="259549">
              <a:spcBef>
                <a:spcPts val="21"/>
              </a:spcBef>
            </a:pPr>
            <a:r>
              <a:rPr sz="812" spc="-4" dirty="0">
                <a:latin typeface="Meiryo UI"/>
                <a:cs typeface="Meiryo UI"/>
              </a:rPr>
              <a:t>戦略的イノベーション創造プログラム(</a:t>
            </a:r>
            <a:r>
              <a:rPr sz="812" dirty="0">
                <a:latin typeface="Meiryo UI"/>
                <a:cs typeface="Meiryo UI"/>
              </a:rPr>
              <a:t>SIP)第3</a:t>
            </a:r>
            <a:r>
              <a:rPr sz="812" spc="-4" dirty="0">
                <a:latin typeface="Meiryo UI"/>
                <a:cs typeface="Meiryo UI"/>
              </a:rPr>
              <a:t>期  「スマートインフラマネジメントシステムの構築」公募説明会資料</a:t>
            </a:r>
            <a:endParaRPr sz="812">
              <a:latin typeface="Meiryo UI"/>
              <a:cs typeface="Meiryo UI"/>
            </a:endParaRPr>
          </a:p>
        </p:txBody>
      </p:sp>
      <p:sp>
        <p:nvSpPr>
          <p:cNvPr id="9" name="object 9"/>
          <p:cNvSpPr txBox="1"/>
          <p:nvPr/>
        </p:nvSpPr>
        <p:spPr>
          <a:xfrm>
            <a:off x="8931582" y="6293944"/>
            <a:ext cx="138463" cy="237487"/>
          </a:xfrm>
          <a:prstGeom prst="rect">
            <a:avLst/>
          </a:prstGeom>
        </p:spPr>
        <p:txBody>
          <a:bodyPr vert="horz" wrap="square" lIns="0" tIns="13575" rIns="0" bIns="0" rtlCol="0">
            <a:spAutoFit/>
          </a:bodyPr>
          <a:lstStyle/>
          <a:p>
            <a:pPr marL="10860">
              <a:spcBef>
                <a:spcPts val="107"/>
              </a:spcBef>
            </a:pPr>
            <a:r>
              <a:rPr sz="1454" spc="-43" dirty="0">
                <a:latin typeface="Meiryo UI"/>
                <a:cs typeface="Meiryo UI"/>
              </a:rPr>
              <a:t>2</a:t>
            </a:r>
            <a:endParaRPr sz="1454">
              <a:latin typeface="Meiryo UI"/>
              <a:cs typeface="Meiryo UI"/>
            </a:endParaRPr>
          </a:p>
        </p:txBody>
      </p:sp>
    </p:spTree>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060356" y="2350294"/>
            <a:ext cx="2223013" cy="957729"/>
          </a:xfrm>
          <a:prstGeom prst="rect">
            <a:avLst/>
          </a:prstGeom>
        </p:spPr>
        <p:txBody>
          <a:bodyPr vert="horz" wrap="square" lIns="0" tIns="36924" rIns="0" bIns="0" rtlCol="0">
            <a:spAutoFit/>
          </a:bodyPr>
          <a:lstStyle/>
          <a:p>
            <a:pPr marL="10860">
              <a:spcBef>
                <a:spcPts val="291"/>
              </a:spcBef>
            </a:pPr>
            <a:r>
              <a:rPr sz="1582" spc="-21" dirty="0">
                <a:latin typeface="Meiryo UI"/>
                <a:cs typeface="Meiryo UI"/>
              </a:rPr>
              <a:t>＜従来の</a:t>
            </a:r>
            <a:r>
              <a:rPr sz="1582" spc="-9" dirty="0">
                <a:latin typeface="Meiryo UI"/>
                <a:cs typeface="Meiryo UI"/>
              </a:rPr>
              <a:t>PRISM＞</a:t>
            </a:r>
            <a:endParaRPr sz="1582">
              <a:latin typeface="Meiryo UI"/>
              <a:cs typeface="Meiryo UI"/>
            </a:endParaRPr>
          </a:p>
          <a:p>
            <a:pPr marL="298644">
              <a:spcBef>
                <a:spcPts val="201"/>
              </a:spcBef>
            </a:pPr>
            <a:r>
              <a:rPr sz="1411" u="sng" spc="-13" dirty="0">
                <a:uFill>
                  <a:solidFill>
                    <a:srgbClr val="000000"/>
                  </a:solidFill>
                </a:uFill>
                <a:latin typeface="Meiryo UI"/>
                <a:cs typeface="Meiryo UI"/>
              </a:rPr>
              <a:t>個別技術領域における</a:t>
            </a:r>
            <a:endParaRPr sz="1411">
              <a:latin typeface="Meiryo UI"/>
              <a:cs typeface="Meiryo UI"/>
            </a:endParaRPr>
          </a:p>
          <a:p>
            <a:pPr marL="298644">
              <a:spcBef>
                <a:spcPts val="9"/>
              </a:spcBef>
            </a:pPr>
            <a:r>
              <a:rPr sz="1411" u="sng" spc="-9" dirty="0">
                <a:uFill>
                  <a:solidFill>
                    <a:srgbClr val="000000"/>
                  </a:solidFill>
                </a:uFill>
                <a:latin typeface="Meiryo UI"/>
                <a:cs typeface="Meiryo UI"/>
              </a:rPr>
              <a:t>各省庁の研究開発を加速</a:t>
            </a:r>
            <a:endParaRPr sz="1411">
              <a:latin typeface="Meiryo UI"/>
              <a:cs typeface="Meiryo UI"/>
            </a:endParaRPr>
          </a:p>
        </p:txBody>
      </p:sp>
      <p:grpSp>
        <p:nvGrpSpPr>
          <p:cNvPr id="3" name="object 3"/>
          <p:cNvGrpSpPr/>
          <p:nvPr/>
        </p:nvGrpSpPr>
        <p:grpSpPr>
          <a:xfrm>
            <a:off x="1339672" y="3956463"/>
            <a:ext cx="2150252" cy="245433"/>
            <a:chOff x="1566672" y="4398264"/>
            <a:chExt cx="2514600" cy="287020"/>
          </a:xfrm>
        </p:grpSpPr>
        <p:pic>
          <p:nvPicPr>
            <p:cNvPr id="4" name="object 4"/>
            <p:cNvPicPr/>
            <p:nvPr/>
          </p:nvPicPr>
          <p:blipFill>
            <a:blip r:embed="rId2" cstate="print"/>
            <a:stretch>
              <a:fillRect/>
            </a:stretch>
          </p:blipFill>
          <p:spPr>
            <a:xfrm>
              <a:off x="1571244" y="4402836"/>
              <a:ext cx="2377322" cy="277368"/>
            </a:xfrm>
            <a:prstGeom prst="rect">
              <a:avLst/>
            </a:prstGeom>
          </p:spPr>
        </p:pic>
        <p:pic>
          <p:nvPicPr>
            <p:cNvPr id="5" name="object 5"/>
            <p:cNvPicPr/>
            <p:nvPr/>
          </p:nvPicPr>
          <p:blipFill>
            <a:blip r:embed="rId3" cstate="print"/>
            <a:stretch>
              <a:fillRect/>
            </a:stretch>
          </p:blipFill>
          <p:spPr>
            <a:xfrm>
              <a:off x="1566672" y="4398264"/>
              <a:ext cx="2514600" cy="286512"/>
            </a:xfrm>
            <a:prstGeom prst="rect">
              <a:avLst/>
            </a:prstGeom>
          </p:spPr>
        </p:pic>
        <p:sp>
          <p:nvSpPr>
            <p:cNvPr id="6" name="object 6"/>
            <p:cNvSpPr/>
            <p:nvPr/>
          </p:nvSpPr>
          <p:spPr>
            <a:xfrm>
              <a:off x="1566672" y="4398264"/>
              <a:ext cx="2514600" cy="287020"/>
            </a:xfrm>
            <a:custGeom>
              <a:avLst/>
              <a:gdLst/>
              <a:ahLst/>
              <a:cxnLst/>
              <a:rect l="l" t="t" r="r" b="b"/>
              <a:pathLst>
                <a:path w="2514600" h="287020">
                  <a:moveTo>
                    <a:pt x="2372867" y="0"/>
                  </a:moveTo>
                  <a:lnTo>
                    <a:pt x="3047" y="0"/>
                  </a:lnTo>
                  <a:lnTo>
                    <a:pt x="0" y="1524"/>
                  </a:lnTo>
                  <a:lnTo>
                    <a:pt x="0" y="283464"/>
                  </a:lnTo>
                  <a:lnTo>
                    <a:pt x="3047" y="286512"/>
                  </a:lnTo>
                  <a:lnTo>
                    <a:pt x="2372867" y="286512"/>
                  </a:lnTo>
                  <a:lnTo>
                    <a:pt x="2377440" y="281940"/>
                  </a:lnTo>
                  <a:lnTo>
                    <a:pt x="10668" y="281940"/>
                  </a:lnTo>
                  <a:lnTo>
                    <a:pt x="4571" y="277368"/>
                  </a:lnTo>
                  <a:lnTo>
                    <a:pt x="10668" y="277368"/>
                  </a:lnTo>
                  <a:lnTo>
                    <a:pt x="10668" y="9144"/>
                  </a:lnTo>
                  <a:lnTo>
                    <a:pt x="4571" y="9144"/>
                  </a:lnTo>
                  <a:lnTo>
                    <a:pt x="10668" y="4572"/>
                  </a:lnTo>
                  <a:lnTo>
                    <a:pt x="2377440" y="4572"/>
                  </a:lnTo>
                  <a:lnTo>
                    <a:pt x="2372867" y="0"/>
                  </a:lnTo>
                  <a:close/>
                </a:path>
                <a:path w="2514600" h="287020">
                  <a:moveTo>
                    <a:pt x="10668" y="277368"/>
                  </a:moveTo>
                  <a:lnTo>
                    <a:pt x="4571" y="277368"/>
                  </a:lnTo>
                  <a:lnTo>
                    <a:pt x="10668" y="281940"/>
                  </a:lnTo>
                  <a:lnTo>
                    <a:pt x="10668" y="277368"/>
                  </a:lnTo>
                  <a:close/>
                </a:path>
                <a:path w="2514600" h="287020">
                  <a:moveTo>
                    <a:pt x="2368296" y="277368"/>
                  </a:moveTo>
                  <a:lnTo>
                    <a:pt x="10668" y="277368"/>
                  </a:lnTo>
                  <a:lnTo>
                    <a:pt x="10668" y="281940"/>
                  </a:lnTo>
                  <a:lnTo>
                    <a:pt x="2377440" y="281940"/>
                  </a:lnTo>
                  <a:lnTo>
                    <a:pt x="2380488" y="278892"/>
                  </a:lnTo>
                  <a:lnTo>
                    <a:pt x="2366772" y="278892"/>
                  </a:lnTo>
                  <a:lnTo>
                    <a:pt x="2368296" y="277368"/>
                  </a:lnTo>
                  <a:close/>
                </a:path>
                <a:path w="2514600" h="287020">
                  <a:moveTo>
                    <a:pt x="2502407" y="143256"/>
                  </a:moveTo>
                  <a:lnTo>
                    <a:pt x="2366772" y="278892"/>
                  </a:lnTo>
                  <a:lnTo>
                    <a:pt x="2371343" y="277368"/>
                  </a:lnTo>
                  <a:lnTo>
                    <a:pt x="2382012" y="277368"/>
                  </a:lnTo>
                  <a:lnTo>
                    <a:pt x="2513076" y="146304"/>
                  </a:lnTo>
                  <a:lnTo>
                    <a:pt x="2505455" y="146304"/>
                  </a:lnTo>
                  <a:lnTo>
                    <a:pt x="2502407" y="143256"/>
                  </a:lnTo>
                  <a:close/>
                </a:path>
                <a:path w="2514600" h="287020">
                  <a:moveTo>
                    <a:pt x="2382012" y="277368"/>
                  </a:moveTo>
                  <a:lnTo>
                    <a:pt x="2371343" y="277368"/>
                  </a:lnTo>
                  <a:lnTo>
                    <a:pt x="2366772" y="278892"/>
                  </a:lnTo>
                  <a:lnTo>
                    <a:pt x="2380488" y="278892"/>
                  </a:lnTo>
                  <a:lnTo>
                    <a:pt x="2382012" y="277368"/>
                  </a:lnTo>
                  <a:close/>
                </a:path>
                <a:path w="2514600" h="287020">
                  <a:moveTo>
                    <a:pt x="2505455" y="140208"/>
                  </a:moveTo>
                  <a:lnTo>
                    <a:pt x="2502407" y="143256"/>
                  </a:lnTo>
                  <a:lnTo>
                    <a:pt x="2505455" y="146304"/>
                  </a:lnTo>
                  <a:lnTo>
                    <a:pt x="2505455" y="140208"/>
                  </a:lnTo>
                  <a:close/>
                </a:path>
                <a:path w="2514600" h="287020">
                  <a:moveTo>
                    <a:pt x="2513076" y="140208"/>
                  </a:moveTo>
                  <a:lnTo>
                    <a:pt x="2505455" y="140208"/>
                  </a:lnTo>
                  <a:lnTo>
                    <a:pt x="2505455" y="146304"/>
                  </a:lnTo>
                  <a:lnTo>
                    <a:pt x="2513076" y="146304"/>
                  </a:lnTo>
                  <a:lnTo>
                    <a:pt x="2514600" y="144780"/>
                  </a:lnTo>
                  <a:lnTo>
                    <a:pt x="2514600" y="141732"/>
                  </a:lnTo>
                  <a:lnTo>
                    <a:pt x="2513076" y="140208"/>
                  </a:lnTo>
                  <a:close/>
                </a:path>
                <a:path w="2514600" h="287020">
                  <a:moveTo>
                    <a:pt x="2366772" y="7620"/>
                  </a:moveTo>
                  <a:lnTo>
                    <a:pt x="2502407" y="143256"/>
                  </a:lnTo>
                  <a:lnTo>
                    <a:pt x="2505455" y="140208"/>
                  </a:lnTo>
                  <a:lnTo>
                    <a:pt x="2513076" y="140208"/>
                  </a:lnTo>
                  <a:lnTo>
                    <a:pt x="2382012" y="9144"/>
                  </a:lnTo>
                  <a:lnTo>
                    <a:pt x="2371343" y="9144"/>
                  </a:lnTo>
                  <a:lnTo>
                    <a:pt x="2366772" y="7620"/>
                  </a:lnTo>
                  <a:close/>
                </a:path>
                <a:path w="2514600" h="287020">
                  <a:moveTo>
                    <a:pt x="10668" y="4572"/>
                  </a:moveTo>
                  <a:lnTo>
                    <a:pt x="4571" y="9144"/>
                  </a:lnTo>
                  <a:lnTo>
                    <a:pt x="10668" y="9144"/>
                  </a:lnTo>
                  <a:lnTo>
                    <a:pt x="10668" y="4572"/>
                  </a:lnTo>
                  <a:close/>
                </a:path>
                <a:path w="2514600" h="287020">
                  <a:moveTo>
                    <a:pt x="2377440" y="4572"/>
                  </a:moveTo>
                  <a:lnTo>
                    <a:pt x="10668" y="4572"/>
                  </a:lnTo>
                  <a:lnTo>
                    <a:pt x="10668" y="9144"/>
                  </a:lnTo>
                  <a:lnTo>
                    <a:pt x="2368296" y="9144"/>
                  </a:lnTo>
                  <a:lnTo>
                    <a:pt x="2366772" y="7620"/>
                  </a:lnTo>
                  <a:lnTo>
                    <a:pt x="2380488" y="7620"/>
                  </a:lnTo>
                  <a:lnTo>
                    <a:pt x="2377440" y="4572"/>
                  </a:lnTo>
                  <a:close/>
                </a:path>
                <a:path w="2514600" h="287020">
                  <a:moveTo>
                    <a:pt x="2380488" y="7620"/>
                  </a:moveTo>
                  <a:lnTo>
                    <a:pt x="2366772" y="7620"/>
                  </a:lnTo>
                  <a:lnTo>
                    <a:pt x="2371343" y="9144"/>
                  </a:lnTo>
                  <a:lnTo>
                    <a:pt x="2382012" y="9144"/>
                  </a:lnTo>
                  <a:lnTo>
                    <a:pt x="2380488" y="7620"/>
                  </a:lnTo>
                  <a:close/>
                </a:path>
              </a:pathLst>
            </a:custGeom>
            <a:solidFill>
              <a:srgbClr val="46AAC4"/>
            </a:solidFill>
          </p:spPr>
          <p:txBody>
            <a:bodyPr wrap="square" lIns="0" tIns="0" rIns="0" bIns="0" rtlCol="0"/>
            <a:lstStyle/>
            <a:p>
              <a:endParaRPr sz="1749"/>
            </a:p>
          </p:txBody>
        </p:sp>
      </p:grpSp>
      <p:grpSp>
        <p:nvGrpSpPr>
          <p:cNvPr id="7" name="object 7"/>
          <p:cNvGrpSpPr/>
          <p:nvPr/>
        </p:nvGrpSpPr>
        <p:grpSpPr>
          <a:xfrm>
            <a:off x="1339672" y="4279652"/>
            <a:ext cx="2150252" cy="246519"/>
            <a:chOff x="1566672" y="4776215"/>
            <a:chExt cx="2514600" cy="288290"/>
          </a:xfrm>
        </p:grpSpPr>
        <p:pic>
          <p:nvPicPr>
            <p:cNvPr id="8" name="object 8"/>
            <p:cNvPicPr/>
            <p:nvPr/>
          </p:nvPicPr>
          <p:blipFill>
            <a:blip r:embed="rId4" cstate="print"/>
            <a:stretch>
              <a:fillRect/>
            </a:stretch>
          </p:blipFill>
          <p:spPr>
            <a:xfrm>
              <a:off x="1571244" y="4780787"/>
              <a:ext cx="2377307" cy="278892"/>
            </a:xfrm>
            <a:prstGeom prst="rect">
              <a:avLst/>
            </a:prstGeom>
          </p:spPr>
        </p:pic>
        <p:pic>
          <p:nvPicPr>
            <p:cNvPr id="9" name="object 9"/>
            <p:cNvPicPr/>
            <p:nvPr/>
          </p:nvPicPr>
          <p:blipFill>
            <a:blip r:embed="rId5" cstate="print"/>
            <a:stretch>
              <a:fillRect/>
            </a:stretch>
          </p:blipFill>
          <p:spPr>
            <a:xfrm>
              <a:off x="1566672" y="4776215"/>
              <a:ext cx="2514600" cy="288036"/>
            </a:xfrm>
            <a:prstGeom prst="rect">
              <a:avLst/>
            </a:prstGeom>
          </p:spPr>
        </p:pic>
        <p:sp>
          <p:nvSpPr>
            <p:cNvPr id="10" name="object 10"/>
            <p:cNvSpPr/>
            <p:nvPr/>
          </p:nvSpPr>
          <p:spPr>
            <a:xfrm>
              <a:off x="1566672" y="4776215"/>
              <a:ext cx="2514600" cy="288290"/>
            </a:xfrm>
            <a:custGeom>
              <a:avLst/>
              <a:gdLst/>
              <a:ahLst/>
              <a:cxnLst/>
              <a:rect l="l" t="t" r="r" b="b"/>
              <a:pathLst>
                <a:path w="2514600" h="288289">
                  <a:moveTo>
                    <a:pt x="2371343" y="0"/>
                  </a:moveTo>
                  <a:lnTo>
                    <a:pt x="3047" y="0"/>
                  </a:lnTo>
                  <a:lnTo>
                    <a:pt x="0" y="3048"/>
                  </a:lnTo>
                  <a:lnTo>
                    <a:pt x="0" y="286512"/>
                  </a:lnTo>
                  <a:lnTo>
                    <a:pt x="3047" y="288036"/>
                  </a:lnTo>
                  <a:lnTo>
                    <a:pt x="2372867" y="288036"/>
                  </a:lnTo>
                  <a:lnTo>
                    <a:pt x="2372867" y="286512"/>
                  </a:lnTo>
                  <a:lnTo>
                    <a:pt x="2375949" y="283464"/>
                  </a:lnTo>
                  <a:lnTo>
                    <a:pt x="10668" y="283464"/>
                  </a:lnTo>
                  <a:lnTo>
                    <a:pt x="4571" y="278892"/>
                  </a:lnTo>
                  <a:lnTo>
                    <a:pt x="10668" y="278892"/>
                  </a:lnTo>
                  <a:lnTo>
                    <a:pt x="10668" y="10668"/>
                  </a:lnTo>
                  <a:lnTo>
                    <a:pt x="4571" y="10668"/>
                  </a:lnTo>
                  <a:lnTo>
                    <a:pt x="10668" y="4572"/>
                  </a:lnTo>
                  <a:lnTo>
                    <a:pt x="2375916" y="4572"/>
                  </a:lnTo>
                  <a:lnTo>
                    <a:pt x="2371343" y="0"/>
                  </a:lnTo>
                  <a:close/>
                </a:path>
                <a:path w="2514600" h="288289">
                  <a:moveTo>
                    <a:pt x="10668" y="278892"/>
                  </a:moveTo>
                  <a:lnTo>
                    <a:pt x="4571" y="278892"/>
                  </a:lnTo>
                  <a:lnTo>
                    <a:pt x="10668" y="283464"/>
                  </a:lnTo>
                  <a:lnTo>
                    <a:pt x="10668" y="278892"/>
                  </a:lnTo>
                  <a:close/>
                </a:path>
                <a:path w="2514600" h="288289">
                  <a:moveTo>
                    <a:pt x="2368295" y="278892"/>
                  </a:moveTo>
                  <a:lnTo>
                    <a:pt x="10668" y="278892"/>
                  </a:lnTo>
                  <a:lnTo>
                    <a:pt x="10668" y="283464"/>
                  </a:lnTo>
                  <a:lnTo>
                    <a:pt x="2375949" y="283464"/>
                  </a:lnTo>
                  <a:lnTo>
                    <a:pt x="2379030" y="280416"/>
                  </a:lnTo>
                  <a:lnTo>
                    <a:pt x="2366772" y="280416"/>
                  </a:lnTo>
                  <a:lnTo>
                    <a:pt x="2368295" y="278892"/>
                  </a:lnTo>
                  <a:close/>
                </a:path>
                <a:path w="2514600" h="288289">
                  <a:moveTo>
                    <a:pt x="2502407" y="144780"/>
                  </a:moveTo>
                  <a:lnTo>
                    <a:pt x="2366772" y="280416"/>
                  </a:lnTo>
                  <a:lnTo>
                    <a:pt x="2369819" y="278892"/>
                  </a:lnTo>
                  <a:lnTo>
                    <a:pt x="2380570" y="278892"/>
                  </a:lnTo>
                  <a:lnTo>
                    <a:pt x="2513059" y="147828"/>
                  </a:lnTo>
                  <a:lnTo>
                    <a:pt x="2505455" y="147828"/>
                  </a:lnTo>
                  <a:lnTo>
                    <a:pt x="2502407" y="144780"/>
                  </a:lnTo>
                  <a:close/>
                </a:path>
                <a:path w="2514600" h="288289">
                  <a:moveTo>
                    <a:pt x="2380570" y="278892"/>
                  </a:moveTo>
                  <a:lnTo>
                    <a:pt x="2369819" y="278892"/>
                  </a:lnTo>
                  <a:lnTo>
                    <a:pt x="2366772" y="280416"/>
                  </a:lnTo>
                  <a:lnTo>
                    <a:pt x="2379030" y="280416"/>
                  </a:lnTo>
                  <a:lnTo>
                    <a:pt x="2380570" y="278892"/>
                  </a:lnTo>
                  <a:close/>
                </a:path>
                <a:path w="2514600" h="288289">
                  <a:moveTo>
                    <a:pt x="2505455" y="141732"/>
                  </a:moveTo>
                  <a:lnTo>
                    <a:pt x="2502407" y="144780"/>
                  </a:lnTo>
                  <a:lnTo>
                    <a:pt x="2505455" y="147828"/>
                  </a:lnTo>
                  <a:lnTo>
                    <a:pt x="2505455" y="141732"/>
                  </a:lnTo>
                  <a:close/>
                </a:path>
                <a:path w="2514600" h="288289">
                  <a:moveTo>
                    <a:pt x="2513076" y="141732"/>
                  </a:moveTo>
                  <a:lnTo>
                    <a:pt x="2505455" y="141732"/>
                  </a:lnTo>
                  <a:lnTo>
                    <a:pt x="2505455" y="147828"/>
                  </a:lnTo>
                  <a:lnTo>
                    <a:pt x="2513059" y="147828"/>
                  </a:lnTo>
                  <a:lnTo>
                    <a:pt x="2514600" y="146304"/>
                  </a:lnTo>
                  <a:lnTo>
                    <a:pt x="2514600" y="143256"/>
                  </a:lnTo>
                  <a:lnTo>
                    <a:pt x="2513076" y="141732"/>
                  </a:lnTo>
                  <a:close/>
                </a:path>
                <a:path w="2514600" h="288289">
                  <a:moveTo>
                    <a:pt x="2366772" y="9144"/>
                  </a:moveTo>
                  <a:lnTo>
                    <a:pt x="2502407" y="144780"/>
                  </a:lnTo>
                  <a:lnTo>
                    <a:pt x="2505455" y="141732"/>
                  </a:lnTo>
                  <a:lnTo>
                    <a:pt x="2513076" y="141732"/>
                  </a:lnTo>
                  <a:lnTo>
                    <a:pt x="2382012" y="10668"/>
                  </a:lnTo>
                  <a:lnTo>
                    <a:pt x="2369819" y="10668"/>
                  </a:lnTo>
                  <a:lnTo>
                    <a:pt x="2366772" y="9144"/>
                  </a:lnTo>
                  <a:close/>
                </a:path>
                <a:path w="2514600" h="288289">
                  <a:moveTo>
                    <a:pt x="10668" y="4572"/>
                  </a:moveTo>
                  <a:lnTo>
                    <a:pt x="4571" y="10668"/>
                  </a:lnTo>
                  <a:lnTo>
                    <a:pt x="10668" y="10668"/>
                  </a:lnTo>
                  <a:lnTo>
                    <a:pt x="10668" y="4572"/>
                  </a:lnTo>
                  <a:close/>
                </a:path>
                <a:path w="2514600" h="288289">
                  <a:moveTo>
                    <a:pt x="2375916" y="4572"/>
                  </a:moveTo>
                  <a:lnTo>
                    <a:pt x="10668" y="4572"/>
                  </a:lnTo>
                  <a:lnTo>
                    <a:pt x="10668" y="10668"/>
                  </a:lnTo>
                  <a:lnTo>
                    <a:pt x="2368296" y="10668"/>
                  </a:lnTo>
                  <a:lnTo>
                    <a:pt x="2366772" y="9144"/>
                  </a:lnTo>
                  <a:lnTo>
                    <a:pt x="2380488" y="9144"/>
                  </a:lnTo>
                  <a:lnTo>
                    <a:pt x="2375916" y="4572"/>
                  </a:lnTo>
                  <a:close/>
                </a:path>
                <a:path w="2514600" h="288289">
                  <a:moveTo>
                    <a:pt x="2380488" y="9144"/>
                  </a:moveTo>
                  <a:lnTo>
                    <a:pt x="2366772" y="9144"/>
                  </a:lnTo>
                  <a:lnTo>
                    <a:pt x="2369819" y="10668"/>
                  </a:lnTo>
                  <a:lnTo>
                    <a:pt x="2382012" y="10668"/>
                  </a:lnTo>
                  <a:lnTo>
                    <a:pt x="2380488" y="9144"/>
                  </a:lnTo>
                  <a:close/>
                </a:path>
              </a:pathLst>
            </a:custGeom>
            <a:solidFill>
              <a:srgbClr val="46AAC4"/>
            </a:solidFill>
          </p:spPr>
          <p:txBody>
            <a:bodyPr wrap="square" lIns="0" tIns="0" rIns="0" bIns="0" rtlCol="0"/>
            <a:lstStyle/>
            <a:p>
              <a:endParaRPr sz="1749"/>
            </a:p>
          </p:txBody>
        </p:sp>
      </p:grpSp>
      <p:grpSp>
        <p:nvGrpSpPr>
          <p:cNvPr id="11" name="object 11"/>
          <p:cNvGrpSpPr/>
          <p:nvPr/>
        </p:nvGrpSpPr>
        <p:grpSpPr>
          <a:xfrm>
            <a:off x="1339672" y="4610660"/>
            <a:ext cx="2150252" cy="246519"/>
            <a:chOff x="1566672" y="5163311"/>
            <a:chExt cx="2514600" cy="288290"/>
          </a:xfrm>
        </p:grpSpPr>
        <p:pic>
          <p:nvPicPr>
            <p:cNvPr id="12" name="object 12"/>
            <p:cNvPicPr/>
            <p:nvPr/>
          </p:nvPicPr>
          <p:blipFill>
            <a:blip r:embed="rId6" cstate="print"/>
            <a:stretch>
              <a:fillRect/>
            </a:stretch>
          </p:blipFill>
          <p:spPr>
            <a:xfrm>
              <a:off x="1571244" y="5167883"/>
              <a:ext cx="2377439" cy="278892"/>
            </a:xfrm>
            <a:prstGeom prst="rect">
              <a:avLst/>
            </a:prstGeom>
          </p:spPr>
        </p:pic>
        <p:pic>
          <p:nvPicPr>
            <p:cNvPr id="13" name="object 13"/>
            <p:cNvPicPr/>
            <p:nvPr/>
          </p:nvPicPr>
          <p:blipFill>
            <a:blip r:embed="rId7" cstate="print"/>
            <a:stretch>
              <a:fillRect/>
            </a:stretch>
          </p:blipFill>
          <p:spPr>
            <a:xfrm>
              <a:off x="1566672" y="5163311"/>
              <a:ext cx="2514600" cy="288036"/>
            </a:xfrm>
            <a:prstGeom prst="rect">
              <a:avLst/>
            </a:prstGeom>
          </p:spPr>
        </p:pic>
        <p:sp>
          <p:nvSpPr>
            <p:cNvPr id="14" name="object 14"/>
            <p:cNvSpPr/>
            <p:nvPr/>
          </p:nvSpPr>
          <p:spPr>
            <a:xfrm>
              <a:off x="1566672" y="5163311"/>
              <a:ext cx="2514600" cy="288290"/>
            </a:xfrm>
            <a:custGeom>
              <a:avLst/>
              <a:gdLst/>
              <a:ahLst/>
              <a:cxnLst/>
              <a:rect l="l" t="t" r="r" b="b"/>
              <a:pathLst>
                <a:path w="2514600" h="288289">
                  <a:moveTo>
                    <a:pt x="2372867" y="0"/>
                  </a:moveTo>
                  <a:lnTo>
                    <a:pt x="3047" y="0"/>
                  </a:lnTo>
                  <a:lnTo>
                    <a:pt x="0" y="1524"/>
                  </a:lnTo>
                  <a:lnTo>
                    <a:pt x="0" y="286512"/>
                  </a:lnTo>
                  <a:lnTo>
                    <a:pt x="3047" y="288036"/>
                  </a:lnTo>
                  <a:lnTo>
                    <a:pt x="2372867" y="288036"/>
                  </a:lnTo>
                  <a:lnTo>
                    <a:pt x="2372867" y="286512"/>
                  </a:lnTo>
                  <a:lnTo>
                    <a:pt x="2375949" y="283464"/>
                  </a:lnTo>
                  <a:lnTo>
                    <a:pt x="10668" y="283464"/>
                  </a:lnTo>
                  <a:lnTo>
                    <a:pt x="4571" y="278892"/>
                  </a:lnTo>
                  <a:lnTo>
                    <a:pt x="10668" y="278892"/>
                  </a:lnTo>
                  <a:lnTo>
                    <a:pt x="10668" y="9143"/>
                  </a:lnTo>
                  <a:lnTo>
                    <a:pt x="4571" y="9143"/>
                  </a:lnTo>
                  <a:lnTo>
                    <a:pt x="10668" y="4572"/>
                  </a:lnTo>
                  <a:lnTo>
                    <a:pt x="2375949" y="4572"/>
                  </a:lnTo>
                  <a:lnTo>
                    <a:pt x="2372867" y="1524"/>
                  </a:lnTo>
                  <a:lnTo>
                    <a:pt x="2372867" y="0"/>
                  </a:lnTo>
                  <a:close/>
                </a:path>
                <a:path w="2514600" h="288289">
                  <a:moveTo>
                    <a:pt x="10668" y="278892"/>
                  </a:moveTo>
                  <a:lnTo>
                    <a:pt x="4571" y="278892"/>
                  </a:lnTo>
                  <a:lnTo>
                    <a:pt x="10668" y="283464"/>
                  </a:lnTo>
                  <a:lnTo>
                    <a:pt x="10668" y="278892"/>
                  </a:lnTo>
                  <a:close/>
                </a:path>
                <a:path w="2514600" h="288289">
                  <a:moveTo>
                    <a:pt x="2368279" y="278892"/>
                  </a:moveTo>
                  <a:lnTo>
                    <a:pt x="10668" y="278892"/>
                  </a:lnTo>
                  <a:lnTo>
                    <a:pt x="10668" y="283464"/>
                  </a:lnTo>
                  <a:lnTo>
                    <a:pt x="2375949" y="283464"/>
                  </a:lnTo>
                  <a:lnTo>
                    <a:pt x="2379030" y="280416"/>
                  </a:lnTo>
                  <a:lnTo>
                    <a:pt x="2366772" y="280416"/>
                  </a:lnTo>
                  <a:lnTo>
                    <a:pt x="2368279" y="278892"/>
                  </a:lnTo>
                  <a:close/>
                </a:path>
                <a:path w="2514600" h="288289">
                  <a:moveTo>
                    <a:pt x="2501687" y="144018"/>
                  </a:moveTo>
                  <a:lnTo>
                    <a:pt x="2366772" y="280416"/>
                  </a:lnTo>
                  <a:lnTo>
                    <a:pt x="2369819" y="278892"/>
                  </a:lnTo>
                  <a:lnTo>
                    <a:pt x="2380571" y="278892"/>
                  </a:lnTo>
                  <a:lnTo>
                    <a:pt x="2513076" y="147828"/>
                  </a:lnTo>
                  <a:lnTo>
                    <a:pt x="2505455" y="147828"/>
                  </a:lnTo>
                  <a:lnTo>
                    <a:pt x="2501687" y="144018"/>
                  </a:lnTo>
                  <a:close/>
                </a:path>
                <a:path w="2514600" h="288289">
                  <a:moveTo>
                    <a:pt x="2380571" y="278892"/>
                  </a:moveTo>
                  <a:lnTo>
                    <a:pt x="2369819" y="278892"/>
                  </a:lnTo>
                  <a:lnTo>
                    <a:pt x="2366772" y="280416"/>
                  </a:lnTo>
                  <a:lnTo>
                    <a:pt x="2379030" y="280416"/>
                  </a:lnTo>
                  <a:lnTo>
                    <a:pt x="2380571" y="278892"/>
                  </a:lnTo>
                  <a:close/>
                </a:path>
                <a:path w="2514600" h="288289">
                  <a:moveTo>
                    <a:pt x="2505455" y="140208"/>
                  </a:moveTo>
                  <a:lnTo>
                    <a:pt x="2501687" y="144018"/>
                  </a:lnTo>
                  <a:lnTo>
                    <a:pt x="2505455" y="147828"/>
                  </a:lnTo>
                  <a:lnTo>
                    <a:pt x="2505455" y="140208"/>
                  </a:lnTo>
                  <a:close/>
                </a:path>
                <a:path w="2514600" h="288289">
                  <a:moveTo>
                    <a:pt x="2513059" y="140208"/>
                  </a:moveTo>
                  <a:lnTo>
                    <a:pt x="2505455" y="140208"/>
                  </a:lnTo>
                  <a:lnTo>
                    <a:pt x="2505455" y="147828"/>
                  </a:lnTo>
                  <a:lnTo>
                    <a:pt x="2513076" y="147828"/>
                  </a:lnTo>
                  <a:lnTo>
                    <a:pt x="2514600" y="144780"/>
                  </a:lnTo>
                  <a:lnTo>
                    <a:pt x="2514600" y="141731"/>
                  </a:lnTo>
                  <a:lnTo>
                    <a:pt x="2513059" y="140208"/>
                  </a:lnTo>
                  <a:close/>
                </a:path>
                <a:path w="2514600" h="288289">
                  <a:moveTo>
                    <a:pt x="2366772" y="7619"/>
                  </a:moveTo>
                  <a:lnTo>
                    <a:pt x="2501687" y="144018"/>
                  </a:lnTo>
                  <a:lnTo>
                    <a:pt x="2505455" y="140208"/>
                  </a:lnTo>
                  <a:lnTo>
                    <a:pt x="2513059" y="140208"/>
                  </a:lnTo>
                  <a:lnTo>
                    <a:pt x="2380570" y="9143"/>
                  </a:lnTo>
                  <a:lnTo>
                    <a:pt x="2369819" y="9143"/>
                  </a:lnTo>
                  <a:lnTo>
                    <a:pt x="2366772" y="7619"/>
                  </a:lnTo>
                  <a:close/>
                </a:path>
                <a:path w="2514600" h="288289">
                  <a:moveTo>
                    <a:pt x="10668" y="4572"/>
                  </a:moveTo>
                  <a:lnTo>
                    <a:pt x="4571" y="9143"/>
                  </a:lnTo>
                  <a:lnTo>
                    <a:pt x="10668" y="9143"/>
                  </a:lnTo>
                  <a:lnTo>
                    <a:pt x="10668" y="4572"/>
                  </a:lnTo>
                  <a:close/>
                </a:path>
                <a:path w="2514600" h="288289">
                  <a:moveTo>
                    <a:pt x="2375949" y="4572"/>
                  </a:moveTo>
                  <a:lnTo>
                    <a:pt x="10668" y="4572"/>
                  </a:lnTo>
                  <a:lnTo>
                    <a:pt x="10668" y="9143"/>
                  </a:lnTo>
                  <a:lnTo>
                    <a:pt x="2368279" y="9143"/>
                  </a:lnTo>
                  <a:lnTo>
                    <a:pt x="2366772" y="7619"/>
                  </a:lnTo>
                  <a:lnTo>
                    <a:pt x="2379030" y="7619"/>
                  </a:lnTo>
                  <a:lnTo>
                    <a:pt x="2375949" y="4572"/>
                  </a:lnTo>
                  <a:close/>
                </a:path>
                <a:path w="2514600" h="288289">
                  <a:moveTo>
                    <a:pt x="2379030" y="7619"/>
                  </a:moveTo>
                  <a:lnTo>
                    <a:pt x="2366772" y="7619"/>
                  </a:lnTo>
                  <a:lnTo>
                    <a:pt x="2369819" y="9143"/>
                  </a:lnTo>
                  <a:lnTo>
                    <a:pt x="2380570" y="9143"/>
                  </a:lnTo>
                  <a:lnTo>
                    <a:pt x="2379030" y="7619"/>
                  </a:lnTo>
                  <a:close/>
                </a:path>
              </a:pathLst>
            </a:custGeom>
            <a:solidFill>
              <a:srgbClr val="46AAC4"/>
            </a:solidFill>
          </p:spPr>
          <p:txBody>
            <a:bodyPr wrap="square" lIns="0" tIns="0" rIns="0" bIns="0" rtlCol="0"/>
            <a:lstStyle/>
            <a:p>
              <a:endParaRPr sz="1749"/>
            </a:p>
          </p:txBody>
        </p:sp>
      </p:grpSp>
      <p:grpSp>
        <p:nvGrpSpPr>
          <p:cNvPr id="15" name="object 15"/>
          <p:cNvGrpSpPr/>
          <p:nvPr/>
        </p:nvGrpSpPr>
        <p:grpSpPr>
          <a:xfrm>
            <a:off x="1339672" y="4959914"/>
            <a:ext cx="2150252" cy="246519"/>
            <a:chOff x="1566672" y="5571744"/>
            <a:chExt cx="2514600" cy="288290"/>
          </a:xfrm>
        </p:grpSpPr>
        <p:pic>
          <p:nvPicPr>
            <p:cNvPr id="16" name="object 16"/>
            <p:cNvPicPr/>
            <p:nvPr/>
          </p:nvPicPr>
          <p:blipFill>
            <a:blip r:embed="rId6" cstate="print"/>
            <a:stretch>
              <a:fillRect/>
            </a:stretch>
          </p:blipFill>
          <p:spPr>
            <a:xfrm>
              <a:off x="1571244" y="5576316"/>
              <a:ext cx="2377307" cy="278892"/>
            </a:xfrm>
            <a:prstGeom prst="rect">
              <a:avLst/>
            </a:prstGeom>
          </p:spPr>
        </p:pic>
        <p:pic>
          <p:nvPicPr>
            <p:cNvPr id="17" name="object 17"/>
            <p:cNvPicPr/>
            <p:nvPr/>
          </p:nvPicPr>
          <p:blipFill>
            <a:blip r:embed="rId8" cstate="print"/>
            <a:stretch>
              <a:fillRect/>
            </a:stretch>
          </p:blipFill>
          <p:spPr>
            <a:xfrm>
              <a:off x="1566672" y="5571744"/>
              <a:ext cx="2514600" cy="288036"/>
            </a:xfrm>
            <a:prstGeom prst="rect">
              <a:avLst/>
            </a:prstGeom>
          </p:spPr>
        </p:pic>
        <p:sp>
          <p:nvSpPr>
            <p:cNvPr id="18" name="object 18"/>
            <p:cNvSpPr/>
            <p:nvPr/>
          </p:nvSpPr>
          <p:spPr>
            <a:xfrm>
              <a:off x="1566672" y="5571744"/>
              <a:ext cx="2514600" cy="288290"/>
            </a:xfrm>
            <a:custGeom>
              <a:avLst/>
              <a:gdLst/>
              <a:ahLst/>
              <a:cxnLst/>
              <a:rect l="l" t="t" r="r" b="b"/>
              <a:pathLst>
                <a:path w="2514600" h="288289">
                  <a:moveTo>
                    <a:pt x="2371343" y="0"/>
                  </a:moveTo>
                  <a:lnTo>
                    <a:pt x="3047" y="0"/>
                  </a:lnTo>
                  <a:lnTo>
                    <a:pt x="0" y="3048"/>
                  </a:lnTo>
                  <a:lnTo>
                    <a:pt x="0" y="286512"/>
                  </a:lnTo>
                  <a:lnTo>
                    <a:pt x="3047" y="288036"/>
                  </a:lnTo>
                  <a:lnTo>
                    <a:pt x="2372867" y="288036"/>
                  </a:lnTo>
                  <a:lnTo>
                    <a:pt x="2372867" y="286512"/>
                  </a:lnTo>
                  <a:lnTo>
                    <a:pt x="2375949" y="283464"/>
                  </a:lnTo>
                  <a:lnTo>
                    <a:pt x="10668" y="283464"/>
                  </a:lnTo>
                  <a:lnTo>
                    <a:pt x="4571" y="278892"/>
                  </a:lnTo>
                  <a:lnTo>
                    <a:pt x="10668" y="278892"/>
                  </a:lnTo>
                  <a:lnTo>
                    <a:pt x="10668" y="10668"/>
                  </a:lnTo>
                  <a:lnTo>
                    <a:pt x="4571" y="10668"/>
                  </a:lnTo>
                  <a:lnTo>
                    <a:pt x="10668" y="4572"/>
                  </a:lnTo>
                  <a:lnTo>
                    <a:pt x="2375916" y="4572"/>
                  </a:lnTo>
                  <a:lnTo>
                    <a:pt x="2371343" y="0"/>
                  </a:lnTo>
                  <a:close/>
                </a:path>
                <a:path w="2514600" h="288289">
                  <a:moveTo>
                    <a:pt x="10668" y="278892"/>
                  </a:moveTo>
                  <a:lnTo>
                    <a:pt x="4571" y="278892"/>
                  </a:lnTo>
                  <a:lnTo>
                    <a:pt x="10668" y="283464"/>
                  </a:lnTo>
                  <a:lnTo>
                    <a:pt x="10668" y="278892"/>
                  </a:lnTo>
                  <a:close/>
                </a:path>
                <a:path w="2514600" h="288289">
                  <a:moveTo>
                    <a:pt x="2368296" y="278892"/>
                  </a:moveTo>
                  <a:lnTo>
                    <a:pt x="10668" y="278892"/>
                  </a:lnTo>
                  <a:lnTo>
                    <a:pt x="10668" y="283464"/>
                  </a:lnTo>
                  <a:lnTo>
                    <a:pt x="2375949" y="283464"/>
                  </a:lnTo>
                  <a:lnTo>
                    <a:pt x="2379030" y="280416"/>
                  </a:lnTo>
                  <a:lnTo>
                    <a:pt x="2366772" y="280416"/>
                  </a:lnTo>
                  <a:lnTo>
                    <a:pt x="2368296" y="278892"/>
                  </a:lnTo>
                  <a:close/>
                </a:path>
                <a:path w="2514600" h="288289">
                  <a:moveTo>
                    <a:pt x="2502407" y="144780"/>
                  </a:moveTo>
                  <a:lnTo>
                    <a:pt x="2366772" y="280416"/>
                  </a:lnTo>
                  <a:lnTo>
                    <a:pt x="2369819" y="278892"/>
                  </a:lnTo>
                  <a:lnTo>
                    <a:pt x="2380570" y="278892"/>
                  </a:lnTo>
                  <a:lnTo>
                    <a:pt x="2513059" y="147828"/>
                  </a:lnTo>
                  <a:lnTo>
                    <a:pt x="2505455" y="147828"/>
                  </a:lnTo>
                  <a:lnTo>
                    <a:pt x="2502407" y="144780"/>
                  </a:lnTo>
                  <a:close/>
                </a:path>
                <a:path w="2514600" h="288289">
                  <a:moveTo>
                    <a:pt x="2380570" y="278892"/>
                  </a:moveTo>
                  <a:lnTo>
                    <a:pt x="2369819" y="278892"/>
                  </a:lnTo>
                  <a:lnTo>
                    <a:pt x="2366772" y="280416"/>
                  </a:lnTo>
                  <a:lnTo>
                    <a:pt x="2379030" y="280416"/>
                  </a:lnTo>
                  <a:lnTo>
                    <a:pt x="2380570" y="278892"/>
                  </a:lnTo>
                  <a:close/>
                </a:path>
                <a:path w="2514600" h="288289">
                  <a:moveTo>
                    <a:pt x="2505455" y="141732"/>
                  </a:moveTo>
                  <a:lnTo>
                    <a:pt x="2502407" y="144780"/>
                  </a:lnTo>
                  <a:lnTo>
                    <a:pt x="2505455" y="147828"/>
                  </a:lnTo>
                  <a:lnTo>
                    <a:pt x="2505455" y="141732"/>
                  </a:lnTo>
                  <a:close/>
                </a:path>
                <a:path w="2514600" h="288289">
                  <a:moveTo>
                    <a:pt x="2513076" y="141732"/>
                  </a:moveTo>
                  <a:lnTo>
                    <a:pt x="2505455" y="141732"/>
                  </a:lnTo>
                  <a:lnTo>
                    <a:pt x="2505455" y="147828"/>
                  </a:lnTo>
                  <a:lnTo>
                    <a:pt x="2513059" y="147828"/>
                  </a:lnTo>
                  <a:lnTo>
                    <a:pt x="2514600" y="146304"/>
                  </a:lnTo>
                  <a:lnTo>
                    <a:pt x="2514600" y="143256"/>
                  </a:lnTo>
                  <a:lnTo>
                    <a:pt x="2513076" y="141732"/>
                  </a:lnTo>
                  <a:close/>
                </a:path>
                <a:path w="2514600" h="288289">
                  <a:moveTo>
                    <a:pt x="2366772" y="9144"/>
                  </a:moveTo>
                  <a:lnTo>
                    <a:pt x="2502407" y="144780"/>
                  </a:lnTo>
                  <a:lnTo>
                    <a:pt x="2505455" y="141732"/>
                  </a:lnTo>
                  <a:lnTo>
                    <a:pt x="2513076" y="141732"/>
                  </a:lnTo>
                  <a:lnTo>
                    <a:pt x="2382012" y="10668"/>
                  </a:lnTo>
                  <a:lnTo>
                    <a:pt x="2369819" y="10668"/>
                  </a:lnTo>
                  <a:lnTo>
                    <a:pt x="2366772" y="9144"/>
                  </a:lnTo>
                  <a:close/>
                </a:path>
                <a:path w="2514600" h="288289">
                  <a:moveTo>
                    <a:pt x="10668" y="4572"/>
                  </a:moveTo>
                  <a:lnTo>
                    <a:pt x="4571" y="10668"/>
                  </a:lnTo>
                  <a:lnTo>
                    <a:pt x="10668" y="10668"/>
                  </a:lnTo>
                  <a:lnTo>
                    <a:pt x="10668" y="4572"/>
                  </a:lnTo>
                  <a:close/>
                </a:path>
                <a:path w="2514600" h="288289">
                  <a:moveTo>
                    <a:pt x="2375916" y="4572"/>
                  </a:moveTo>
                  <a:lnTo>
                    <a:pt x="10668" y="4572"/>
                  </a:lnTo>
                  <a:lnTo>
                    <a:pt x="10668" y="10668"/>
                  </a:lnTo>
                  <a:lnTo>
                    <a:pt x="2368296" y="10668"/>
                  </a:lnTo>
                  <a:lnTo>
                    <a:pt x="2366772" y="9144"/>
                  </a:lnTo>
                  <a:lnTo>
                    <a:pt x="2380488" y="9144"/>
                  </a:lnTo>
                  <a:lnTo>
                    <a:pt x="2375916" y="4572"/>
                  </a:lnTo>
                  <a:close/>
                </a:path>
                <a:path w="2514600" h="288289">
                  <a:moveTo>
                    <a:pt x="2380488" y="9144"/>
                  </a:moveTo>
                  <a:lnTo>
                    <a:pt x="2366772" y="9144"/>
                  </a:lnTo>
                  <a:lnTo>
                    <a:pt x="2369819" y="10668"/>
                  </a:lnTo>
                  <a:lnTo>
                    <a:pt x="2382012" y="10668"/>
                  </a:lnTo>
                  <a:lnTo>
                    <a:pt x="2380488" y="9144"/>
                  </a:lnTo>
                  <a:close/>
                </a:path>
              </a:pathLst>
            </a:custGeom>
            <a:solidFill>
              <a:srgbClr val="46AAC4"/>
            </a:solidFill>
          </p:spPr>
          <p:txBody>
            <a:bodyPr wrap="square" lIns="0" tIns="0" rIns="0" bIns="0" rtlCol="0"/>
            <a:lstStyle/>
            <a:p>
              <a:endParaRPr sz="1749"/>
            </a:p>
          </p:txBody>
        </p:sp>
      </p:grpSp>
      <p:sp>
        <p:nvSpPr>
          <p:cNvPr id="19" name="object 19"/>
          <p:cNvSpPr txBox="1"/>
          <p:nvPr/>
        </p:nvSpPr>
        <p:spPr>
          <a:xfrm>
            <a:off x="221225" y="3983394"/>
            <a:ext cx="3977629" cy="1392527"/>
          </a:xfrm>
          <a:prstGeom prst="rect">
            <a:avLst/>
          </a:prstGeom>
        </p:spPr>
        <p:txBody>
          <a:bodyPr vert="horz" wrap="square" lIns="0" tIns="10317" rIns="0" bIns="0" rtlCol="0">
            <a:spAutoFit/>
          </a:bodyPr>
          <a:lstStyle/>
          <a:p>
            <a:pPr marR="150408" algn="ctr">
              <a:spcBef>
                <a:spcPts val="81"/>
              </a:spcBef>
            </a:pPr>
            <a:r>
              <a:rPr sz="1112" spc="-9" dirty="0">
                <a:latin typeface="Meiryo UI"/>
                <a:cs typeface="Meiryo UI"/>
              </a:rPr>
              <a:t>AI</a:t>
            </a:r>
            <a:r>
              <a:rPr sz="1112" spc="-30" dirty="0">
                <a:latin typeface="Meiryo UI"/>
                <a:cs typeface="Meiryo UI"/>
              </a:rPr>
              <a:t>領域の研究開発</a:t>
            </a:r>
            <a:endParaRPr sz="1112" dirty="0">
              <a:latin typeface="Meiryo UI"/>
              <a:cs typeface="Meiryo UI"/>
            </a:endParaRPr>
          </a:p>
          <a:p>
            <a:pPr marL="382264" marR="534301" indent="1086" algn="ctr">
              <a:lnSpc>
                <a:spcPts val="2600"/>
              </a:lnSpc>
              <a:spcBef>
                <a:spcPts val="252"/>
              </a:spcBef>
            </a:pPr>
            <a:r>
              <a:rPr sz="1112" spc="-34" dirty="0">
                <a:latin typeface="Meiryo UI"/>
                <a:cs typeface="Meiryo UI"/>
              </a:rPr>
              <a:t>量子領域の研究開発バイオ領域の研究開発</a:t>
            </a:r>
            <a:endParaRPr sz="1112" dirty="0">
              <a:latin typeface="Meiryo UI"/>
              <a:cs typeface="Meiryo UI"/>
            </a:endParaRPr>
          </a:p>
          <a:p>
            <a:pPr marR="152037" algn="ctr">
              <a:spcBef>
                <a:spcPts val="1124"/>
              </a:spcBef>
            </a:pPr>
            <a:r>
              <a:rPr sz="1112" spc="-34" dirty="0">
                <a:latin typeface="Meiryo UI"/>
                <a:cs typeface="Meiryo UI"/>
              </a:rPr>
              <a:t>インフラ・防災領域の研究開発</a:t>
            </a:r>
            <a:endParaRPr sz="1112" dirty="0">
              <a:latin typeface="Meiryo UI"/>
              <a:cs typeface="Meiryo UI"/>
            </a:endParaRPr>
          </a:p>
          <a:p>
            <a:pPr marL="10860" marR="4344">
              <a:lnSpc>
                <a:spcPts val="1325"/>
              </a:lnSpc>
              <a:spcBef>
                <a:spcPts val="1471"/>
              </a:spcBef>
            </a:pPr>
            <a:r>
              <a:rPr sz="1112" b="1" spc="-34" dirty="0">
                <a:solidFill>
                  <a:srgbClr val="FF0000"/>
                </a:solidFill>
                <a:latin typeface="Meiryo UI"/>
                <a:cs typeface="Meiryo UI"/>
              </a:rPr>
              <a:t>研究開発のフェーズを特定しておらず、社会課題解決や新事業創出にすぐに</a:t>
            </a:r>
            <a:r>
              <a:rPr sz="1112" b="1" spc="-26" dirty="0">
                <a:solidFill>
                  <a:srgbClr val="FF0000"/>
                </a:solidFill>
                <a:latin typeface="Meiryo UI"/>
                <a:cs typeface="Meiryo UI"/>
              </a:rPr>
              <a:t>つながらないものも</a:t>
            </a:r>
            <a:endParaRPr sz="1112" dirty="0">
              <a:latin typeface="Meiryo UI"/>
              <a:cs typeface="Meiryo UI"/>
            </a:endParaRPr>
          </a:p>
        </p:txBody>
      </p:sp>
      <p:sp>
        <p:nvSpPr>
          <p:cNvPr id="20" name="object 20"/>
          <p:cNvSpPr/>
          <p:nvPr/>
        </p:nvSpPr>
        <p:spPr>
          <a:xfrm>
            <a:off x="1622462" y="3506865"/>
            <a:ext cx="410502" cy="338828"/>
          </a:xfrm>
          <a:custGeom>
            <a:avLst/>
            <a:gdLst/>
            <a:ahLst/>
            <a:cxnLst/>
            <a:rect l="l" t="t" r="r" b="b"/>
            <a:pathLst>
              <a:path w="480060" h="396239">
                <a:moveTo>
                  <a:pt x="228600" y="385572"/>
                </a:moveTo>
                <a:lnTo>
                  <a:pt x="227075" y="387096"/>
                </a:lnTo>
                <a:lnTo>
                  <a:pt x="236219" y="396239"/>
                </a:lnTo>
                <a:lnTo>
                  <a:pt x="236981" y="394715"/>
                </a:lnTo>
                <a:lnTo>
                  <a:pt x="236219" y="393191"/>
                </a:lnTo>
                <a:lnTo>
                  <a:pt x="237744" y="393191"/>
                </a:lnTo>
                <a:lnTo>
                  <a:pt x="228600" y="385572"/>
                </a:lnTo>
                <a:close/>
              </a:path>
              <a:path w="480060" h="396239">
                <a:moveTo>
                  <a:pt x="237236" y="394207"/>
                </a:moveTo>
                <a:lnTo>
                  <a:pt x="236981" y="394715"/>
                </a:lnTo>
                <a:lnTo>
                  <a:pt x="237744" y="396239"/>
                </a:lnTo>
                <a:lnTo>
                  <a:pt x="237744" y="394715"/>
                </a:lnTo>
                <a:lnTo>
                  <a:pt x="237236" y="394207"/>
                </a:lnTo>
                <a:close/>
              </a:path>
              <a:path w="480060" h="396239">
                <a:moveTo>
                  <a:pt x="236219" y="393191"/>
                </a:moveTo>
                <a:lnTo>
                  <a:pt x="236981" y="394715"/>
                </a:lnTo>
                <a:lnTo>
                  <a:pt x="237236" y="394207"/>
                </a:lnTo>
                <a:lnTo>
                  <a:pt x="236219" y="393191"/>
                </a:lnTo>
                <a:close/>
              </a:path>
              <a:path w="480060" h="396239">
                <a:moveTo>
                  <a:pt x="237744" y="393191"/>
                </a:moveTo>
                <a:lnTo>
                  <a:pt x="236219" y="393191"/>
                </a:lnTo>
                <a:lnTo>
                  <a:pt x="237236" y="394207"/>
                </a:lnTo>
                <a:lnTo>
                  <a:pt x="237744" y="393191"/>
                </a:lnTo>
                <a:close/>
              </a:path>
              <a:path w="480060" h="396239">
                <a:moveTo>
                  <a:pt x="211836" y="370331"/>
                </a:moveTo>
                <a:lnTo>
                  <a:pt x="208787" y="373379"/>
                </a:lnTo>
                <a:lnTo>
                  <a:pt x="219456" y="381000"/>
                </a:lnTo>
                <a:lnTo>
                  <a:pt x="220980" y="379475"/>
                </a:lnTo>
                <a:lnTo>
                  <a:pt x="211836" y="370331"/>
                </a:lnTo>
                <a:close/>
              </a:path>
              <a:path w="480060" h="396239">
                <a:moveTo>
                  <a:pt x="193547" y="356615"/>
                </a:moveTo>
                <a:lnTo>
                  <a:pt x="192024" y="359663"/>
                </a:lnTo>
                <a:lnTo>
                  <a:pt x="201168" y="367284"/>
                </a:lnTo>
                <a:lnTo>
                  <a:pt x="204215" y="364236"/>
                </a:lnTo>
                <a:lnTo>
                  <a:pt x="193547" y="356615"/>
                </a:lnTo>
                <a:close/>
              </a:path>
              <a:path w="480060" h="396239">
                <a:moveTo>
                  <a:pt x="176783" y="342900"/>
                </a:moveTo>
                <a:lnTo>
                  <a:pt x="175259" y="344424"/>
                </a:lnTo>
                <a:lnTo>
                  <a:pt x="184403" y="353567"/>
                </a:lnTo>
                <a:lnTo>
                  <a:pt x="187451" y="350520"/>
                </a:lnTo>
                <a:lnTo>
                  <a:pt x="176783" y="342900"/>
                </a:lnTo>
                <a:close/>
              </a:path>
              <a:path w="480060" h="396239">
                <a:moveTo>
                  <a:pt x="160019" y="329184"/>
                </a:moveTo>
                <a:lnTo>
                  <a:pt x="158495" y="330708"/>
                </a:lnTo>
                <a:lnTo>
                  <a:pt x="167639" y="338327"/>
                </a:lnTo>
                <a:lnTo>
                  <a:pt x="169163" y="336803"/>
                </a:lnTo>
                <a:lnTo>
                  <a:pt x="160019" y="329184"/>
                </a:lnTo>
                <a:close/>
              </a:path>
              <a:path w="480060" h="396239">
                <a:moveTo>
                  <a:pt x="143256" y="313943"/>
                </a:moveTo>
                <a:lnTo>
                  <a:pt x="140207" y="316991"/>
                </a:lnTo>
                <a:lnTo>
                  <a:pt x="150875" y="324612"/>
                </a:lnTo>
                <a:lnTo>
                  <a:pt x="152400" y="323088"/>
                </a:lnTo>
                <a:lnTo>
                  <a:pt x="143256" y="313943"/>
                </a:lnTo>
                <a:close/>
              </a:path>
              <a:path w="480060" h="396239">
                <a:moveTo>
                  <a:pt x="124968" y="300227"/>
                </a:moveTo>
                <a:lnTo>
                  <a:pt x="123443" y="303275"/>
                </a:lnTo>
                <a:lnTo>
                  <a:pt x="132587" y="310896"/>
                </a:lnTo>
                <a:lnTo>
                  <a:pt x="135636" y="307848"/>
                </a:lnTo>
                <a:lnTo>
                  <a:pt x="124968" y="300227"/>
                </a:lnTo>
                <a:close/>
              </a:path>
              <a:path w="480060" h="396239">
                <a:moveTo>
                  <a:pt x="108203" y="286512"/>
                </a:moveTo>
                <a:lnTo>
                  <a:pt x="106680" y="288036"/>
                </a:lnTo>
                <a:lnTo>
                  <a:pt x="115824" y="297179"/>
                </a:lnTo>
                <a:lnTo>
                  <a:pt x="117347" y="294131"/>
                </a:lnTo>
                <a:lnTo>
                  <a:pt x="108203" y="286512"/>
                </a:lnTo>
                <a:close/>
              </a:path>
              <a:path w="480060" h="396239">
                <a:moveTo>
                  <a:pt x="91439" y="272796"/>
                </a:moveTo>
                <a:lnTo>
                  <a:pt x="88392" y="274320"/>
                </a:lnTo>
                <a:lnTo>
                  <a:pt x="99059" y="281939"/>
                </a:lnTo>
                <a:lnTo>
                  <a:pt x="100583" y="280415"/>
                </a:lnTo>
                <a:lnTo>
                  <a:pt x="91439" y="272796"/>
                </a:lnTo>
                <a:close/>
              </a:path>
              <a:path w="480060" h="396239">
                <a:moveTo>
                  <a:pt x="74675" y="257555"/>
                </a:moveTo>
                <a:lnTo>
                  <a:pt x="71627" y="260603"/>
                </a:lnTo>
                <a:lnTo>
                  <a:pt x="82295" y="268224"/>
                </a:lnTo>
                <a:lnTo>
                  <a:pt x="83819" y="266700"/>
                </a:lnTo>
                <a:lnTo>
                  <a:pt x="74675" y="257555"/>
                </a:lnTo>
                <a:close/>
              </a:path>
              <a:path w="480060" h="396239">
                <a:moveTo>
                  <a:pt x="56387" y="243839"/>
                </a:moveTo>
                <a:lnTo>
                  <a:pt x="54863" y="246887"/>
                </a:lnTo>
                <a:lnTo>
                  <a:pt x="64007" y="254508"/>
                </a:lnTo>
                <a:lnTo>
                  <a:pt x="67056" y="251460"/>
                </a:lnTo>
                <a:lnTo>
                  <a:pt x="56387" y="243839"/>
                </a:lnTo>
                <a:close/>
              </a:path>
              <a:path w="480060" h="396239">
                <a:moveTo>
                  <a:pt x="39624" y="230124"/>
                </a:moveTo>
                <a:lnTo>
                  <a:pt x="38100" y="231648"/>
                </a:lnTo>
                <a:lnTo>
                  <a:pt x="47243" y="240791"/>
                </a:lnTo>
                <a:lnTo>
                  <a:pt x="48768" y="237743"/>
                </a:lnTo>
                <a:lnTo>
                  <a:pt x="39624" y="230124"/>
                </a:lnTo>
                <a:close/>
              </a:path>
              <a:path w="480060" h="396239">
                <a:moveTo>
                  <a:pt x="22859" y="214884"/>
                </a:moveTo>
                <a:lnTo>
                  <a:pt x="19812" y="217931"/>
                </a:lnTo>
                <a:lnTo>
                  <a:pt x="30480" y="225551"/>
                </a:lnTo>
                <a:lnTo>
                  <a:pt x="32003" y="224027"/>
                </a:lnTo>
                <a:lnTo>
                  <a:pt x="22859" y="214884"/>
                </a:lnTo>
                <a:close/>
              </a:path>
              <a:path w="480060" h="396239">
                <a:moveTo>
                  <a:pt x="4571" y="201167"/>
                </a:moveTo>
                <a:lnTo>
                  <a:pt x="3047" y="204215"/>
                </a:lnTo>
                <a:lnTo>
                  <a:pt x="13715" y="211836"/>
                </a:lnTo>
                <a:lnTo>
                  <a:pt x="15239" y="208787"/>
                </a:lnTo>
                <a:lnTo>
                  <a:pt x="4571" y="201167"/>
                </a:lnTo>
                <a:close/>
              </a:path>
              <a:path w="480060" h="396239">
                <a:moveTo>
                  <a:pt x="12192" y="196596"/>
                </a:moveTo>
                <a:lnTo>
                  <a:pt x="0" y="196596"/>
                </a:lnTo>
                <a:lnTo>
                  <a:pt x="0" y="199643"/>
                </a:lnTo>
                <a:lnTo>
                  <a:pt x="12192" y="199643"/>
                </a:lnTo>
                <a:lnTo>
                  <a:pt x="12192" y="196596"/>
                </a:lnTo>
                <a:close/>
              </a:path>
              <a:path w="480060" h="396239">
                <a:moveTo>
                  <a:pt x="35051" y="196596"/>
                </a:moveTo>
                <a:lnTo>
                  <a:pt x="22859" y="196596"/>
                </a:lnTo>
                <a:lnTo>
                  <a:pt x="22859" y="199643"/>
                </a:lnTo>
                <a:lnTo>
                  <a:pt x="35051" y="199643"/>
                </a:lnTo>
                <a:lnTo>
                  <a:pt x="35051" y="196596"/>
                </a:lnTo>
                <a:close/>
              </a:path>
              <a:path w="480060" h="396239">
                <a:moveTo>
                  <a:pt x="57912" y="196596"/>
                </a:moveTo>
                <a:lnTo>
                  <a:pt x="44195" y="196596"/>
                </a:lnTo>
                <a:lnTo>
                  <a:pt x="44195" y="199643"/>
                </a:lnTo>
                <a:lnTo>
                  <a:pt x="57912" y="199643"/>
                </a:lnTo>
                <a:lnTo>
                  <a:pt x="57912" y="196596"/>
                </a:lnTo>
                <a:close/>
              </a:path>
              <a:path w="480060" h="396239">
                <a:moveTo>
                  <a:pt x="79247" y="196596"/>
                </a:moveTo>
                <a:lnTo>
                  <a:pt x="67056" y="196596"/>
                </a:lnTo>
                <a:lnTo>
                  <a:pt x="67056" y="199643"/>
                </a:lnTo>
                <a:lnTo>
                  <a:pt x="79247" y="199643"/>
                </a:lnTo>
                <a:lnTo>
                  <a:pt x="79247" y="196596"/>
                </a:lnTo>
                <a:close/>
              </a:path>
              <a:path w="480060" h="396239">
                <a:moveTo>
                  <a:pt x="102107" y="196596"/>
                </a:moveTo>
                <a:lnTo>
                  <a:pt x="88392" y="196596"/>
                </a:lnTo>
                <a:lnTo>
                  <a:pt x="88392" y="199643"/>
                </a:lnTo>
                <a:lnTo>
                  <a:pt x="102107" y="199643"/>
                </a:lnTo>
                <a:lnTo>
                  <a:pt x="102107" y="196596"/>
                </a:lnTo>
                <a:close/>
              </a:path>
              <a:path w="480060" h="396239">
                <a:moveTo>
                  <a:pt x="115824" y="196596"/>
                </a:moveTo>
                <a:lnTo>
                  <a:pt x="111251" y="196596"/>
                </a:lnTo>
                <a:lnTo>
                  <a:pt x="111251" y="199643"/>
                </a:lnTo>
                <a:lnTo>
                  <a:pt x="118871" y="199643"/>
                </a:lnTo>
                <a:lnTo>
                  <a:pt x="118871" y="198120"/>
                </a:lnTo>
                <a:lnTo>
                  <a:pt x="115824" y="198120"/>
                </a:lnTo>
                <a:lnTo>
                  <a:pt x="115824" y="196596"/>
                </a:lnTo>
                <a:close/>
              </a:path>
              <a:path w="480060" h="396239">
                <a:moveTo>
                  <a:pt x="118871" y="192024"/>
                </a:moveTo>
                <a:lnTo>
                  <a:pt x="115824" y="192024"/>
                </a:lnTo>
                <a:lnTo>
                  <a:pt x="115824" y="198120"/>
                </a:lnTo>
                <a:lnTo>
                  <a:pt x="117347" y="196596"/>
                </a:lnTo>
                <a:lnTo>
                  <a:pt x="118871" y="196596"/>
                </a:lnTo>
                <a:lnTo>
                  <a:pt x="118871" y="192024"/>
                </a:lnTo>
                <a:close/>
              </a:path>
              <a:path w="480060" h="396239">
                <a:moveTo>
                  <a:pt x="118871" y="196596"/>
                </a:moveTo>
                <a:lnTo>
                  <a:pt x="117347" y="196596"/>
                </a:lnTo>
                <a:lnTo>
                  <a:pt x="115824" y="198120"/>
                </a:lnTo>
                <a:lnTo>
                  <a:pt x="118871" y="198120"/>
                </a:lnTo>
                <a:lnTo>
                  <a:pt x="118871" y="196596"/>
                </a:lnTo>
                <a:close/>
              </a:path>
              <a:path w="480060" h="396239">
                <a:moveTo>
                  <a:pt x="118871" y="169163"/>
                </a:moveTo>
                <a:lnTo>
                  <a:pt x="115824" y="169163"/>
                </a:lnTo>
                <a:lnTo>
                  <a:pt x="115824" y="181355"/>
                </a:lnTo>
                <a:lnTo>
                  <a:pt x="118871" y="181355"/>
                </a:lnTo>
                <a:lnTo>
                  <a:pt x="118871" y="169163"/>
                </a:lnTo>
                <a:close/>
              </a:path>
              <a:path w="480060" h="396239">
                <a:moveTo>
                  <a:pt x="118871" y="147827"/>
                </a:moveTo>
                <a:lnTo>
                  <a:pt x="115824" y="147827"/>
                </a:lnTo>
                <a:lnTo>
                  <a:pt x="115824" y="160020"/>
                </a:lnTo>
                <a:lnTo>
                  <a:pt x="118871" y="160020"/>
                </a:lnTo>
                <a:lnTo>
                  <a:pt x="118871" y="147827"/>
                </a:lnTo>
                <a:close/>
              </a:path>
              <a:path w="480060" h="396239">
                <a:moveTo>
                  <a:pt x="118871" y="124967"/>
                </a:moveTo>
                <a:lnTo>
                  <a:pt x="115824" y="124967"/>
                </a:lnTo>
                <a:lnTo>
                  <a:pt x="115824" y="137160"/>
                </a:lnTo>
                <a:lnTo>
                  <a:pt x="118871" y="137160"/>
                </a:lnTo>
                <a:lnTo>
                  <a:pt x="118871" y="124967"/>
                </a:lnTo>
                <a:close/>
              </a:path>
              <a:path w="480060" h="396239">
                <a:moveTo>
                  <a:pt x="118871" y="102108"/>
                </a:moveTo>
                <a:lnTo>
                  <a:pt x="115824" y="102108"/>
                </a:lnTo>
                <a:lnTo>
                  <a:pt x="115824" y="115824"/>
                </a:lnTo>
                <a:lnTo>
                  <a:pt x="118871" y="115824"/>
                </a:lnTo>
                <a:lnTo>
                  <a:pt x="118871" y="102108"/>
                </a:lnTo>
                <a:close/>
              </a:path>
              <a:path w="480060" h="396239">
                <a:moveTo>
                  <a:pt x="118871" y="80772"/>
                </a:moveTo>
                <a:lnTo>
                  <a:pt x="115824" y="80772"/>
                </a:lnTo>
                <a:lnTo>
                  <a:pt x="115824" y="92963"/>
                </a:lnTo>
                <a:lnTo>
                  <a:pt x="118871" y="92963"/>
                </a:lnTo>
                <a:lnTo>
                  <a:pt x="118871" y="80772"/>
                </a:lnTo>
                <a:close/>
              </a:path>
              <a:path w="480060" h="396239">
                <a:moveTo>
                  <a:pt x="118871" y="57912"/>
                </a:moveTo>
                <a:lnTo>
                  <a:pt x="115824" y="57912"/>
                </a:lnTo>
                <a:lnTo>
                  <a:pt x="115824" y="71627"/>
                </a:lnTo>
                <a:lnTo>
                  <a:pt x="118871" y="71627"/>
                </a:lnTo>
                <a:lnTo>
                  <a:pt x="118871" y="57912"/>
                </a:lnTo>
                <a:close/>
              </a:path>
              <a:path w="480060" h="396239">
                <a:moveTo>
                  <a:pt x="118871" y="36575"/>
                </a:moveTo>
                <a:lnTo>
                  <a:pt x="115824" y="36575"/>
                </a:lnTo>
                <a:lnTo>
                  <a:pt x="115824" y="48767"/>
                </a:lnTo>
                <a:lnTo>
                  <a:pt x="118871" y="48767"/>
                </a:lnTo>
                <a:lnTo>
                  <a:pt x="118871" y="36575"/>
                </a:lnTo>
                <a:close/>
              </a:path>
              <a:path w="480060" h="396239">
                <a:moveTo>
                  <a:pt x="118871" y="13715"/>
                </a:moveTo>
                <a:lnTo>
                  <a:pt x="115824" y="13715"/>
                </a:lnTo>
                <a:lnTo>
                  <a:pt x="115824" y="25908"/>
                </a:lnTo>
                <a:lnTo>
                  <a:pt x="118871" y="25908"/>
                </a:lnTo>
                <a:lnTo>
                  <a:pt x="118871" y="13715"/>
                </a:lnTo>
                <a:close/>
              </a:path>
              <a:path w="480060" h="396239">
                <a:moveTo>
                  <a:pt x="128015" y="0"/>
                </a:moveTo>
                <a:lnTo>
                  <a:pt x="115824" y="0"/>
                </a:lnTo>
                <a:lnTo>
                  <a:pt x="115824" y="4572"/>
                </a:lnTo>
                <a:lnTo>
                  <a:pt x="118871" y="4572"/>
                </a:lnTo>
                <a:lnTo>
                  <a:pt x="118871" y="3048"/>
                </a:lnTo>
                <a:lnTo>
                  <a:pt x="117347" y="3048"/>
                </a:lnTo>
                <a:lnTo>
                  <a:pt x="118871" y="1524"/>
                </a:lnTo>
                <a:lnTo>
                  <a:pt x="128015" y="1524"/>
                </a:lnTo>
                <a:lnTo>
                  <a:pt x="128015" y="0"/>
                </a:lnTo>
                <a:close/>
              </a:path>
              <a:path w="480060" h="396239">
                <a:moveTo>
                  <a:pt x="118871" y="1524"/>
                </a:moveTo>
                <a:lnTo>
                  <a:pt x="117347" y="3048"/>
                </a:lnTo>
                <a:lnTo>
                  <a:pt x="118871" y="3048"/>
                </a:lnTo>
                <a:lnTo>
                  <a:pt x="118871" y="1524"/>
                </a:lnTo>
                <a:close/>
              </a:path>
              <a:path w="480060" h="396239">
                <a:moveTo>
                  <a:pt x="128015" y="1524"/>
                </a:moveTo>
                <a:lnTo>
                  <a:pt x="118871" y="1524"/>
                </a:lnTo>
                <a:lnTo>
                  <a:pt x="118871" y="3048"/>
                </a:lnTo>
                <a:lnTo>
                  <a:pt x="128015" y="3048"/>
                </a:lnTo>
                <a:lnTo>
                  <a:pt x="128015" y="1524"/>
                </a:lnTo>
                <a:close/>
              </a:path>
              <a:path w="480060" h="396239">
                <a:moveTo>
                  <a:pt x="149351" y="0"/>
                </a:moveTo>
                <a:lnTo>
                  <a:pt x="137159" y="0"/>
                </a:lnTo>
                <a:lnTo>
                  <a:pt x="137159" y="3048"/>
                </a:lnTo>
                <a:lnTo>
                  <a:pt x="149351" y="3048"/>
                </a:lnTo>
                <a:lnTo>
                  <a:pt x="149351" y="0"/>
                </a:lnTo>
                <a:close/>
              </a:path>
              <a:path w="480060" h="396239">
                <a:moveTo>
                  <a:pt x="172212" y="0"/>
                </a:moveTo>
                <a:lnTo>
                  <a:pt x="160019" y="0"/>
                </a:lnTo>
                <a:lnTo>
                  <a:pt x="160019" y="3048"/>
                </a:lnTo>
                <a:lnTo>
                  <a:pt x="172212" y="3048"/>
                </a:lnTo>
                <a:lnTo>
                  <a:pt x="172212" y="0"/>
                </a:lnTo>
                <a:close/>
              </a:path>
              <a:path w="480060" h="396239">
                <a:moveTo>
                  <a:pt x="193547" y="0"/>
                </a:moveTo>
                <a:lnTo>
                  <a:pt x="181356" y="0"/>
                </a:lnTo>
                <a:lnTo>
                  <a:pt x="181356" y="3048"/>
                </a:lnTo>
                <a:lnTo>
                  <a:pt x="193547" y="3048"/>
                </a:lnTo>
                <a:lnTo>
                  <a:pt x="193547" y="0"/>
                </a:lnTo>
                <a:close/>
              </a:path>
              <a:path w="480060" h="396239">
                <a:moveTo>
                  <a:pt x="216407" y="0"/>
                </a:moveTo>
                <a:lnTo>
                  <a:pt x="204215" y="0"/>
                </a:lnTo>
                <a:lnTo>
                  <a:pt x="204215" y="3048"/>
                </a:lnTo>
                <a:lnTo>
                  <a:pt x="216407" y="3048"/>
                </a:lnTo>
                <a:lnTo>
                  <a:pt x="216407" y="0"/>
                </a:lnTo>
                <a:close/>
              </a:path>
              <a:path w="480060" h="396239">
                <a:moveTo>
                  <a:pt x="239268" y="0"/>
                </a:moveTo>
                <a:lnTo>
                  <a:pt x="225551" y="0"/>
                </a:lnTo>
                <a:lnTo>
                  <a:pt x="225551" y="3048"/>
                </a:lnTo>
                <a:lnTo>
                  <a:pt x="239268" y="3048"/>
                </a:lnTo>
                <a:lnTo>
                  <a:pt x="239268" y="0"/>
                </a:lnTo>
                <a:close/>
              </a:path>
              <a:path w="480060" h="396239">
                <a:moveTo>
                  <a:pt x="260603" y="0"/>
                </a:moveTo>
                <a:lnTo>
                  <a:pt x="248412" y="0"/>
                </a:lnTo>
                <a:lnTo>
                  <a:pt x="248412" y="3048"/>
                </a:lnTo>
                <a:lnTo>
                  <a:pt x="260603" y="3048"/>
                </a:lnTo>
                <a:lnTo>
                  <a:pt x="260603" y="0"/>
                </a:lnTo>
                <a:close/>
              </a:path>
              <a:path w="480060" h="396239">
                <a:moveTo>
                  <a:pt x="283463" y="0"/>
                </a:moveTo>
                <a:lnTo>
                  <a:pt x="269747" y="0"/>
                </a:lnTo>
                <a:lnTo>
                  <a:pt x="269747" y="3048"/>
                </a:lnTo>
                <a:lnTo>
                  <a:pt x="283463" y="3048"/>
                </a:lnTo>
                <a:lnTo>
                  <a:pt x="283463" y="0"/>
                </a:lnTo>
                <a:close/>
              </a:path>
              <a:path w="480060" h="396239">
                <a:moveTo>
                  <a:pt x="304800" y="0"/>
                </a:moveTo>
                <a:lnTo>
                  <a:pt x="292607" y="0"/>
                </a:lnTo>
                <a:lnTo>
                  <a:pt x="292607" y="3048"/>
                </a:lnTo>
                <a:lnTo>
                  <a:pt x="304800" y="3048"/>
                </a:lnTo>
                <a:lnTo>
                  <a:pt x="304800" y="0"/>
                </a:lnTo>
                <a:close/>
              </a:path>
              <a:path w="480060" h="396239">
                <a:moveTo>
                  <a:pt x="327659" y="0"/>
                </a:moveTo>
                <a:lnTo>
                  <a:pt x="315468" y="0"/>
                </a:lnTo>
                <a:lnTo>
                  <a:pt x="315468" y="3048"/>
                </a:lnTo>
                <a:lnTo>
                  <a:pt x="327659" y="3048"/>
                </a:lnTo>
                <a:lnTo>
                  <a:pt x="327659" y="0"/>
                </a:lnTo>
                <a:close/>
              </a:path>
              <a:path w="480060" h="396239">
                <a:moveTo>
                  <a:pt x="350519" y="0"/>
                </a:moveTo>
                <a:lnTo>
                  <a:pt x="336803" y="0"/>
                </a:lnTo>
                <a:lnTo>
                  <a:pt x="336803" y="3048"/>
                </a:lnTo>
                <a:lnTo>
                  <a:pt x="350519" y="3048"/>
                </a:lnTo>
                <a:lnTo>
                  <a:pt x="350519" y="0"/>
                </a:lnTo>
                <a:close/>
              </a:path>
              <a:path w="480060" h="396239">
                <a:moveTo>
                  <a:pt x="358139" y="4572"/>
                </a:moveTo>
                <a:lnTo>
                  <a:pt x="355092" y="4572"/>
                </a:lnTo>
                <a:lnTo>
                  <a:pt x="355092" y="16763"/>
                </a:lnTo>
                <a:lnTo>
                  <a:pt x="358139" y="16763"/>
                </a:lnTo>
                <a:lnTo>
                  <a:pt x="358139" y="4572"/>
                </a:lnTo>
                <a:close/>
              </a:path>
              <a:path w="480060" h="396239">
                <a:moveTo>
                  <a:pt x="358139" y="25908"/>
                </a:moveTo>
                <a:lnTo>
                  <a:pt x="355092" y="25908"/>
                </a:lnTo>
                <a:lnTo>
                  <a:pt x="355092" y="39624"/>
                </a:lnTo>
                <a:lnTo>
                  <a:pt x="358139" y="39624"/>
                </a:lnTo>
                <a:lnTo>
                  <a:pt x="358139" y="25908"/>
                </a:lnTo>
                <a:close/>
              </a:path>
              <a:path w="480060" h="396239">
                <a:moveTo>
                  <a:pt x="358139" y="48767"/>
                </a:moveTo>
                <a:lnTo>
                  <a:pt x="355092" y="48767"/>
                </a:lnTo>
                <a:lnTo>
                  <a:pt x="355092" y="60960"/>
                </a:lnTo>
                <a:lnTo>
                  <a:pt x="358139" y="60960"/>
                </a:lnTo>
                <a:lnTo>
                  <a:pt x="358139" y="48767"/>
                </a:lnTo>
                <a:close/>
              </a:path>
              <a:path w="480060" h="396239">
                <a:moveTo>
                  <a:pt x="358139" y="70103"/>
                </a:moveTo>
                <a:lnTo>
                  <a:pt x="355092" y="70103"/>
                </a:lnTo>
                <a:lnTo>
                  <a:pt x="355092" y="83820"/>
                </a:lnTo>
                <a:lnTo>
                  <a:pt x="358139" y="83820"/>
                </a:lnTo>
                <a:lnTo>
                  <a:pt x="358139" y="70103"/>
                </a:lnTo>
                <a:close/>
              </a:path>
              <a:path w="480060" h="396239">
                <a:moveTo>
                  <a:pt x="358139" y="92963"/>
                </a:moveTo>
                <a:lnTo>
                  <a:pt x="355092" y="92963"/>
                </a:lnTo>
                <a:lnTo>
                  <a:pt x="355092" y="105155"/>
                </a:lnTo>
                <a:lnTo>
                  <a:pt x="358139" y="105155"/>
                </a:lnTo>
                <a:lnTo>
                  <a:pt x="358139" y="92963"/>
                </a:lnTo>
                <a:close/>
              </a:path>
              <a:path w="480060" h="396239">
                <a:moveTo>
                  <a:pt x="358139" y="115824"/>
                </a:moveTo>
                <a:lnTo>
                  <a:pt x="355092" y="115824"/>
                </a:lnTo>
                <a:lnTo>
                  <a:pt x="355092" y="128015"/>
                </a:lnTo>
                <a:lnTo>
                  <a:pt x="358139" y="128015"/>
                </a:lnTo>
                <a:lnTo>
                  <a:pt x="358139" y="115824"/>
                </a:lnTo>
                <a:close/>
              </a:path>
              <a:path w="480060" h="396239">
                <a:moveTo>
                  <a:pt x="358139" y="137160"/>
                </a:moveTo>
                <a:lnTo>
                  <a:pt x="355092" y="137160"/>
                </a:lnTo>
                <a:lnTo>
                  <a:pt x="355092" y="149351"/>
                </a:lnTo>
                <a:lnTo>
                  <a:pt x="358139" y="149351"/>
                </a:lnTo>
                <a:lnTo>
                  <a:pt x="358139" y="137160"/>
                </a:lnTo>
                <a:close/>
              </a:path>
              <a:path w="480060" h="396239">
                <a:moveTo>
                  <a:pt x="358139" y="160020"/>
                </a:moveTo>
                <a:lnTo>
                  <a:pt x="355092" y="160020"/>
                </a:lnTo>
                <a:lnTo>
                  <a:pt x="355092" y="172212"/>
                </a:lnTo>
                <a:lnTo>
                  <a:pt x="358139" y="172212"/>
                </a:lnTo>
                <a:lnTo>
                  <a:pt x="358139" y="160020"/>
                </a:lnTo>
                <a:close/>
              </a:path>
              <a:path w="480060" h="396239">
                <a:moveTo>
                  <a:pt x="358139" y="181355"/>
                </a:moveTo>
                <a:lnTo>
                  <a:pt x="355092" y="181355"/>
                </a:lnTo>
                <a:lnTo>
                  <a:pt x="355092" y="195072"/>
                </a:lnTo>
                <a:lnTo>
                  <a:pt x="358139" y="195072"/>
                </a:lnTo>
                <a:lnTo>
                  <a:pt x="358139" y="181355"/>
                </a:lnTo>
                <a:close/>
              </a:path>
              <a:path w="480060" h="396239">
                <a:moveTo>
                  <a:pt x="374903" y="196596"/>
                </a:moveTo>
                <a:lnTo>
                  <a:pt x="362712" y="196596"/>
                </a:lnTo>
                <a:lnTo>
                  <a:pt x="362712" y="199643"/>
                </a:lnTo>
                <a:lnTo>
                  <a:pt x="374903" y="199643"/>
                </a:lnTo>
                <a:lnTo>
                  <a:pt x="374903" y="196596"/>
                </a:lnTo>
                <a:close/>
              </a:path>
              <a:path w="480060" h="396239">
                <a:moveTo>
                  <a:pt x="397763" y="196596"/>
                </a:moveTo>
                <a:lnTo>
                  <a:pt x="385571" y="196596"/>
                </a:lnTo>
                <a:lnTo>
                  <a:pt x="385571" y="199643"/>
                </a:lnTo>
                <a:lnTo>
                  <a:pt x="397763" y="199643"/>
                </a:lnTo>
                <a:lnTo>
                  <a:pt x="397763" y="196596"/>
                </a:lnTo>
                <a:close/>
              </a:path>
              <a:path w="480060" h="396239">
                <a:moveTo>
                  <a:pt x="420624" y="196596"/>
                </a:moveTo>
                <a:lnTo>
                  <a:pt x="406907" y="196596"/>
                </a:lnTo>
                <a:lnTo>
                  <a:pt x="406907" y="199643"/>
                </a:lnTo>
                <a:lnTo>
                  <a:pt x="420624" y="199643"/>
                </a:lnTo>
                <a:lnTo>
                  <a:pt x="420624" y="196596"/>
                </a:lnTo>
                <a:close/>
              </a:path>
              <a:path w="480060" h="396239">
                <a:moveTo>
                  <a:pt x="441959" y="196596"/>
                </a:moveTo>
                <a:lnTo>
                  <a:pt x="429768" y="196596"/>
                </a:lnTo>
                <a:lnTo>
                  <a:pt x="429768" y="199643"/>
                </a:lnTo>
                <a:lnTo>
                  <a:pt x="441959" y="199643"/>
                </a:lnTo>
                <a:lnTo>
                  <a:pt x="441959" y="196596"/>
                </a:lnTo>
                <a:close/>
              </a:path>
              <a:path w="480060" h="396239">
                <a:moveTo>
                  <a:pt x="464819" y="196596"/>
                </a:moveTo>
                <a:lnTo>
                  <a:pt x="451103" y="196596"/>
                </a:lnTo>
                <a:lnTo>
                  <a:pt x="451103" y="199643"/>
                </a:lnTo>
                <a:lnTo>
                  <a:pt x="464819" y="199643"/>
                </a:lnTo>
                <a:lnTo>
                  <a:pt x="464819" y="196596"/>
                </a:lnTo>
                <a:close/>
              </a:path>
              <a:path w="480060" h="396239">
                <a:moveTo>
                  <a:pt x="473963" y="197612"/>
                </a:moveTo>
                <a:lnTo>
                  <a:pt x="466344" y="202691"/>
                </a:lnTo>
                <a:lnTo>
                  <a:pt x="469392" y="205739"/>
                </a:lnTo>
                <a:lnTo>
                  <a:pt x="476504" y="199643"/>
                </a:lnTo>
                <a:lnTo>
                  <a:pt x="473963" y="199643"/>
                </a:lnTo>
                <a:lnTo>
                  <a:pt x="473963" y="197612"/>
                </a:lnTo>
                <a:close/>
              </a:path>
              <a:path w="480060" h="396239">
                <a:moveTo>
                  <a:pt x="475488" y="196596"/>
                </a:moveTo>
                <a:lnTo>
                  <a:pt x="473963" y="197612"/>
                </a:lnTo>
                <a:lnTo>
                  <a:pt x="473963" y="199643"/>
                </a:lnTo>
                <a:lnTo>
                  <a:pt x="475488" y="199643"/>
                </a:lnTo>
                <a:lnTo>
                  <a:pt x="475488" y="196596"/>
                </a:lnTo>
                <a:close/>
              </a:path>
              <a:path w="480060" h="396239">
                <a:moveTo>
                  <a:pt x="480059" y="196596"/>
                </a:moveTo>
                <a:lnTo>
                  <a:pt x="475488" y="196596"/>
                </a:lnTo>
                <a:lnTo>
                  <a:pt x="475488" y="199643"/>
                </a:lnTo>
                <a:lnTo>
                  <a:pt x="476504" y="199643"/>
                </a:lnTo>
                <a:lnTo>
                  <a:pt x="480059" y="196596"/>
                </a:lnTo>
                <a:close/>
              </a:path>
              <a:path w="480060" h="396239">
                <a:moveTo>
                  <a:pt x="475488" y="196596"/>
                </a:moveTo>
                <a:lnTo>
                  <a:pt x="473963" y="196596"/>
                </a:lnTo>
                <a:lnTo>
                  <a:pt x="473963" y="197612"/>
                </a:lnTo>
                <a:lnTo>
                  <a:pt x="475488" y="196596"/>
                </a:lnTo>
                <a:close/>
              </a:path>
              <a:path w="480060" h="396239">
                <a:moveTo>
                  <a:pt x="460247" y="208787"/>
                </a:moveTo>
                <a:lnTo>
                  <a:pt x="449580" y="217931"/>
                </a:lnTo>
                <a:lnTo>
                  <a:pt x="451103" y="219455"/>
                </a:lnTo>
                <a:lnTo>
                  <a:pt x="461771" y="211836"/>
                </a:lnTo>
                <a:lnTo>
                  <a:pt x="460247" y="208787"/>
                </a:lnTo>
                <a:close/>
              </a:path>
              <a:path w="480060" h="396239">
                <a:moveTo>
                  <a:pt x="441959" y="224027"/>
                </a:moveTo>
                <a:lnTo>
                  <a:pt x="432815" y="231648"/>
                </a:lnTo>
                <a:lnTo>
                  <a:pt x="434339" y="234696"/>
                </a:lnTo>
                <a:lnTo>
                  <a:pt x="445007" y="225551"/>
                </a:lnTo>
                <a:lnTo>
                  <a:pt x="441959" y="224027"/>
                </a:lnTo>
                <a:close/>
              </a:path>
              <a:path w="480060" h="396239">
                <a:moveTo>
                  <a:pt x="425195" y="237743"/>
                </a:moveTo>
                <a:lnTo>
                  <a:pt x="416051" y="245363"/>
                </a:lnTo>
                <a:lnTo>
                  <a:pt x="417575" y="248412"/>
                </a:lnTo>
                <a:lnTo>
                  <a:pt x="426719" y="240791"/>
                </a:lnTo>
                <a:lnTo>
                  <a:pt x="425195" y="237743"/>
                </a:lnTo>
                <a:close/>
              </a:path>
              <a:path w="480060" h="396239">
                <a:moveTo>
                  <a:pt x="408431" y="251460"/>
                </a:moveTo>
                <a:lnTo>
                  <a:pt x="397763" y="259079"/>
                </a:lnTo>
                <a:lnTo>
                  <a:pt x="400812" y="262127"/>
                </a:lnTo>
                <a:lnTo>
                  <a:pt x="409956" y="254508"/>
                </a:lnTo>
                <a:lnTo>
                  <a:pt x="408431" y="251460"/>
                </a:lnTo>
                <a:close/>
              </a:path>
              <a:path w="480060" h="396239">
                <a:moveTo>
                  <a:pt x="391668" y="265175"/>
                </a:moveTo>
                <a:lnTo>
                  <a:pt x="381000" y="274320"/>
                </a:lnTo>
                <a:lnTo>
                  <a:pt x="382524" y="275843"/>
                </a:lnTo>
                <a:lnTo>
                  <a:pt x="393192" y="268224"/>
                </a:lnTo>
                <a:lnTo>
                  <a:pt x="391668" y="265175"/>
                </a:lnTo>
                <a:close/>
              </a:path>
              <a:path w="480060" h="396239">
                <a:moveTo>
                  <a:pt x="373380" y="280415"/>
                </a:moveTo>
                <a:lnTo>
                  <a:pt x="364236" y="288036"/>
                </a:lnTo>
                <a:lnTo>
                  <a:pt x="365759" y="291084"/>
                </a:lnTo>
                <a:lnTo>
                  <a:pt x="376427" y="281939"/>
                </a:lnTo>
                <a:lnTo>
                  <a:pt x="373380" y="280415"/>
                </a:lnTo>
                <a:close/>
              </a:path>
              <a:path w="480060" h="396239">
                <a:moveTo>
                  <a:pt x="356615" y="294131"/>
                </a:moveTo>
                <a:lnTo>
                  <a:pt x="347471" y="301751"/>
                </a:lnTo>
                <a:lnTo>
                  <a:pt x="348995" y="304800"/>
                </a:lnTo>
                <a:lnTo>
                  <a:pt x="358139" y="297179"/>
                </a:lnTo>
                <a:lnTo>
                  <a:pt x="356615" y="294131"/>
                </a:lnTo>
                <a:close/>
              </a:path>
              <a:path w="480060" h="396239">
                <a:moveTo>
                  <a:pt x="339851" y="307848"/>
                </a:moveTo>
                <a:lnTo>
                  <a:pt x="329183" y="316991"/>
                </a:lnTo>
                <a:lnTo>
                  <a:pt x="332231" y="318515"/>
                </a:lnTo>
                <a:lnTo>
                  <a:pt x="341375" y="310896"/>
                </a:lnTo>
                <a:lnTo>
                  <a:pt x="339851" y="307848"/>
                </a:lnTo>
                <a:close/>
              </a:path>
              <a:path w="480060" h="396239">
                <a:moveTo>
                  <a:pt x="321563" y="321563"/>
                </a:moveTo>
                <a:lnTo>
                  <a:pt x="312419" y="330708"/>
                </a:lnTo>
                <a:lnTo>
                  <a:pt x="313944" y="332231"/>
                </a:lnTo>
                <a:lnTo>
                  <a:pt x="324612" y="324612"/>
                </a:lnTo>
                <a:lnTo>
                  <a:pt x="321563" y="321563"/>
                </a:lnTo>
                <a:close/>
              </a:path>
              <a:path w="480060" h="396239">
                <a:moveTo>
                  <a:pt x="304800" y="336803"/>
                </a:moveTo>
                <a:lnTo>
                  <a:pt x="295656" y="344424"/>
                </a:lnTo>
                <a:lnTo>
                  <a:pt x="297180" y="347472"/>
                </a:lnTo>
                <a:lnTo>
                  <a:pt x="307847" y="338327"/>
                </a:lnTo>
                <a:lnTo>
                  <a:pt x="304800" y="336803"/>
                </a:lnTo>
                <a:close/>
              </a:path>
              <a:path w="480060" h="396239">
                <a:moveTo>
                  <a:pt x="288036" y="350520"/>
                </a:moveTo>
                <a:lnTo>
                  <a:pt x="278892" y="358139"/>
                </a:lnTo>
                <a:lnTo>
                  <a:pt x="280415" y="361188"/>
                </a:lnTo>
                <a:lnTo>
                  <a:pt x="289559" y="353567"/>
                </a:lnTo>
                <a:lnTo>
                  <a:pt x="288036" y="350520"/>
                </a:lnTo>
                <a:close/>
              </a:path>
              <a:path w="480060" h="396239">
                <a:moveTo>
                  <a:pt x="271271" y="364236"/>
                </a:moveTo>
                <a:lnTo>
                  <a:pt x="260603" y="373379"/>
                </a:lnTo>
                <a:lnTo>
                  <a:pt x="263651" y="374903"/>
                </a:lnTo>
                <a:lnTo>
                  <a:pt x="272795" y="367284"/>
                </a:lnTo>
                <a:lnTo>
                  <a:pt x="271271" y="364236"/>
                </a:lnTo>
                <a:close/>
              </a:path>
              <a:path w="480060" h="396239">
                <a:moveTo>
                  <a:pt x="252983" y="379475"/>
                </a:moveTo>
                <a:lnTo>
                  <a:pt x="243839" y="387096"/>
                </a:lnTo>
                <a:lnTo>
                  <a:pt x="245363" y="388620"/>
                </a:lnTo>
                <a:lnTo>
                  <a:pt x="256031" y="381000"/>
                </a:lnTo>
                <a:lnTo>
                  <a:pt x="252983" y="379475"/>
                </a:lnTo>
                <a:close/>
              </a:path>
            </a:pathLst>
          </a:custGeom>
          <a:solidFill>
            <a:srgbClr val="7E7E7E"/>
          </a:solidFill>
        </p:spPr>
        <p:txBody>
          <a:bodyPr wrap="square" lIns="0" tIns="0" rIns="0" bIns="0" rtlCol="0"/>
          <a:lstStyle/>
          <a:p>
            <a:endParaRPr sz="1749"/>
          </a:p>
        </p:txBody>
      </p:sp>
      <p:sp>
        <p:nvSpPr>
          <p:cNvPr id="21" name="object 21"/>
          <p:cNvSpPr txBox="1"/>
          <p:nvPr/>
        </p:nvSpPr>
        <p:spPr>
          <a:xfrm>
            <a:off x="1344451" y="3291405"/>
            <a:ext cx="2124731" cy="301081"/>
          </a:xfrm>
          <a:prstGeom prst="rect">
            <a:avLst/>
          </a:prstGeom>
        </p:spPr>
        <p:txBody>
          <a:bodyPr vert="horz" wrap="square" lIns="0" tIns="11403" rIns="0" bIns="0" rtlCol="0">
            <a:spAutoFit/>
          </a:bodyPr>
          <a:lstStyle/>
          <a:p>
            <a:pPr marL="10860">
              <a:spcBef>
                <a:spcPts val="90"/>
              </a:spcBef>
            </a:pPr>
            <a:r>
              <a:rPr sz="941" spc="-9" dirty="0">
                <a:latin typeface="Meiryo UI"/>
                <a:cs typeface="Meiryo UI"/>
              </a:rPr>
              <a:t>CSTI</a:t>
            </a:r>
            <a:r>
              <a:rPr sz="941" spc="-13" dirty="0">
                <a:latin typeface="Meiryo UI"/>
                <a:cs typeface="Meiryo UI"/>
              </a:rPr>
              <a:t>が各省庁の研究開発に予算をアドオン</a:t>
            </a:r>
            <a:endParaRPr sz="941">
              <a:latin typeface="Meiryo UI"/>
              <a:cs typeface="Meiryo UI"/>
            </a:endParaRPr>
          </a:p>
        </p:txBody>
      </p:sp>
      <p:pic>
        <p:nvPicPr>
          <p:cNvPr id="22" name="object 22"/>
          <p:cNvPicPr/>
          <p:nvPr/>
        </p:nvPicPr>
        <p:blipFill>
          <a:blip r:embed="rId9" cstate="print"/>
          <a:stretch>
            <a:fillRect/>
          </a:stretch>
        </p:blipFill>
        <p:spPr>
          <a:xfrm>
            <a:off x="6225304" y="3270989"/>
            <a:ext cx="424838" cy="324492"/>
          </a:xfrm>
          <a:prstGeom prst="rect">
            <a:avLst/>
          </a:prstGeom>
        </p:spPr>
      </p:pic>
      <p:sp>
        <p:nvSpPr>
          <p:cNvPr id="23" name="object 23"/>
          <p:cNvSpPr txBox="1"/>
          <p:nvPr/>
        </p:nvSpPr>
        <p:spPr>
          <a:xfrm>
            <a:off x="4762698" y="2341384"/>
            <a:ext cx="3353524" cy="1410225"/>
          </a:xfrm>
          <a:prstGeom prst="rect">
            <a:avLst/>
          </a:prstGeom>
        </p:spPr>
        <p:txBody>
          <a:bodyPr vert="horz" wrap="square" lIns="0" tIns="10317" rIns="0" bIns="0" rtlCol="0">
            <a:spAutoFit/>
          </a:bodyPr>
          <a:lstStyle/>
          <a:p>
            <a:pPr marL="10860">
              <a:spcBef>
                <a:spcPts val="81"/>
              </a:spcBef>
            </a:pPr>
            <a:r>
              <a:rPr sz="1582" b="1" spc="-9" dirty="0">
                <a:latin typeface="Meiryo UI"/>
                <a:cs typeface="Meiryo UI"/>
              </a:rPr>
              <a:t>＜BRIDGE＞</a:t>
            </a:r>
            <a:endParaRPr sz="1582">
              <a:latin typeface="Meiryo UI"/>
              <a:cs typeface="Meiryo UI"/>
            </a:endParaRPr>
          </a:p>
          <a:p>
            <a:pPr marL="84706" marR="36380" algn="just">
              <a:lnSpc>
                <a:spcPct val="100600"/>
              </a:lnSpc>
              <a:spcBef>
                <a:spcPts val="60"/>
              </a:spcBef>
            </a:pPr>
            <a:r>
              <a:rPr sz="1411" b="1" u="sng" spc="-13" dirty="0">
                <a:uFill>
                  <a:solidFill>
                    <a:srgbClr val="000000"/>
                  </a:solidFill>
                </a:uFill>
                <a:latin typeface="Meiryo UI"/>
                <a:cs typeface="Meiryo UI"/>
              </a:rPr>
              <a:t>研究開発の成果を生かし、社会課題解決や</a:t>
            </a:r>
            <a:r>
              <a:rPr sz="1411" b="1" u="sng" spc="428" dirty="0">
                <a:uFill>
                  <a:solidFill>
                    <a:srgbClr val="000000"/>
                  </a:solidFill>
                </a:uFill>
                <a:latin typeface="Meiryo UI"/>
                <a:cs typeface="Meiryo UI"/>
              </a:rPr>
              <a:t> </a:t>
            </a:r>
            <a:r>
              <a:rPr sz="1411" b="1" u="sng" spc="-9" dirty="0">
                <a:uFill>
                  <a:solidFill>
                    <a:srgbClr val="000000"/>
                  </a:solidFill>
                </a:uFill>
                <a:latin typeface="Meiryo UI"/>
                <a:cs typeface="Meiryo UI"/>
              </a:rPr>
              <a:t>新事業創出に橋渡しするための重点課題を</a:t>
            </a:r>
            <a:r>
              <a:rPr sz="1411" b="1" u="sng" spc="-4" dirty="0">
                <a:uFill>
                  <a:solidFill>
                    <a:srgbClr val="000000"/>
                  </a:solidFill>
                </a:uFill>
                <a:latin typeface="Meiryo UI"/>
                <a:cs typeface="Meiryo UI"/>
              </a:rPr>
              <a:t>設定し各省庁の取組を推進</a:t>
            </a:r>
            <a:endParaRPr sz="1411">
              <a:latin typeface="Meiryo UI"/>
              <a:cs typeface="Meiryo UI"/>
            </a:endParaRPr>
          </a:p>
          <a:p>
            <a:pPr marL="1949872" marR="4344" algn="just">
              <a:lnSpc>
                <a:spcPct val="100499"/>
              </a:lnSpc>
              <a:spcBef>
                <a:spcPts val="392"/>
              </a:spcBef>
            </a:pPr>
            <a:r>
              <a:rPr sz="941" spc="-9" dirty="0">
                <a:latin typeface="Meiryo UI"/>
                <a:cs typeface="Meiryo UI"/>
              </a:rPr>
              <a:t>CSTI</a:t>
            </a:r>
            <a:r>
              <a:rPr sz="941" spc="-13" dirty="0">
                <a:latin typeface="Meiryo UI"/>
                <a:cs typeface="Meiryo UI"/>
              </a:rPr>
              <a:t>が重点課題に対応した各省庁の取組に予算をアドオ</a:t>
            </a:r>
            <a:r>
              <a:rPr sz="941" spc="-43" dirty="0">
                <a:latin typeface="Meiryo UI"/>
                <a:cs typeface="Meiryo UI"/>
              </a:rPr>
              <a:t>ン</a:t>
            </a:r>
            <a:endParaRPr sz="941">
              <a:latin typeface="Meiryo UI"/>
              <a:cs typeface="Meiryo UI"/>
            </a:endParaRPr>
          </a:p>
        </p:txBody>
      </p:sp>
      <p:sp>
        <p:nvSpPr>
          <p:cNvPr id="24" name="object 24"/>
          <p:cNvSpPr/>
          <p:nvPr/>
        </p:nvSpPr>
        <p:spPr>
          <a:xfrm>
            <a:off x="1079036" y="1485629"/>
            <a:ext cx="6976372" cy="747158"/>
          </a:xfrm>
          <a:custGeom>
            <a:avLst/>
            <a:gdLst/>
            <a:ahLst/>
            <a:cxnLst/>
            <a:rect l="l" t="t" r="r" b="b"/>
            <a:pathLst>
              <a:path w="8158480" h="873760">
                <a:moveTo>
                  <a:pt x="8112252" y="867155"/>
                </a:moveTo>
                <a:lnTo>
                  <a:pt x="47243" y="867155"/>
                </a:lnTo>
                <a:lnTo>
                  <a:pt x="54864" y="870203"/>
                </a:lnTo>
                <a:lnTo>
                  <a:pt x="60959" y="871727"/>
                </a:lnTo>
                <a:lnTo>
                  <a:pt x="68580" y="873251"/>
                </a:lnTo>
                <a:lnTo>
                  <a:pt x="8090916" y="873251"/>
                </a:lnTo>
                <a:lnTo>
                  <a:pt x="8106156" y="870203"/>
                </a:lnTo>
                <a:lnTo>
                  <a:pt x="8112252" y="867155"/>
                </a:lnTo>
                <a:close/>
              </a:path>
              <a:path w="8158480" h="873760">
                <a:moveTo>
                  <a:pt x="8124444" y="861060"/>
                </a:moveTo>
                <a:lnTo>
                  <a:pt x="35052" y="861060"/>
                </a:lnTo>
                <a:lnTo>
                  <a:pt x="45719" y="867155"/>
                </a:lnTo>
                <a:lnTo>
                  <a:pt x="8113776" y="867155"/>
                </a:lnTo>
                <a:lnTo>
                  <a:pt x="8124444" y="861060"/>
                </a:lnTo>
                <a:close/>
              </a:path>
              <a:path w="8158480" h="873760">
                <a:moveTo>
                  <a:pt x="8135111" y="851915"/>
                </a:moveTo>
                <a:lnTo>
                  <a:pt x="24384" y="851915"/>
                </a:lnTo>
                <a:lnTo>
                  <a:pt x="33528" y="859536"/>
                </a:lnTo>
                <a:lnTo>
                  <a:pt x="33528" y="861060"/>
                </a:lnTo>
                <a:lnTo>
                  <a:pt x="8125968" y="861060"/>
                </a:lnTo>
                <a:lnTo>
                  <a:pt x="8125968" y="859536"/>
                </a:lnTo>
                <a:lnTo>
                  <a:pt x="8135111" y="851915"/>
                </a:lnTo>
                <a:close/>
              </a:path>
              <a:path w="8158480" h="873760">
                <a:moveTo>
                  <a:pt x="33528" y="824484"/>
                </a:moveTo>
                <a:lnTo>
                  <a:pt x="35052" y="827532"/>
                </a:lnTo>
                <a:lnTo>
                  <a:pt x="7619" y="827532"/>
                </a:lnTo>
                <a:lnTo>
                  <a:pt x="7619" y="829055"/>
                </a:lnTo>
                <a:lnTo>
                  <a:pt x="13715" y="839724"/>
                </a:lnTo>
                <a:lnTo>
                  <a:pt x="13715" y="841248"/>
                </a:lnTo>
                <a:lnTo>
                  <a:pt x="21336" y="850391"/>
                </a:lnTo>
                <a:lnTo>
                  <a:pt x="22859" y="851915"/>
                </a:lnTo>
                <a:lnTo>
                  <a:pt x="8136635" y="851915"/>
                </a:lnTo>
                <a:lnTo>
                  <a:pt x="8136635" y="850391"/>
                </a:lnTo>
                <a:lnTo>
                  <a:pt x="8137906" y="848867"/>
                </a:lnTo>
                <a:lnTo>
                  <a:pt x="76200" y="848867"/>
                </a:lnTo>
                <a:lnTo>
                  <a:pt x="70103" y="847344"/>
                </a:lnTo>
                <a:lnTo>
                  <a:pt x="65531" y="847344"/>
                </a:lnTo>
                <a:lnTo>
                  <a:pt x="56387" y="844296"/>
                </a:lnTo>
                <a:lnTo>
                  <a:pt x="57912" y="844296"/>
                </a:lnTo>
                <a:lnTo>
                  <a:pt x="47243" y="839724"/>
                </a:lnTo>
                <a:lnTo>
                  <a:pt x="48768" y="839724"/>
                </a:lnTo>
                <a:lnTo>
                  <a:pt x="43281" y="835151"/>
                </a:lnTo>
                <a:lnTo>
                  <a:pt x="41147" y="835151"/>
                </a:lnTo>
                <a:lnTo>
                  <a:pt x="33528" y="824484"/>
                </a:lnTo>
                <a:close/>
              </a:path>
              <a:path w="8158480" h="873760">
                <a:moveTo>
                  <a:pt x="8146650" y="838200"/>
                </a:moveTo>
                <a:lnTo>
                  <a:pt x="8112252" y="838200"/>
                </a:lnTo>
                <a:lnTo>
                  <a:pt x="8101583" y="844296"/>
                </a:lnTo>
                <a:lnTo>
                  <a:pt x="8103108" y="844296"/>
                </a:lnTo>
                <a:lnTo>
                  <a:pt x="8097011" y="845820"/>
                </a:lnTo>
                <a:lnTo>
                  <a:pt x="8092439" y="847344"/>
                </a:lnTo>
                <a:lnTo>
                  <a:pt x="8087868" y="847344"/>
                </a:lnTo>
                <a:lnTo>
                  <a:pt x="8081772" y="848867"/>
                </a:lnTo>
                <a:lnTo>
                  <a:pt x="8137906" y="848867"/>
                </a:lnTo>
                <a:lnTo>
                  <a:pt x="8144256" y="841248"/>
                </a:lnTo>
                <a:lnTo>
                  <a:pt x="8145780" y="841248"/>
                </a:lnTo>
                <a:lnTo>
                  <a:pt x="8145780" y="839724"/>
                </a:lnTo>
                <a:lnTo>
                  <a:pt x="8146650" y="838200"/>
                </a:lnTo>
                <a:close/>
              </a:path>
              <a:path w="8158480" h="873760">
                <a:moveTo>
                  <a:pt x="8118094" y="833373"/>
                </a:moveTo>
                <a:lnTo>
                  <a:pt x="8109204" y="839724"/>
                </a:lnTo>
                <a:lnTo>
                  <a:pt x="8112252" y="838200"/>
                </a:lnTo>
                <a:lnTo>
                  <a:pt x="8146650" y="838200"/>
                </a:lnTo>
                <a:lnTo>
                  <a:pt x="8148392" y="835151"/>
                </a:lnTo>
                <a:lnTo>
                  <a:pt x="8116824" y="835151"/>
                </a:lnTo>
                <a:lnTo>
                  <a:pt x="8118094" y="833373"/>
                </a:lnTo>
                <a:close/>
              </a:path>
              <a:path w="8158480" h="873760">
                <a:moveTo>
                  <a:pt x="39624" y="832103"/>
                </a:moveTo>
                <a:lnTo>
                  <a:pt x="41147" y="835151"/>
                </a:lnTo>
                <a:lnTo>
                  <a:pt x="43281" y="835151"/>
                </a:lnTo>
                <a:lnTo>
                  <a:pt x="39624" y="832103"/>
                </a:lnTo>
                <a:close/>
              </a:path>
              <a:path w="8158480" h="873760">
                <a:moveTo>
                  <a:pt x="8119872" y="832103"/>
                </a:moveTo>
                <a:lnTo>
                  <a:pt x="8118094" y="833373"/>
                </a:lnTo>
                <a:lnTo>
                  <a:pt x="8116824" y="835151"/>
                </a:lnTo>
                <a:lnTo>
                  <a:pt x="8119872" y="832103"/>
                </a:lnTo>
                <a:close/>
              </a:path>
              <a:path w="8158480" h="873760">
                <a:moveTo>
                  <a:pt x="8150134" y="832103"/>
                </a:moveTo>
                <a:lnTo>
                  <a:pt x="8119872" y="832103"/>
                </a:lnTo>
                <a:lnTo>
                  <a:pt x="8116824" y="835151"/>
                </a:lnTo>
                <a:lnTo>
                  <a:pt x="8148392" y="835151"/>
                </a:lnTo>
                <a:lnTo>
                  <a:pt x="8150134" y="832103"/>
                </a:lnTo>
                <a:close/>
              </a:path>
              <a:path w="8158480" h="873760">
                <a:moveTo>
                  <a:pt x="8124444" y="824484"/>
                </a:moveTo>
                <a:lnTo>
                  <a:pt x="8118094" y="833373"/>
                </a:lnTo>
                <a:lnTo>
                  <a:pt x="8119872" y="832103"/>
                </a:lnTo>
                <a:lnTo>
                  <a:pt x="8150134" y="832103"/>
                </a:lnTo>
                <a:lnTo>
                  <a:pt x="8151876" y="829055"/>
                </a:lnTo>
                <a:lnTo>
                  <a:pt x="8151876" y="827532"/>
                </a:lnTo>
                <a:lnTo>
                  <a:pt x="8124444" y="827532"/>
                </a:lnTo>
                <a:lnTo>
                  <a:pt x="8124444" y="824484"/>
                </a:lnTo>
                <a:close/>
              </a:path>
              <a:path w="8158480" h="873760">
                <a:moveTo>
                  <a:pt x="8136635" y="21336"/>
                </a:moveTo>
                <a:lnTo>
                  <a:pt x="22859" y="21336"/>
                </a:lnTo>
                <a:lnTo>
                  <a:pt x="21336" y="22860"/>
                </a:lnTo>
                <a:lnTo>
                  <a:pt x="13715" y="32003"/>
                </a:lnTo>
                <a:lnTo>
                  <a:pt x="13715" y="33527"/>
                </a:lnTo>
                <a:lnTo>
                  <a:pt x="7619" y="44196"/>
                </a:lnTo>
                <a:lnTo>
                  <a:pt x="6096" y="45720"/>
                </a:lnTo>
                <a:lnTo>
                  <a:pt x="4571" y="53339"/>
                </a:lnTo>
                <a:lnTo>
                  <a:pt x="1524" y="60960"/>
                </a:lnTo>
                <a:lnTo>
                  <a:pt x="1524" y="68579"/>
                </a:lnTo>
                <a:lnTo>
                  <a:pt x="0" y="74675"/>
                </a:lnTo>
                <a:lnTo>
                  <a:pt x="0" y="798576"/>
                </a:lnTo>
                <a:lnTo>
                  <a:pt x="4571" y="821436"/>
                </a:lnTo>
                <a:lnTo>
                  <a:pt x="6096" y="827532"/>
                </a:lnTo>
                <a:lnTo>
                  <a:pt x="35052" y="827532"/>
                </a:lnTo>
                <a:lnTo>
                  <a:pt x="28956" y="816863"/>
                </a:lnTo>
                <a:lnTo>
                  <a:pt x="30099" y="816863"/>
                </a:lnTo>
                <a:lnTo>
                  <a:pt x="28956" y="812291"/>
                </a:lnTo>
                <a:lnTo>
                  <a:pt x="25908" y="803148"/>
                </a:lnTo>
                <a:lnTo>
                  <a:pt x="25908" y="68579"/>
                </a:lnTo>
                <a:lnTo>
                  <a:pt x="29971" y="56387"/>
                </a:lnTo>
                <a:lnTo>
                  <a:pt x="28956" y="56387"/>
                </a:lnTo>
                <a:lnTo>
                  <a:pt x="34181" y="47244"/>
                </a:lnTo>
                <a:lnTo>
                  <a:pt x="33528" y="47244"/>
                </a:lnTo>
                <a:lnTo>
                  <a:pt x="39878" y="39624"/>
                </a:lnTo>
                <a:lnTo>
                  <a:pt x="39624" y="39624"/>
                </a:lnTo>
                <a:lnTo>
                  <a:pt x="41147" y="38100"/>
                </a:lnTo>
                <a:lnTo>
                  <a:pt x="41452" y="38100"/>
                </a:lnTo>
                <a:lnTo>
                  <a:pt x="48768" y="32003"/>
                </a:lnTo>
                <a:lnTo>
                  <a:pt x="49911" y="32003"/>
                </a:lnTo>
                <a:lnTo>
                  <a:pt x="57912" y="27432"/>
                </a:lnTo>
                <a:lnTo>
                  <a:pt x="62484" y="27432"/>
                </a:lnTo>
                <a:lnTo>
                  <a:pt x="71628" y="24384"/>
                </a:lnTo>
                <a:lnTo>
                  <a:pt x="8137906" y="24384"/>
                </a:lnTo>
                <a:lnTo>
                  <a:pt x="8136635" y="22860"/>
                </a:lnTo>
                <a:lnTo>
                  <a:pt x="8136635" y="21336"/>
                </a:lnTo>
                <a:close/>
              </a:path>
              <a:path w="8158480" h="873760">
                <a:moveTo>
                  <a:pt x="8129016" y="816863"/>
                </a:moveTo>
                <a:lnTo>
                  <a:pt x="8124444" y="827532"/>
                </a:lnTo>
                <a:lnTo>
                  <a:pt x="8151876" y="827532"/>
                </a:lnTo>
                <a:lnTo>
                  <a:pt x="8154924" y="819912"/>
                </a:lnTo>
                <a:lnTo>
                  <a:pt x="8155228" y="818388"/>
                </a:lnTo>
                <a:lnTo>
                  <a:pt x="8129016" y="818388"/>
                </a:lnTo>
                <a:lnTo>
                  <a:pt x="8129016" y="816863"/>
                </a:lnTo>
                <a:close/>
              </a:path>
              <a:path w="8158480" h="873760">
                <a:moveTo>
                  <a:pt x="30099" y="816863"/>
                </a:moveTo>
                <a:lnTo>
                  <a:pt x="28956" y="816863"/>
                </a:lnTo>
                <a:lnTo>
                  <a:pt x="30480" y="818388"/>
                </a:lnTo>
                <a:lnTo>
                  <a:pt x="30099" y="816863"/>
                </a:lnTo>
                <a:close/>
              </a:path>
              <a:path w="8158480" h="873760">
                <a:moveTo>
                  <a:pt x="8155533" y="54863"/>
                </a:moveTo>
                <a:lnTo>
                  <a:pt x="8129016" y="54863"/>
                </a:lnTo>
                <a:lnTo>
                  <a:pt x="8130539" y="60960"/>
                </a:lnTo>
                <a:lnTo>
                  <a:pt x="8132063" y="65532"/>
                </a:lnTo>
                <a:lnTo>
                  <a:pt x="8132063" y="70103"/>
                </a:lnTo>
                <a:lnTo>
                  <a:pt x="8133587" y="74675"/>
                </a:lnTo>
                <a:lnTo>
                  <a:pt x="8133587" y="798576"/>
                </a:lnTo>
                <a:lnTo>
                  <a:pt x="8132063" y="803148"/>
                </a:lnTo>
                <a:lnTo>
                  <a:pt x="8132063" y="809244"/>
                </a:lnTo>
                <a:lnTo>
                  <a:pt x="8129016" y="818388"/>
                </a:lnTo>
                <a:lnTo>
                  <a:pt x="8155228" y="818388"/>
                </a:lnTo>
                <a:lnTo>
                  <a:pt x="8157972" y="804672"/>
                </a:lnTo>
                <a:lnTo>
                  <a:pt x="8157972" y="67055"/>
                </a:lnTo>
                <a:lnTo>
                  <a:pt x="8155533" y="54863"/>
                </a:lnTo>
                <a:close/>
              </a:path>
              <a:path w="8158480" h="873760">
                <a:moveTo>
                  <a:pt x="30480" y="54863"/>
                </a:moveTo>
                <a:lnTo>
                  <a:pt x="28956" y="56387"/>
                </a:lnTo>
                <a:lnTo>
                  <a:pt x="29971" y="56387"/>
                </a:lnTo>
                <a:lnTo>
                  <a:pt x="30480" y="54863"/>
                </a:lnTo>
                <a:close/>
              </a:path>
              <a:path w="8158480" h="873760">
                <a:moveTo>
                  <a:pt x="8151876" y="45720"/>
                </a:moveTo>
                <a:lnTo>
                  <a:pt x="8124444" y="45720"/>
                </a:lnTo>
                <a:lnTo>
                  <a:pt x="8129016" y="56387"/>
                </a:lnTo>
                <a:lnTo>
                  <a:pt x="8129016" y="54863"/>
                </a:lnTo>
                <a:lnTo>
                  <a:pt x="8155533" y="54863"/>
                </a:lnTo>
                <a:lnTo>
                  <a:pt x="8154924" y="51815"/>
                </a:lnTo>
                <a:lnTo>
                  <a:pt x="8151876" y="45720"/>
                </a:lnTo>
                <a:close/>
              </a:path>
              <a:path w="8158480" h="873760">
                <a:moveTo>
                  <a:pt x="35052" y="45720"/>
                </a:moveTo>
                <a:lnTo>
                  <a:pt x="33528" y="47244"/>
                </a:lnTo>
                <a:lnTo>
                  <a:pt x="34181" y="47244"/>
                </a:lnTo>
                <a:lnTo>
                  <a:pt x="35052" y="45720"/>
                </a:lnTo>
                <a:close/>
              </a:path>
              <a:path w="8158480" h="873760">
                <a:moveTo>
                  <a:pt x="8116824" y="38100"/>
                </a:moveTo>
                <a:lnTo>
                  <a:pt x="8124444" y="47244"/>
                </a:lnTo>
                <a:lnTo>
                  <a:pt x="8124444" y="45720"/>
                </a:lnTo>
                <a:lnTo>
                  <a:pt x="8151876" y="45720"/>
                </a:lnTo>
                <a:lnTo>
                  <a:pt x="8151876" y="44196"/>
                </a:lnTo>
                <a:lnTo>
                  <a:pt x="8149263" y="39624"/>
                </a:lnTo>
                <a:lnTo>
                  <a:pt x="8119872" y="39624"/>
                </a:lnTo>
                <a:lnTo>
                  <a:pt x="8116824" y="38100"/>
                </a:lnTo>
                <a:close/>
              </a:path>
              <a:path w="8158480" h="873760">
                <a:moveTo>
                  <a:pt x="41147" y="38100"/>
                </a:moveTo>
                <a:lnTo>
                  <a:pt x="39624" y="39624"/>
                </a:lnTo>
                <a:lnTo>
                  <a:pt x="40455" y="38931"/>
                </a:lnTo>
                <a:lnTo>
                  <a:pt x="41147" y="38100"/>
                </a:lnTo>
                <a:close/>
              </a:path>
              <a:path w="8158480" h="873760">
                <a:moveTo>
                  <a:pt x="40455" y="38931"/>
                </a:moveTo>
                <a:lnTo>
                  <a:pt x="39624" y="39624"/>
                </a:lnTo>
                <a:lnTo>
                  <a:pt x="39878" y="39624"/>
                </a:lnTo>
                <a:lnTo>
                  <a:pt x="40455" y="38931"/>
                </a:lnTo>
                <a:close/>
              </a:path>
              <a:path w="8158480" h="873760">
                <a:moveTo>
                  <a:pt x="8109966" y="32548"/>
                </a:moveTo>
                <a:lnTo>
                  <a:pt x="8119872" y="39624"/>
                </a:lnTo>
                <a:lnTo>
                  <a:pt x="8149263" y="39624"/>
                </a:lnTo>
                <a:lnTo>
                  <a:pt x="8145780" y="33527"/>
                </a:lnTo>
                <a:lnTo>
                  <a:pt x="8112252" y="33527"/>
                </a:lnTo>
                <a:lnTo>
                  <a:pt x="8109966" y="32548"/>
                </a:lnTo>
                <a:close/>
              </a:path>
              <a:path w="8158480" h="873760">
                <a:moveTo>
                  <a:pt x="41452" y="38100"/>
                </a:moveTo>
                <a:lnTo>
                  <a:pt x="41147" y="38100"/>
                </a:lnTo>
                <a:lnTo>
                  <a:pt x="40455" y="38931"/>
                </a:lnTo>
                <a:lnTo>
                  <a:pt x="41452" y="38100"/>
                </a:lnTo>
                <a:close/>
              </a:path>
              <a:path w="8158480" h="873760">
                <a:moveTo>
                  <a:pt x="49911" y="32003"/>
                </a:moveTo>
                <a:lnTo>
                  <a:pt x="48768" y="32003"/>
                </a:lnTo>
                <a:lnTo>
                  <a:pt x="47243" y="33527"/>
                </a:lnTo>
                <a:lnTo>
                  <a:pt x="49911" y="32003"/>
                </a:lnTo>
                <a:close/>
              </a:path>
              <a:path w="8158480" h="873760">
                <a:moveTo>
                  <a:pt x="8109204" y="32003"/>
                </a:moveTo>
                <a:lnTo>
                  <a:pt x="8109966" y="32548"/>
                </a:lnTo>
                <a:lnTo>
                  <a:pt x="8112252" y="33527"/>
                </a:lnTo>
                <a:lnTo>
                  <a:pt x="8109204" y="32003"/>
                </a:lnTo>
                <a:close/>
              </a:path>
              <a:path w="8158480" h="873760">
                <a:moveTo>
                  <a:pt x="8145780" y="32003"/>
                </a:moveTo>
                <a:lnTo>
                  <a:pt x="8109204" y="32003"/>
                </a:lnTo>
                <a:lnTo>
                  <a:pt x="8112252" y="33527"/>
                </a:lnTo>
                <a:lnTo>
                  <a:pt x="8145780" y="33527"/>
                </a:lnTo>
                <a:lnTo>
                  <a:pt x="8145780" y="32003"/>
                </a:lnTo>
                <a:close/>
              </a:path>
              <a:path w="8158480" h="873760">
                <a:moveTo>
                  <a:pt x="8137906" y="24384"/>
                </a:moveTo>
                <a:lnTo>
                  <a:pt x="8089392" y="24384"/>
                </a:lnTo>
                <a:lnTo>
                  <a:pt x="8103108" y="28955"/>
                </a:lnTo>
                <a:lnTo>
                  <a:pt x="8101583" y="28955"/>
                </a:lnTo>
                <a:lnTo>
                  <a:pt x="8109966" y="32548"/>
                </a:lnTo>
                <a:lnTo>
                  <a:pt x="8109204" y="32003"/>
                </a:lnTo>
                <a:lnTo>
                  <a:pt x="8144256" y="32003"/>
                </a:lnTo>
                <a:lnTo>
                  <a:pt x="8137906" y="24384"/>
                </a:lnTo>
                <a:close/>
              </a:path>
              <a:path w="8158480" h="873760">
                <a:moveTo>
                  <a:pt x="62484" y="27432"/>
                </a:moveTo>
                <a:lnTo>
                  <a:pt x="57912" y="27432"/>
                </a:lnTo>
                <a:lnTo>
                  <a:pt x="56387" y="28955"/>
                </a:lnTo>
                <a:lnTo>
                  <a:pt x="62484" y="27432"/>
                </a:lnTo>
                <a:close/>
              </a:path>
              <a:path w="8158480" h="873760">
                <a:moveTo>
                  <a:pt x="8125968" y="12191"/>
                </a:moveTo>
                <a:lnTo>
                  <a:pt x="33528" y="12191"/>
                </a:lnTo>
                <a:lnTo>
                  <a:pt x="33528" y="13715"/>
                </a:lnTo>
                <a:lnTo>
                  <a:pt x="24384" y="21336"/>
                </a:lnTo>
                <a:lnTo>
                  <a:pt x="8135111" y="21336"/>
                </a:lnTo>
                <a:lnTo>
                  <a:pt x="8125968" y="13715"/>
                </a:lnTo>
                <a:lnTo>
                  <a:pt x="8125968" y="12191"/>
                </a:lnTo>
                <a:close/>
              </a:path>
              <a:path w="8158480" h="873760">
                <a:moveTo>
                  <a:pt x="8089392" y="0"/>
                </a:moveTo>
                <a:lnTo>
                  <a:pt x="68580" y="0"/>
                </a:lnTo>
                <a:lnTo>
                  <a:pt x="59436" y="1524"/>
                </a:lnTo>
                <a:lnTo>
                  <a:pt x="47243" y="4572"/>
                </a:lnTo>
                <a:lnTo>
                  <a:pt x="45719" y="6096"/>
                </a:lnTo>
                <a:lnTo>
                  <a:pt x="35052" y="12191"/>
                </a:lnTo>
                <a:lnTo>
                  <a:pt x="8124444" y="12191"/>
                </a:lnTo>
                <a:lnTo>
                  <a:pt x="8113776" y="6096"/>
                </a:lnTo>
                <a:lnTo>
                  <a:pt x="8112252" y="6096"/>
                </a:lnTo>
                <a:lnTo>
                  <a:pt x="8112252" y="4572"/>
                </a:lnTo>
                <a:lnTo>
                  <a:pt x="8089392" y="0"/>
                </a:lnTo>
                <a:close/>
              </a:path>
            </a:pathLst>
          </a:custGeom>
          <a:solidFill>
            <a:srgbClr val="000099"/>
          </a:solidFill>
        </p:spPr>
        <p:txBody>
          <a:bodyPr wrap="square" lIns="0" tIns="0" rIns="0" bIns="0" rtlCol="0"/>
          <a:lstStyle/>
          <a:p>
            <a:endParaRPr sz="1749"/>
          </a:p>
        </p:txBody>
      </p:sp>
      <p:sp>
        <p:nvSpPr>
          <p:cNvPr id="25" name="object 25"/>
          <p:cNvSpPr txBox="1"/>
          <p:nvPr/>
        </p:nvSpPr>
        <p:spPr>
          <a:xfrm>
            <a:off x="1173734" y="1522986"/>
            <a:ext cx="6786868" cy="669387"/>
          </a:xfrm>
          <a:prstGeom prst="rect">
            <a:avLst/>
          </a:prstGeom>
        </p:spPr>
        <p:txBody>
          <a:bodyPr vert="horz" wrap="square" lIns="0" tIns="11403" rIns="0" bIns="0" rtlCol="0">
            <a:spAutoFit/>
          </a:bodyPr>
          <a:lstStyle/>
          <a:p>
            <a:pPr marL="154209" marR="4344" indent="-143349">
              <a:lnSpc>
                <a:spcPct val="100600"/>
              </a:lnSpc>
              <a:spcBef>
                <a:spcPts val="90"/>
              </a:spcBef>
              <a:tabLst>
                <a:tab pos="310046" algn="l"/>
              </a:tabLst>
            </a:pPr>
            <a:r>
              <a:rPr sz="1411" b="1" spc="13" dirty="0">
                <a:latin typeface="Meiryo UI"/>
                <a:cs typeface="Meiryo UI"/>
              </a:rPr>
              <a:t>〇</a:t>
            </a:r>
            <a:r>
              <a:rPr sz="1411" b="1" dirty="0">
                <a:latin typeface="Meiryo UI"/>
                <a:cs typeface="Meiryo UI"/>
              </a:rPr>
              <a:t>	</a:t>
            </a:r>
            <a:r>
              <a:rPr sz="1411" b="1" spc="13" dirty="0">
                <a:latin typeface="Meiryo UI"/>
                <a:cs typeface="Meiryo UI"/>
              </a:rPr>
              <a:t>従来</a:t>
            </a:r>
            <a:r>
              <a:rPr sz="1411" b="1" spc="17" dirty="0">
                <a:latin typeface="Meiryo UI"/>
                <a:cs typeface="Meiryo UI"/>
              </a:rPr>
              <a:t>の</a:t>
            </a:r>
            <a:r>
              <a:rPr sz="1411" b="1" dirty="0">
                <a:latin typeface="Meiryo UI"/>
                <a:cs typeface="Meiryo UI"/>
              </a:rPr>
              <a:t>PRISM</a:t>
            </a:r>
            <a:r>
              <a:rPr sz="1411" b="1" spc="17" dirty="0">
                <a:latin typeface="Meiryo UI"/>
                <a:cs typeface="Meiryo UI"/>
              </a:rPr>
              <a:t>の</a:t>
            </a:r>
            <a:r>
              <a:rPr sz="1411" b="1" spc="13" dirty="0">
                <a:latin typeface="Meiryo UI"/>
                <a:cs typeface="Meiryo UI"/>
              </a:rPr>
              <a:t>制</a:t>
            </a:r>
            <a:r>
              <a:rPr sz="1411" b="1" dirty="0">
                <a:latin typeface="Meiryo UI"/>
                <a:cs typeface="Meiryo UI"/>
              </a:rPr>
              <a:t>度</a:t>
            </a:r>
            <a:r>
              <a:rPr sz="1411" b="1" spc="4" dirty="0">
                <a:latin typeface="Meiryo UI"/>
                <a:cs typeface="Meiryo UI"/>
              </a:rPr>
              <a:t>を</a:t>
            </a:r>
            <a:r>
              <a:rPr sz="1411" b="1" dirty="0">
                <a:latin typeface="Meiryo UI"/>
                <a:cs typeface="Meiryo UI"/>
              </a:rPr>
              <a:t>見</a:t>
            </a:r>
            <a:r>
              <a:rPr sz="1411" b="1" spc="13" dirty="0">
                <a:latin typeface="Meiryo UI"/>
                <a:cs typeface="Meiryo UI"/>
              </a:rPr>
              <a:t>直</a:t>
            </a:r>
            <a:r>
              <a:rPr sz="1411" b="1" dirty="0">
                <a:latin typeface="Meiryo UI"/>
                <a:cs typeface="Meiryo UI"/>
              </a:rPr>
              <a:t>し</a:t>
            </a:r>
            <a:r>
              <a:rPr sz="1411" b="1" spc="-4" dirty="0">
                <a:latin typeface="Meiryo UI"/>
                <a:cs typeface="Meiryo UI"/>
              </a:rPr>
              <a:t>、</a:t>
            </a:r>
            <a:r>
              <a:rPr sz="1411" b="1" dirty="0">
                <a:latin typeface="Meiryo UI"/>
                <a:cs typeface="Meiryo UI"/>
              </a:rPr>
              <a:t>個</a:t>
            </a:r>
            <a:r>
              <a:rPr sz="1411" b="1" spc="13" dirty="0">
                <a:latin typeface="Meiryo UI"/>
                <a:cs typeface="Meiryo UI"/>
              </a:rPr>
              <a:t>別</a:t>
            </a:r>
            <a:r>
              <a:rPr sz="1411" b="1" dirty="0">
                <a:latin typeface="Meiryo UI"/>
                <a:cs typeface="Meiryo UI"/>
              </a:rPr>
              <a:t>技</a:t>
            </a:r>
            <a:r>
              <a:rPr sz="1411" b="1" spc="13" dirty="0">
                <a:latin typeface="Meiryo UI"/>
                <a:cs typeface="Meiryo UI"/>
              </a:rPr>
              <a:t>術</a:t>
            </a:r>
            <a:r>
              <a:rPr sz="1411" b="1" dirty="0">
                <a:latin typeface="Meiryo UI"/>
                <a:cs typeface="Meiryo UI"/>
              </a:rPr>
              <a:t>領</a:t>
            </a:r>
            <a:r>
              <a:rPr sz="1411" b="1" spc="13" dirty="0">
                <a:latin typeface="Meiryo UI"/>
                <a:cs typeface="Meiryo UI"/>
              </a:rPr>
              <a:t>域</a:t>
            </a:r>
            <a:r>
              <a:rPr sz="1411" b="1" spc="-4" dirty="0">
                <a:latin typeface="Meiryo UI"/>
                <a:cs typeface="Meiryo UI"/>
              </a:rPr>
              <a:t>を</a:t>
            </a:r>
            <a:r>
              <a:rPr sz="1411" b="1" spc="13" dirty="0">
                <a:latin typeface="Meiryo UI"/>
                <a:cs typeface="Meiryo UI"/>
              </a:rPr>
              <a:t>設</a:t>
            </a:r>
            <a:r>
              <a:rPr sz="1411" b="1" dirty="0">
                <a:latin typeface="Meiryo UI"/>
                <a:cs typeface="Meiryo UI"/>
              </a:rPr>
              <a:t>定</a:t>
            </a:r>
            <a:r>
              <a:rPr sz="1411" b="1" spc="4" dirty="0">
                <a:latin typeface="Meiryo UI"/>
                <a:cs typeface="Meiryo UI"/>
              </a:rPr>
              <a:t>す</a:t>
            </a:r>
            <a:r>
              <a:rPr sz="1411" b="1" spc="9" dirty="0">
                <a:latin typeface="Meiryo UI"/>
                <a:cs typeface="Meiryo UI"/>
              </a:rPr>
              <a:t>る</a:t>
            </a:r>
            <a:r>
              <a:rPr sz="1411" b="1" spc="4" dirty="0">
                <a:latin typeface="Meiryo UI"/>
                <a:cs typeface="Meiryo UI"/>
              </a:rPr>
              <a:t>の</a:t>
            </a:r>
            <a:r>
              <a:rPr sz="1411" b="1" spc="-9" dirty="0">
                <a:latin typeface="Meiryo UI"/>
                <a:cs typeface="Meiryo UI"/>
              </a:rPr>
              <a:t>では</a:t>
            </a:r>
            <a:r>
              <a:rPr sz="1411" b="1" spc="-4" dirty="0">
                <a:latin typeface="Meiryo UI"/>
                <a:cs typeface="Meiryo UI"/>
              </a:rPr>
              <a:t>な</a:t>
            </a:r>
            <a:r>
              <a:rPr sz="1411" b="1" dirty="0">
                <a:latin typeface="Meiryo UI"/>
                <a:cs typeface="Meiryo UI"/>
              </a:rPr>
              <a:t>く</a:t>
            </a:r>
            <a:r>
              <a:rPr sz="1411" b="1" spc="-4" dirty="0">
                <a:latin typeface="Meiryo UI"/>
                <a:cs typeface="Meiryo UI"/>
              </a:rPr>
              <a:t>、</a:t>
            </a:r>
            <a:r>
              <a:rPr sz="1411" b="1" spc="13" dirty="0">
                <a:latin typeface="Meiryo UI"/>
                <a:cs typeface="Meiryo UI"/>
              </a:rPr>
              <a:t>研</a:t>
            </a:r>
            <a:r>
              <a:rPr sz="1411" b="1" dirty="0">
                <a:latin typeface="Meiryo UI"/>
                <a:cs typeface="Meiryo UI"/>
              </a:rPr>
              <a:t>究</a:t>
            </a:r>
            <a:r>
              <a:rPr sz="1411" b="1" spc="13" dirty="0">
                <a:latin typeface="Meiryo UI"/>
                <a:cs typeface="Meiryo UI"/>
              </a:rPr>
              <a:t>開</a:t>
            </a:r>
            <a:r>
              <a:rPr sz="1411" b="1" dirty="0">
                <a:latin typeface="Meiryo UI"/>
                <a:cs typeface="Meiryo UI"/>
              </a:rPr>
              <a:t>発</a:t>
            </a:r>
            <a:r>
              <a:rPr sz="1411" b="1" spc="4" dirty="0">
                <a:latin typeface="Meiryo UI"/>
                <a:cs typeface="Meiryo UI"/>
              </a:rPr>
              <a:t>の</a:t>
            </a:r>
            <a:r>
              <a:rPr sz="1411" b="1" spc="13" dirty="0">
                <a:latin typeface="Meiryo UI"/>
                <a:cs typeface="Meiryo UI"/>
              </a:rPr>
              <a:t>成果</a:t>
            </a:r>
            <a:r>
              <a:rPr sz="1411" b="1" spc="4" dirty="0">
                <a:latin typeface="Meiryo UI"/>
                <a:cs typeface="Meiryo UI"/>
              </a:rPr>
              <a:t>を</a:t>
            </a:r>
            <a:r>
              <a:rPr sz="1411" b="1" spc="13" dirty="0">
                <a:latin typeface="Meiryo UI"/>
                <a:cs typeface="Meiryo UI"/>
              </a:rPr>
              <a:t>生</a:t>
            </a:r>
            <a:r>
              <a:rPr sz="1411" b="1" dirty="0">
                <a:latin typeface="Meiryo UI"/>
                <a:cs typeface="Meiryo UI"/>
              </a:rPr>
              <a:t>か</a:t>
            </a:r>
            <a:r>
              <a:rPr sz="1411" b="1" spc="13" dirty="0">
                <a:latin typeface="Meiryo UI"/>
                <a:cs typeface="Meiryo UI"/>
              </a:rPr>
              <a:t>し</a:t>
            </a:r>
            <a:r>
              <a:rPr sz="1411" b="1" spc="-4" dirty="0">
                <a:latin typeface="Meiryo UI"/>
                <a:cs typeface="Meiryo UI"/>
              </a:rPr>
              <a:t>、</a:t>
            </a:r>
            <a:r>
              <a:rPr sz="1411" b="1" dirty="0">
                <a:latin typeface="Meiryo UI"/>
                <a:cs typeface="Meiryo UI"/>
              </a:rPr>
              <a:t>社</a:t>
            </a:r>
            <a:r>
              <a:rPr sz="1411" b="1" spc="13" dirty="0">
                <a:latin typeface="Meiryo UI"/>
                <a:cs typeface="Meiryo UI"/>
              </a:rPr>
              <a:t>会</a:t>
            </a:r>
            <a:r>
              <a:rPr sz="1411" b="1" dirty="0">
                <a:latin typeface="Meiryo UI"/>
                <a:cs typeface="Meiryo UI"/>
              </a:rPr>
              <a:t>課</a:t>
            </a:r>
            <a:r>
              <a:rPr sz="1411" b="1" spc="13" dirty="0">
                <a:latin typeface="Meiryo UI"/>
                <a:cs typeface="Meiryo UI"/>
              </a:rPr>
              <a:t>題</a:t>
            </a:r>
            <a:r>
              <a:rPr sz="1411" b="1" dirty="0">
                <a:latin typeface="Meiryo UI"/>
                <a:cs typeface="Meiryo UI"/>
              </a:rPr>
              <a:t>解</a:t>
            </a:r>
            <a:r>
              <a:rPr sz="1411" b="1" spc="13" dirty="0">
                <a:latin typeface="Meiryo UI"/>
                <a:cs typeface="Meiryo UI"/>
              </a:rPr>
              <a:t>決</a:t>
            </a:r>
            <a:r>
              <a:rPr sz="1411" b="1" dirty="0">
                <a:latin typeface="Meiryo UI"/>
                <a:cs typeface="Meiryo UI"/>
              </a:rPr>
              <a:t>や新</a:t>
            </a:r>
            <a:r>
              <a:rPr sz="1411" b="1" spc="13" dirty="0">
                <a:latin typeface="Meiryo UI"/>
                <a:cs typeface="Meiryo UI"/>
              </a:rPr>
              <a:t>事</a:t>
            </a:r>
            <a:r>
              <a:rPr sz="1411" b="1" dirty="0">
                <a:latin typeface="Meiryo UI"/>
                <a:cs typeface="Meiryo UI"/>
              </a:rPr>
              <a:t>業</a:t>
            </a:r>
            <a:r>
              <a:rPr sz="1411" b="1" spc="13" dirty="0">
                <a:latin typeface="Meiryo UI"/>
                <a:cs typeface="Meiryo UI"/>
              </a:rPr>
              <a:t>創</a:t>
            </a:r>
            <a:r>
              <a:rPr sz="1411" b="1" dirty="0">
                <a:latin typeface="Meiryo UI"/>
                <a:cs typeface="Meiryo UI"/>
              </a:rPr>
              <a:t>出</a:t>
            </a:r>
            <a:r>
              <a:rPr sz="1411" b="1" spc="4" dirty="0">
                <a:latin typeface="Meiryo UI"/>
                <a:cs typeface="Meiryo UI"/>
              </a:rPr>
              <a:t>に</a:t>
            </a:r>
            <a:r>
              <a:rPr sz="1411" b="1" spc="-4" dirty="0">
                <a:solidFill>
                  <a:srgbClr val="FF0000"/>
                </a:solidFill>
                <a:latin typeface="Meiryo UI"/>
                <a:cs typeface="Meiryo UI"/>
              </a:rPr>
              <a:t>「</a:t>
            </a:r>
            <a:r>
              <a:rPr sz="1411" b="1" dirty="0">
                <a:solidFill>
                  <a:srgbClr val="FF0000"/>
                </a:solidFill>
                <a:latin typeface="Meiryo UI"/>
                <a:cs typeface="Meiryo UI"/>
              </a:rPr>
              <a:t>橋</a:t>
            </a:r>
            <a:r>
              <a:rPr sz="1411" b="1" spc="13" dirty="0">
                <a:solidFill>
                  <a:srgbClr val="FF0000"/>
                </a:solidFill>
                <a:latin typeface="Meiryo UI"/>
                <a:cs typeface="Meiryo UI"/>
              </a:rPr>
              <a:t>渡</a:t>
            </a:r>
            <a:r>
              <a:rPr sz="1411" b="1" dirty="0">
                <a:solidFill>
                  <a:srgbClr val="FF0000"/>
                </a:solidFill>
                <a:latin typeface="Meiryo UI"/>
                <a:cs typeface="Meiryo UI"/>
              </a:rPr>
              <a:t>し</a:t>
            </a:r>
            <a:r>
              <a:rPr sz="1411" b="1" spc="-13" dirty="0">
                <a:solidFill>
                  <a:srgbClr val="FF0000"/>
                </a:solidFill>
                <a:latin typeface="Meiryo UI"/>
                <a:cs typeface="Meiryo UI"/>
              </a:rPr>
              <a:t>」</a:t>
            </a:r>
            <a:r>
              <a:rPr sz="1411" b="1" spc="4" dirty="0">
                <a:latin typeface="Meiryo UI"/>
                <a:cs typeface="Meiryo UI"/>
              </a:rPr>
              <a:t>す</a:t>
            </a:r>
            <a:r>
              <a:rPr sz="1411" b="1" spc="9" dirty="0">
                <a:latin typeface="Meiryo UI"/>
                <a:cs typeface="Meiryo UI"/>
              </a:rPr>
              <a:t>る</a:t>
            </a:r>
            <a:r>
              <a:rPr sz="1411" b="1" spc="-4" dirty="0">
                <a:latin typeface="Meiryo UI"/>
                <a:cs typeface="Meiryo UI"/>
              </a:rPr>
              <a:t>た</a:t>
            </a:r>
            <a:r>
              <a:rPr sz="1411" b="1" spc="4" dirty="0">
                <a:latin typeface="Meiryo UI"/>
                <a:cs typeface="Meiryo UI"/>
              </a:rPr>
              <a:t>めの</a:t>
            </a:r>
            <a:r>
              <a:rPr sz="1411" b="1" spc="13" dirty="0">
                <a:latin typeface="Meiryo UI"/>
                <a:cs typeface="Meiryo UI"/>
              </a:rPr>
              <a:t>重</a:t>
            </a:r>
            <a:r>
              <a:rPr sz="1411" b="1" dirty="0">
                <a:latin typeface="Meiryo UI"/>
                <a:cs typeface="Meiryo UI"/>
              </a:rPr>
              <a:t>点</a:t>
            </a:r>
            <a:r>
              <a:rPr sz="1411" b="1" spc="13" dirty="0">
                <a:latin typeface="Meiryo UI"/>
                <a:cs typeface="Meiryo UI"/>
              </a:rPr>
              <a:t>課</a:t>
            </a:r>
            <a:r>
              <a:rPr sz="1411" b="1" dirty="0">
                <a:latin typeface="Meiryo UI"/>
                <a:cs typeface="Meiryo UI"/>
              </a:rPr>
              <a:t>題</a:t>
            </a:r>
            <a:r>
              <a:rPr sz="1411" b="1" spc="4" dirty="0">
                <a:latin typeface="Meiryo UI"/>
                <a:cs typeface="Meiryo UI"/>
              </a:rPr>
              <a:t>を</a:t>
            </a:r>
            <a:r>
              <a:rPr sz="1411" b="1" dirty="0">
                <a:latin typeface="Meiryo UI"/>
                <a:cs typeface="Meiryo UI"/>
              </a:rPr>
              <a:t>設</a:t>
            </a:r>
            <a:r>
              <a:rPr sz="1411" b="1" spc="13" dirty="0">
                <a:latin typeface="Meiryo UI"/>
                <a:cs typeface="Meiryo UI"/>
              </a:rPr>
              <a:t>定</a:t>
            </a:r>
            <a:r>
              <a:rPr sz="1411" b="1" dirty="0">
                <a:latin typeface="Meiryo UI"/>
                <a:cs typeface="Meiryo UI"/>
              </a:rPr>
              <a:t>し</a:t>
            </a:r>
            <a:r>
              <a:rPr sz="1411" b="1" spc="-4" dirty="0">
                <a:latin typeface="Meiryo UI"/>
                <a:cs typeface="Meiryo UI"/>
              </a:rPr>
              <a:t>、</a:t>
            </a:r>
            <a:r>
              <a:rPr sz="1411" b="1" dirty="0">
                <a:latin typeface="Meiryo UI"/>
                <a:cs typeface="Meiryo UI"/>
              </a:rPr>
              <a:t>各</a:t>
            </a:r>
            <a:r>
              <a:rPr sz="1411" b="1" spc="13" dirty="0">
                <a:latin typeface="Meiryo UI"/>
                <a:cs typeface="Meiryo UI"/>
              </a:rPr>
              <a:t>省庁</a:t>
            </a:r>
            <a:r>
              <a:rPr sz="1411" b="1" spc="17" dirty="0">
                <a:latin typeface="Meiryo UI"/>
                <a:cs typeface="Meiryo UI"/>
              </a:rPr>
              <a:t>の</a:t>
            </a:r>
            <a:r>
              <a:rPr sz="1411" b="1" spc="13" dirty="0">
                <a:latin typeface="Meiryo UI"/>
                <a:cs typeface="Meiryo UI"/>
              </a:rPr>
              <a:t>取組</a:t>
            </a:r>
            <a:r>
              <a:rPr sz="1411" b="1" spc="4" dirty="0">
                <a:latin typeface="Meiryo UI"/>
                <a:cs typeface="Meiryo UI"/>
              </a:rPr>
              <a:t>を</a:t>
            </a:r>
            <a:r>
              <a:rPr sz="1411" b="1" spc="13" dirty="0">
                <a:latin typeface="Meiryo UI"/>
                <a:cs typeface="Meiryo UI"/>
              </a:rPr>
              <a:t>推進</a:t>
            </a:r>
            <a:r>
              <a:rPr sz="1411" b="1" dirty="0">
                <a:latin typeface="Meiryo UI"/>
                <a:cs typeface="Meiryo UI"/>
              </a:rPr>
              <a:t>。</a:t>
            </a:r>
            <a:endParaRPr sz="1411">
              <a:latin typeface="Meiryo UI"/>
              <a:cs typeface="Meiryo UI"/>
            </a:endParaRPr>
          </a:p>
        </p:txBody>
      </p:sp>
      <p:sp>
        <p:nvSpPr>
          <p:cNvPr id="26" name="object 26"/>
          <p:cNvSpPr/>
          <p:nvPr/>
        </p:nvSpPr>
        <p:spPr>
          <a:xfrm>
            <a:off x="2163283" y="3506865"/>
            <a:ext cx="417019" cy="338828"/>
          </a:xfrm>
          <a:custGeom>
            <a:avLst/>
            <a:gdLst/>
            <a:ahLst/>
            <a:cxnLst/>
            <a:rect l="l" t="t" r="r" b="b"/>
            <a:pathLst>
              <a:path w="487680" h="396239">
                <a:moveTo>
                  <a:pt x="6096" y="196596"/>
                </a:moveTo>
                <a:lnTo>
                  <a:pt x="0" y="196596"/>
                </a:lnTo>
                <a:lnTo>
                  <a:pt x="243840" y="396239"/>
                </a:lnTo>
                <a:lnTo>
                  <a:pt x="247562" y="393191"/>
                </a:lnTo>
                <a:lnTo>
                  <a:pt x="242316" y="393191"/>
                </a:lnTo>
                <a:lnTo>
                  <a:pt x="243840" y="391939"/>
                </a:lnTo>
                <a:lnTo>
                  <a:pt x="9805" y="199643"/>
                </a:lnTo>
                <a:lnTo>
                  <a:pt x="4572" y="199643"/>
                </a:lnTo>
                <a:lnTo>
                  <a:pt x="6096" y="196596"/>
                </a:lnTo>
                <a:close/>
              </a:path>
              <a:path w="487680" h="396239">
                <a:moveTo>
                  <a:pt x="243840" y="391939"/>
                </a:moveTo>
                <a:lnTo>
                  <a:pt x="242316" y="393191"/>
                </a:lnTo>
                <a:lnTo>
                  <a:pt x="245364" y="393191"/>
                </a:lnTo>
                <a:lnTo>
                  <a:pt x="243840" y="391939"/>
                </a:lnTo>
                <a:close/>
              </a:path>
              <a:path w="487680" h="396239">
                <a:moveTo>
                  <a:pt x="481584" y="196596"/>
                </a:moveTo>
                <a:lnTo>
                  <a:pt x="243840" y="391939"/>
                </a:lnTo>
                <a:lnTo>
                  <a:pt x="245364" y="393191"/>
                </a:lnTo>
                <a:lnTo>
                  <a:pt x="247562" y="393191"/>
                </a:lnTo>
                <a:lnTo>
                  <a:pt x="483957" y="199643"/>
                </a:lnTo>
                <a:lnTo>
                  <a:pt x="483108" y="199643"/>
                </a:lnTo>
                <a:lnTo>
                  <a:pt x="481584" y="196596"/>
                </a:lnTo>
                <a:close/>
              </a:path>
              <a:path w="487680" h="396239">
                <a:moveTo>
                  <a:pt x="6096" y="196596"/>
                </a:moveTo>
                <a:lnTo>
                  <a:pt x="4572" y="199643"/>
                </a:lnTo>
                <a:lnTo>
                  <a:pt x="9805" y="199643"/>
                </a:lnTo>
                <a:lnTo>
                  <a:pt x="6096" y="196596"/>
                </a:lnTo>
                <a:close/>
              </a:path>
              <a:path w="487680" h="396239">
                <a:moveTo>
                  <a:pt x="123443" y="196596"/>
                </a:moveTo>
                <a:lnTo>
                  <a:pt x="6096" y="196596"/>
                </a:lnTo>
                <a:lnTo>
                  <a:pt x="9805" y="199643"/>
                </a:lnTo>
                <a:lnTo>
                  <a:pt x="126492" y="199643"/>
                </a:lnTo>
                <a:lnTo>
                  <a:pt x="126492" y="198120"/>
                </a:lnTo>
                <a:lnTo>
                  <a:pt x="123443" y="198120"/>
                </a:lnTo>
                <a:lnTo>
                  <a:pt x="123443" y="196596"/>
                </a:lnTo>
                <a:close/>
              </a:path>
              <a:path w="487680" h="396239">
                <a:moveTo>
                  <a:pt x="361188" y="1524"/>
                </a:moveTo>
                <a:lnTo>
                  <a:pt x="361188" y="199643"/>
                </a:lnTo>
                <a:lnTo>
                  <a:pt x="477874" y="199643"/>
                </a:lnTo>
                <a:lnTo>
                  <a:pt x="479729" y="198120"/>
                </a:lnTo>
                <a:lnTo>
                  <a:pt x="365760" y="198120"/>
                </a:lnTo>
                <a:lnTo>
                  <a:pt x="364236" y="196596"/>
                </a:lnTo>
                <a:lnTo>
                  <a:pt x="365760" y="196596"/>
                </a:lnTo>
                <a:lnTo>
                  <a:pt x="365760" y="3048"/>
                </a:lnTo>
                <a:lnTo>
                  <a:pt x="364236" y="3048"/>
                </a:lnTo>
                <a:lnTo>
                  <a:pt x="361188" y="1524"/>
                </a:lnTo>
                <a:close/>
              </a:path>
              <a:path w="487680" h="396239">
                <a:moveTo>
                  <a:pt x="487680" y="196596"/>
                </a:moveTo>
                <a:lnTo>
                  <a:pt x="481584" y="196596"/>
                </a:lnTo>
                <a:lnTo>
                  <a:pt x="483108" y="199643"/>
                </a:lnTo>
                <a:lnTo>
                  <a:pt x="483957" y="199643"/>
                </a:lnTo>
                <a:lnTo>
                  <a:pt x="487680" y="196596"/>
                </a:lnTo>
                <a:close/>
              </a:path>
              <a:path w="487680" h="396239">
                <a:moveTo>
                  <a:pt x="365760" y="0"/>
                </a:moveTo>
                <a:lnTo>
                  <a:pt x="123443" y="0"/>
                </a:lnTo>
                <a:lnTo>
                  <a:pt x="123443" y="198120"/>
                </a:lnTo>
                <a:lnTo>
                  <a:pt x="124968" y="196596"/>
                </a:lnTo>
                <a:lnTo>
                  <a:pt x="126492" y="196596"/>
                </a:lnTo>
                <a:lnTo>
                  <a:pt x="126492" y="3048"/>
                </a:lnTo>
                <a:lnTo>
                  <a:pt x="124968" y="3048"/>
                </a:lnTo>
                <a:lnTo>
                  <a:pt x="126492" y="1524"/>
                </a:lnTo>
                <a:lnTo>
                  <a:pt x="365760" y="1524"/>
                </a:lnTo>
                <a:lnTo>
                  <a:pt x="365760" y="0"/>
                </a:lnTo>
                <a:close/>
              </a:path>
              <a:path w="487680" h="396239">
                <a:moveTo>
                  <a:pt x="126492" y="196596"/>
                </a:moveTo>
                <a:lnTo>
                  <a:pt x="124968" y="196596"/>
                </a:lnTo>
                <a:lnTo>
                  <a:pt x="123443" y="198120"/>
                </a:lnTo>
                <a:lnTo>
                  <a:pt x="126492" y="198120"/>
                </a:lnTo>
                <a:lnTo>
                  <a:pt x="126492" y="196596"/>
                </a:lnTo>
                <a:close/>
              </a:path>
              <a:path w="487680" h="396239">
                <a:moveTo>
                  <a:pt x="365760" y="196596"/>
                </a:moveTo>
                <a:lnTo>
                  <a:pt x="364236" y="196596"/>
                </a:lnTo>
                <a:lnTo>
                  <a:pt x="365760" y="198120"/>
                </a:lnTo>
                <a:lnTo>
                  <a:pt x="365760" y="196596"/>
                </a:lnTo>
                <a:close/>
              </a:path>
              <a:path w="487680" h="396239">
                <a:moveTo>
                  <a:pt x="481584" y="196596"/>
                </a:moveTo>
                <a:lnTo>
                  <a:pt x="365760" y="196596"/>
                </a:lnTo>
                <a:lnTo>
                  <a:pt x="365760" y="198120"/>
                </a:lnTo>
                <a:lnTo>
                  <a:pt x="479729" y="198120"/>
                </a:lnTo>
                <a:lnTo>
                  <a:pt x="481584" y="196596"/>
                </a:lnTo>
                <a:close/>
              </a:path>
              <a:path w="487680" h="396239">
                <a:moveTo>
                  <a:pt x="126492" y="1524"/>
                </a:moveTo>
                <a:lnTo>
                  <a:pt x="124968" y="3048"/>
                </a:lnTo>
                <a:lnTo>
                  <a:pt x="126492" y="3048"/>
                </a:lnTo>
                <a:lnTo>
                  <a:pt x="126492" y="1524"/>
                </a:lnTo>
                <a:close/>
              </a:path>
              <a:path w="487680" h="396239">
                <a:moveTo>
                  <a:pt x="361188" y="1524"/>
                </a:moveTo>
                <a:lnTo>
                  <a:pt x="126492" y="1524"/>
                </a:lnTo>
                <a:lnTo>
                  <a:pt x="126492" y="3048"/>
                </a:lnTo>
                <a:lnTo>
                  <a:pt x="361188" y="3048"/>
                </a:lnTo>
                <a:lnTo>
                  <a:pt x="361188" y="1524"/>
                </a:lnTo>
                <a:close/>
              </a:path>
              <a:path w="487680" h="396239">
                <a:moveTo>
                  <a:pt x="365760" y="1524"/>
                </a:moveTo>
                <a:lnTo>
                  <a:pt x="361188" y="1524"/>
                </a:lnTo>
                <a:lnTo>
                  <a:pt x="364236" y="3048"/>
                </a:lnTo>
                <a:lnTo>
                  <a:pt x="365760" y="3048"/>
                </a:lnTo>
                <a:lnTo>
                  <a:pt x="365760" y="1524"/>
                </a:lnTo>
                <a:close/>
              </a:path>
            </a:pathLst>
          </a:custGeom>
          <a:solidFill>
            <a:srgbClr val="7E7E7E"/>
          </a:solidFill>
        </p:spPr>
        <p:txBody>
          <a:bodyPr wrap="square" lIns="0" tIns="0" rIns="0" bIns="0" rtlCol="0"/>
          <a:lstStyle/>
          <a:p>
            <a:endParaRPr sz="1749"/>
          </a:p>
        </p:txBody>
      </p:sp>
      <p:sp>
        <p:nvSpPr>
          <p:cNvPr id="27" name="object 27"/>
          <p:cNvSpPr/>
          <p:nvPr/>
        </p:nvSpPr>
        <p:spPr>
          <a:xfrm>
            <a:off x="2734077" y="3506865"/>
            <a:ext cx="412132" cy="338828"/>
          </a:xfrm>
          <a:custGeom>
            <a:avLst/>
            <a:gdLst/>
            <a:ahLst/>
            <a:cxnLst/>
            <a:rect l="l" t="t" r="r" b="b"/>
            <a:pathLst>
              <a:path w="481964" h="396239">
                <a:moveTo>
                  <a:pt x="228600" y="385572"/>
                </a:moveTo>
                <a:lnTo>
                  <a:pt x="227075" y="387096"/>
                </a:lnTo>
                <a:lnTo>
                  <a:pt x="236220" y="396239"/>
                </a:lnTo>
                <a:lnTo>
                  <a:pt x="237744" y="394715"/>
                </a:lnTo>
                <a:lnTo>
                  <a:pt x="236220" y="393191"/>
                </a:lnTo>
                <a:lnTo>
                  <a:pt x="239268" y="393191"/>
                </a:lnTo>
                <a:lnTo>
                  <a:pt x="228600" y="385572"/>
                </a:lnTo>
                <a:close/>
              </a:path>
              <a:path w="481964" h="396239">
                <a:moveTo>
                  <a:pt x="238252" y="394207"/>
                </a:moveTo>
                <a:lnTo>
                  <a:pt x="237744" y="394715"/>
                </a:lnTo>
                <a:lnTo>
                  <a:pt x="239268" y="396239"/>
                </a:lnTo>
                <a:lnTo>
                  <a:pt x="239268" y="394715"/>
                </a:lnTo>
                <a:lnTo>
                  <a:pt x="238252" y="394207"/>
                </a:lnTo>
                <a:close/>
              </a:path>
              <a:path w="481964" h="396239">
                <a:moveTo>
                  <a:pt x="236220" y="393191"/>
                </a:moveTo>
                <a:lnTo>
                  <a:pt x="237744" y="394715"/>
                </a:lnTo>
                <a:lnTo>
                  <a:pt x="238252" y="394207"/>
                </a:lnTo>
                <a:lnTo>
                  <a:pt x="236220" y="393191"/>
                </a:lnTo>
                <a:close/>
              </a:path>
              <a:path w="481964" h="396239">
                <a:moveTo>
                  <a:pt x="239268" y="393191"/>
                </a:moveTo>
                <a:lnTo>
                  <a:pt x="236220" y="393191"/>
                </a:lnTo>
                <a:lnTo>
                  <a:pt x="238252" y="394207"/>
                </a:lnTo>
                <a:lnTo>
                  <a:pt x="239268" y="393191"/>
                </a:lnTo>
                <a:close/>
              </a:path>
              <a:path w="481964" h="396239">
                <a:moveTo>
                  <a:pt x="211836" y="370331"/>
                </a:moveTo>
                <a:lnTo>
                  <a:pt x="210312" y="373379"/>
                </a:lnTo>
                <a:lnTo>
                  <a:pt x="219456" y="381000"/>
                </a:lnTo>
                <a:lnTo>
                  <a:pt x="220980" y="379475"/>
                </a:lnTo>
                <a:lnTo>
                  <a:pt x="211836" y="370331"/>
                </a:lnTo>
                <a:close/>
              </a:path>
              <a:path w="481964" h="396239">
                <a:moveTo>
                  <a:pt x="195072" y="356615"/>
                </a:moveTo>
                <a:lnTo>
                  <a:pt x="192024" y="359663"/>
                </a:lnTo>
                <a:lnTo>
                  <a:pt x="202692" y="367284"/>
                </a:lnTo>
                <a:lnTo>
                  <a:pt x="204215" y="364236"/>
                </a:lnTo>
                <a:lnTo>
                  <a:pt x="195072" y="356615"/>
                </a:lnTo>
                <a:close/>
              </a:path>
              <a:path w="481964" h="396239">
                <a:moveTo>
                  <a:pt x="176784" y="342900"/>
                </a:moveTo>
                <a:lnTo>
                  <a:pt x="175260" y="344424"/>
                </a:lnTo>
                <a:lnTo>
                  <a:pt x="185927" y="353567"/>
                </a:lnTo>
                <a:lnTo>
                  <a:pt x="187451" y="350520"/>
                </a:lnTo>
                <a:lnTo>
                  <a:pt x="176784" y="342900"/>
                </a:lnTo>
                <a:close/>
              </a:path>
              <a:path w="481964" h="396239">
                <a:moveTo>
                  <a:pt x="160020" y="329184"/>
                </a:moveTo>
                <a:lnTo>
                  <a:pt x="158496" y="330708"/>
                </a:lnTo>
                <a:lnTo>
                  <a:pt x="167639" y="338327"/>
                </a:lnTo>
                <a:lnTo>
                  <a:pt x="170687" y="336803"/>
                </a:lnTo>
                <a:lnTo>
                  <a:pt x="160020" y="329184"/>
                </a:lnTo>
                <a:close/>
              </a:path>
              <a:path w="481964" h="396239">
                <a:moveTo>
                  <a:pt x="143256" y="313943"/>
                </a:moveTo>
                <a:lnTo>
                  <a:pt x="141732" y="316991"/>
                </a:lnTo>
                <a:lnTo>
                  <a:pt x="150875" y="324612"/>
                </a:lnTo>
                <a:lnTo>
                  <a:pt x="152400" y="323088"/>
                </a:lnTo>
                <a:lnTo>
                  <a:pt x="143256" y="313943"/>
                </a:lnTo>
                <a:close/>
              </a:path>
              <a:path w="481964" h="396239">
                <a:moveTo>
                  <a:pt x="126492" y="300227"/>
                </a:moveTo>
                <a:lnTo>
                  <a:pt x="123444" y="303275"/>
                </a:lnTo>
                <a:lnTo>
                  <a:pt x="134112" y="310896"/>
                </a:lnTo>
                <a:lnTo>
                  <a:pt x="135636" y="307848"/>
                </a:lnTo>
                <a:lnTo>
                  <a:pt x="126492" y="300227"/>
                </a:lnTo>
                <a:close/>
              </a:path>
              <a:path w="481964" h="396239">
                <a:moveTo>
                  <a:pt x="108203" y="286512"/>
                </a:moveTo>
                <a:lnTo>
                  <a:pt x="106680" y="288036"/>
                </a:lnTo>
                <a:lnTo>
                  <a:pt x="117348" y="297179"/>
                </a:lnTo>
                <a:lnTo>
                  <a:pt x="118872" y="294131"/>
                </a:lnTo>
                <a:lnTo>
                  <a:pt x="108203" y="286512"/>
                </a:lnTo>
                <a:close/>
              </a:path>
              <a:path w="481964" h="396239">
                <a:moveTo>
                  <a:pt x="91439" y="272796"/>
                </a:moveTo>
                <a:lnTo>
                  <a:pt x="89915" y="274320"/>
                </a:lnTo>
                <a:lnTo>
                  <a:pt x="99060" y="281939"/>
                </a:lnTo>
                <a:lnTo>
                  <a:pt x="102108" y="280415"/>
                </a:lnTo>
                <a:lnTo>
                  <a:pt x="91439" y="272796"/>
                </a:lnTo>
                <a:close/>
              </a:path>
              <a:path w="481964" h="396239">
                <a:moveTo>
                  <a:pt x="74675" y="257555"/>
                </a:moveTo>
                <a:lnTo>
                  <a:pt x="73151" y="260603"/>
                </a:lnTo>
                <a:lnTo>
                  <a:pt x="82296" y="268224"/>
                </a:lnTo>
                <a:lnTo>
                  <a:pt x="83820" y="266700"/>
                </a:lnTo>
                <a:lnTo>
                  <a:pt x="74675" y="257555"/>
                </a:lnTo>
                <a:close/>
              </a:path>
              <a:path w="481964" h="396239">
                <a:moveTo>
                  <a:pt x="57912" y="243839"/>
                </a:moveTo>
                <a:lnTo>
                  <a:pt x="54863" y="246887"/>
                </a:lnTo>
                <a:lnTo>
                  <a:pt x="65532" y="254508"/>
                </a:lnTo>
                <a:lnTo>
                  <a:pt x="67056" y="251460"/>
                </a:lnTo>
                <a:lnTo>
                  <a:pt x="57912" y="243839"/>
                </a:lnTo>
                <a:close/>
              </a:path>
              <a:path w="481964" h="396239">
                <a:moveTo>
                  <a:pt x="39624" y="230124"/>
                </a:moveTo>
                <a:lnTo>
                  <a:pt x="38100" y="231648"/>
                </a:lnTo>
                <a:lnTo>
                  <a:pt x="47243" y="240791"/>
                </a:lnTo>
                <a:lnTo>
                  <a:pt x="50292" y="237743"/>
                </a:lnTo>
                <a:lnTo>
                  <a:pt x="39624" y="230124"/>
                </a:lnTo>
                <a:close/>
              </a:path>
              <a:path w="481964" h="396239">
                <a:moveTo>
                  <a:pt x="22860" y="214884"/>
                </a:moveTo>
                <a:lnTo>
                  <a:pt x="21336" y="217931"/>
                </a:lnTo>
                <a:lnTo>
                  <a:pt x="30480" y="225551"/>
                </a:lnTo>
                <a:lnTo>
                  <a:pt x="33528" y="224027"/>
                </a:lnTo>
                <a:lnTo>
                  <a:pt x="22860" y="214884"/>
                </a:lnTo>
                <a:close/>
              </a:path>
              <a:path w="481964" h="396239">
                <a:moveTo>
                  <a:pt x="6096" y="201167"/>
                </a:moveTo>
                <a:lnTo>
                  <a:pt x="3048" y="204215"/>
                </a:lnTo>
                <a:lnTo>
                  <a:pt x="13716" y="211836"/>
                </a:lnTo>
                <a:lnTo>
                  <a:pt x="15240" y="208787"/>
                </a:lnTo>
                <a:lnTo>
                  <a:pt x="6096" y="201167"/>
                </a:lnTo>
                <a:close/>
              </a:path>
              <a:path w="481964" h="396239">
                <a:moveTo>
                  <a:pt x="13716" y="196596"/>
                </a:moveTo>
                <a:lnTo>
                  <a:pt x="0" y="196596"/>
                </a:lnTo>
                <a:lnTo>
                  <a:pt x="0" y="199643"/>
                </a:lnTo>
                <a:lnTo>
                  <a:pt x="13716" y="199643"/>
                </a:lnTo>
                <a:lnTo>
                  <a:pt x="13716" y="196596"/>
                </a:lnTo>
                <a:close/>
              </a:path>
              <a:path w="481964" h="396239">
                <a:moveTo>
                  <a:pt x="35052" y="196596"/>
                </a:moveTo>
                <a:lnTo>
                  <a:pt x="22860" y="196596"/>
                </a:lnTo>
                <a:lnTo>
                  <a:pt x="22860" y="199643"/>
                </a:lnTo>
                <a:lnTo>
                  <a:pt x="35052" y="199643"/>
                </a:lnTo>
                <a:lnTo>
                  <a:pt x="35052" y="196596"/>
                </a:lnTo>
                <a:close/>
              </a:path>
              <a:path w="481964" h="396239">
                <a:moveTo>
                  <a:pt x="57912" y="196596"/>
                </a:moveTo>
                <a:lnTo>
                  <a:pt x="45720" y="196596"/>
                </a:lnTo>
                <a:lnTo>
                  <a:pt x="45720" y="199643"/>
                </a:lnTo>
                <a:lnTo>
                  <a:pt x="57912" y="199643"/>
                </a:lnTo>
                <a:lnTo>
                  <a:pt x="57912" y="196596"/>
                </a:lnTo>
                <a:close/>
              </a:path>
              <a:path w="481964" h="396239">
                <a:moveTo>
                  <a:pt x="80772" y="196596"/>
                </a:moveTo>
                <a:lnTo>
                  <a:pt x="67056" y="196596"/>
                </a:lnTo>
                <a:lnTo>
                  <a:pt x="67056" y="199643"/>
                </a:lnTo>
                <a:lnTo>
                  <a:pt x="80772" y="199643"/>
                </a:lnTo>
                <a:lnTo>
                  <a:pt x="80772" y="196596"/>
                </a:lnTo>
                <a:close/>
              </a:path>
              <a:path w="481964" h="396239">
                <a:moveTo>
                  <a:pt x="102108" y="196596"/>
                </a:moveTo>
                <a:lnTo>
                  <a:pt x="89915" y="196596"/>
                </a:lnTo>
                <a:lnTo>
                  <a:pt x="89915" y="199643"/>
                </a:lnTo>
                <a:lnTo>
                  <a:pt x="102108" y="199643"/>
                </a:lnTo>
                <a:lnTo>
                  <a:pt x="102108" y="196596"/>
                </a:lnTo>
                <a:close/>
              </a:path>
              <a:path w="481964" h="396239">
                <a:moveTo>
                  <a:pt x="117348" y="196596"/>
                </a:moveTo>
                <a:lnTo>
                  <a:pt x="111251" y="196596"/>
                </a:lnTo>
                <a:lnTo>
                  <a:pt x="111251" y="199643"/>
                </a:lnTo>
                <a:lnTo>
                  <a:pt x="120396" y="199643"/>
                </a:lnTo>
                <a:lnTo>
                  <a:pt x="120396" y="198120"/>
                </a:lnTo>
                <a:lnTo>
                  <a:pt x="117348" y="198120"/>
                </a:lnTo>
                <a:lnTo>
                  <a:pt x="117348" y="196596"/>
                </a:lnTo>
                <a:close/>
              </a:path>
              <a:path w="481964" h="396239">
                <a:moveTo>
                  <a:pt x="120396" y="192024"/>
                </a:moveTo>
                <a:lnTo>
                  <a:pt x="117348" y="192024"/>
                </a:lnTo>
                <a:lnTo>
                  <a:pt x="117348" y="198120"/>
                </a:lnTo>
                <a:lnTo>
                  <a:pt x="118872" y="196596"/>
                </a:lnTo>
                <a:lnTo>
                  <a:pt x="120396" y="196596"/>
                </a:lnTo>
                <a:lnTo>
                  <a:pt x="120396" y="192024"/>
                </a:lnTo>
                <a:close/>
              </a:path>
              <a:path w="481964" h="396239">
                <a:moveTo>
                  <a:pt x="120396" y="196596"/>
                </a:moveTo>
                <a:lnTo>
                  <a:pt x="118872" y="196596"/>
                </a:lnTo>
                <a:lnTo>
                  <a:pt x="117348" y="198120"/>
                </a:lnTo>
                <a:lnTo>
                  <a:pt x="120396" y="198120"/>
                </a:lnTo>
                <a:lnTo>
                  <a:pt x="120396" y="196596"/>
                </a:lnTo>
                <a:close/>
              </a:path>
              <a:path w="481964" h="396239">
                <a:moveTo>
                  <a:pt x="120396" y="169163"/>
                </a:moveTo>
                <a:lnTo>
                  <a:pt x="117348" y="169163"/>
                </a:lnTo>
                <a:lnTo>
                  <a:pt x="117348" y="181355"/>
                </a:lnTo>
                <a:lnTo>
                  <a:pt x="120396" y="181355"/>
                </a:lnTo>
                <a:lnTo>
                  <a:pt x="120396" y="169163"/>
                </a:lnTo>
                <a:close/>
              </a:path>
              <a:path w="481964" h="396239">
                <a:moveTo>
                  <a:pt x="120396" y="147827"/>
                </a:moveTo>
                <a:lnTo>
                  <a:pt x="117348" y="147827"/>
                </a:lnTo>
                <a:lnTo>
                  <a:pt x="117348" y="160020"/>
                </a:lnTo>
                <a:lnTo>
                  <a:pt x="120396" y="160020"/>
                </a:lnTo>
                <a:lnTo>
                  <a:pt x="120396" y="147827"/>
                </a:lnTo>
                <a:close/>
              </a:path>
              <a:path w="481964" h="396239">
                <a:moveTo>
                  <a:pt x="120396" y="124967"/>
                </a:moveTo>
                <a:lnTo>
                  <a:pt x="117348" y="124967"/>
                </a:lnTo>
                <a:lnTo>
                  <a:pt x="117348" y="137160"/>
                </a:lnTo>
                <a:lnTo>
                  <a:pt x="120396" y="137160"/>
                </a:lnTo>
                <a:lnTo>
                  <a:pt x="120396" y="124967"/>
                </a:lnTo>
                <a:close/>
              </a:path>
              <a:path w="481964" h="396239">
                <a:moveTo>
                  <a:pt x="120396" y="102108"/>
                </a:moveTo>
                <a:lnTo>
                  <a:pt x="117348" y="102108"/>
                </a:lnTo>
                <a:lnTo>
                  <a:pt x="117348" y="115824"/>
                </a:lnTo>
                <a:lnTo>
                  <a:pt x="120396" y="115824"/>
                </a:lnTo>
                <a:lnTo>
                  <a:pt x="120396" y="102108"/>
                </a:lnTo>
                <a:close/>
              </a:path>
              <a:path w="481964" h="396239">
                <a:moveTo>
                  <a:pt x="120396" y="80772"/>
                </a:moveTo>
                <a:lnTo>
                  <a:pt x="117348" y="80772"/>
                </a:lnTo>
                <a:lnTo>
                  <a:pt x="117348" y="92963"/>
                </a:lnTo>
                <a:lnTo>
                  <a:pt x="120396" y="92963"/>
                </a:lnTo>
                <a:lnTo>
                  <a:pt x="120396" y="80772"/>
                </a:lnTo>
                <a:close/>
              </a:path>
              <a:path w="481964" h="396239">
                <a:moveTo>
                  <a:pt x="120396" y="57912"/>
                </a:moveTo>
                <a:lnTo>
                  <a:pt x="117348" y="57912"/>
                </a:lnTo>
                <a:lnTo>
                  <a:pt x="117348" y="71627"/>
                </a:lnTo>
                <a:lnTo>
                  <a:pt x="120396" y="71627"/>
                </a:lnTo>
                <a:lnTo>
                  <a:pt x="120396" y="57912"/>
                </a:lnTo>
                <a:close/>
              </a:path>
              <a:path w="481964" h="396239">
                <a:moveTo>
                  <a:pt x="120396" y="36575"/>
                </a:moveTo>
                <a:lnTo>
                  <a:pt x="117348" y="36575"/>
                </a:lnTo>
                <a:lnTo>
                  <a:pt x="117348" y="48767"/>
                </a:lnTo>
                <a:lnTo>
                  <a:pt x="120396" y="48767"/>
                </a:lnTo>
                <a:lnTo>
                  <a:pt x="120396" y="36575"/>
                </a:lnTo>
                <a:close/>
              </a:path>
              <a:path w="481964" h="396239">
                <a:moveTo>
                  <a:pt x="120396" y="13715"/>
                </a:moveTo>
                <a:lnTo>
                  <a:pt x="117348" y="13715"/>
                </a:lnTo>
                <a:lnTo>
                  <a:pt x="117348" y="25908"/>
                </a:lnTo>
                <a:lnTo>
                  <a:pt x="120396" y="25908"/>
                </a:lnTo>
                <a:lnTo>
                  <a:pt x="120396" y="13715"/>
                </a:lnTo>
                <a:close/>
              </a:path>
              <a:path w="481964" h="396239">
                <a:moveTo>
                  <a:pt x="128015" y="0"/>
                </a:moveTo>
                <a:lnTo>
                  <a:pt x="117348" y="0"/>
                </a:lnTo>
                <a:lnTo>
                  <a:pt x="117348" y="4572"/>
                </a:lnTo>
                <a:lnTo>
                  <a:pt x="120396" y="4572"/>
                </a:lnTo>
                <a:lnTo>
                  <a:pt x="120396" y="3048"/>
                </a:lnTo>
                <a:lnTo>
                  <a:pt x="118872" y="3048"/>
                </a:lnTo>
                <a:lnTo>
                  <a:pt x="120396" y="1524"/>
                </a:lnTo>
                <a:lnTo>
                  <a:pt x="128015" y="1524"/>
                </a:lnTo>
                <a:lnTo>
                  <a:pt x="128015" y="0"/>
                </a:lnTo>
                <a:close/>
              </a:path>
              <a:path w="481964" h="396239">
                <a:moveTo>
                  <a:pt x="120396" y="1524"/>
                </a:moveTo>
                <a:lnTo>
                  <a:pt x="118872" y="3048"/>
                </a:lnTo>
                <a:lnTo>
                  <a:pt x="120396" y="3048"/>
                </a:lnTo>
                <a:lnTo>
                  <a:pt x="120396" y="1524"/>
                </a:lnTo>
                <a:close/>
              </a:path>
              <a:path w="481964" h="396239">
                <a:moveTo>
                  <a:pt x="128015" y="1524"/>
                </a:moveTo>
                <a:lnTo>
                  <a:pt x="120396" y="1524"/>
                </a:lnTo>
                <a:lnTo>
                  <a:pt x="120396" y="3048"/>
                </a:lnTo>
                <a:lnTo>
                  <a:pt x="128015" y="3048"/>
                </a:lnTo>
                <a:lnTo>
                  <a:pt x="128015" y="1524"/>
                </a:lnTo>
                <a:close/>
              </a:path>
              <a:path w="481964" h="396239">
                <a:moveTo>
                  <a:pt x="150875" y="0"/>
                </a:moveTo>
                <a:lnTo>
                  <a:pt x="137160" y="0"/>
                </a:lnTo>
                <a:lnTo>
                  <a:pt x="137160" y="3048"/>
                </a:lnTo>
                <a:lnTo>
                  <a:pt x="150875" y="3048"/>
                </a:lnTo>
                <a:lnTo>
                  <a:pt x="150875" y="0"/>
                </a:lnTo>
                <a:close/>
              </a:path>
              <a:path w="481964" h="396239">
                <a:moveTo>
                  <a:pt x="172212" y="0"/>
                </a:moveTo>
                <a:lnTo>
                  <a:pt x="160020" y="0"/>
                </a:lnTo>
                <a:lnTo>
                  <a:pt x="160020" y="3048"/>
                </a:lnTo>
                <a:lnTo>
                  <a:pt x="172212" y="3048"/>
                </a:lnTo>
                <a:lnTo>
                  <a:pt x="172212" y="0"/>
                </a:lnTo>
                <a:close/>
              </a:path>
              <a:path w="481964" h="396239">
                <a:moveTo>
                  <a:pt x="195072" y="0"/>
                </a:moveTo>
                <a:lnTo>
                  <a:pt x="181356" y="0"/>
                </a:lnTo>
                <a:lnTo>
                  <a:pt x="181356" y="3048"/>
                </a:lnTo>
                <a:lnTo>
                  <a:pt x="195072" y="3048"/>
                </a:lnTo>
                <a:lnTo>
                  <a:pt x="195072" y="0"/>
                </a:lnTo>
                <a:close/>
              </a:path>
              <a:path w="481964" h="396239">
                <a:moveTo>
                  <a:pt x="216408" y="0"/>
                </a:moveTo>
                <a:lnTo>
                  <a:pt x="204215" y="0"/>
                </a:lnTo>
                <a:lnTo>
                  <a:pt x="204215" y="3048"/>
                </a:lnTo>
                <a:lnTo>
                  <a:pt x="216408" y="3048"/>
                </a:lnTo>
                <a:lnTo>
                  <a:pt x="216408" y="0"/>
                </a:lnTo>
                <a:close/>
              </a:path>
              <a:path w="481964" h="396239">
                <a:moveTo>
                  <a:pt x="239268" y="0"/>
                </a:moveTo>
                <a:lnTo>
                  <a:pt x="227075" y="0"/>
                </a:lnTo>
                <a:lnTo>
                  <a:pt x="227075" y="3048"/>
                </a:lnTo>
                <a:lnTo>
                  <a:pt x="239268" y="3048"/>
                </a:lnTo>
                <a:lnTo>
                  <a:pt x="239268" y="0"/>
                </a:lnTo>
                <a:close/>
              </a:path>
              <a:path w="481964" h="396239">
                <a:moveTo>
                  <a:pt x="262127" y="0"/>
                </a:moveTo>
                <a:lnTo>
                  <a:pt x="248412" y="0"/>
                </a:lnTo>
                <a:lnTo>
                  <a:pt x="248412" y="3048"/>
                </a:lnTo>
                <a:lnTo>
                  <a:pt x="262127" y="3048"/>
                </a:lnTo>
                <a:lnTo>
                  <a:pt x="262127" y="0"/>
                </a:lnTo>
                <a:close/>
              </a:path>
              <a:path w="481964" h="396239">
                <a:moveTo>
                  <a:pt x="283463" y="0"/>
                </a:moveTo>
                <a:lnTo>
                  <a:pt x="271272" y="0"/>
                </a:lnTo>
                <a:lnTo>
                  <a:pt x="271272" y="3048"/>
                </a:lnTo>
                <a:lnTo>
                  <a:pt x="283463" y="3048"/>
                </a:lnTo>
                <a:lnTo>
                  <a:pt x="283463" y="0"/>
                </a:lnTo>
                <a:close/>
              </a:path>
              <a:path w="481964" h="396239">
                <a:moveTo>
                  <a:pt x="306324" y="0"/>
                </a:moveTo>
                <a:lnTo>
                  <a:pt x="292608" y="0"/>
                </a:lnTo>
                <a:lnTo>
                  <a:pt x="292608" y="3048"/>
                </a:lnTo>
                <a:lnTo>
                  <a:pt x="306324" y="3048"/>
                </a:lnTo>
                <a:lnTo>
                  <a:pt x="306324" y="0"/>
                </a:lnTo>
                <a:close/>
              </a:path>
              <a:path w="481964" h="396239">
                <a:moveTo>
                  <a:pt x="327660" y="0"/>
                </a:moveTo>
                <a:lnTo>
                  <a:pt x="315468" y="0"/>
                </a:lnTo>
                <a:lnTo>
                  <a:pt x="315468" y="3048"/>
                </a:lnTo>
                <a:lnTo>
                  <a:pt x="327660" y="3048"/>
                </a:lnTo>
                <a:lnTo>
                  <a:pt x="327660" y="0"/>
                </a:lnTo>
                <a:close/>
              </a:path>
              <a:path w="481964" h="396239">
                <a:moveTo>
                  <a:pt x="350520" y="0"/>
                </a:moveTo>
                <a:lnTo>
                  <a:pt x="338327" y="0"/>
                </a:lnTo>
                <a:lnTo>
                  <a:pt x="338327" y="3048"/>
                </a:lnTo>
                <a:lnTo>
                  <a:pt x="350520" y="3048"/>
                </a:lnTo>
                <a:lnTo>
                  <a:pt x="350520" y="0"/>
                </a:lnTo>
                <a:close/>
              </a:path>
              <a:path w="481964" h="396239">
                <a:moveTo>
                  <a:pt x="358139" y="4572"/>
                </a:moveTo>
                <a:lnTo>
                  <a:pt x="355092" y="4572"/>
                </a:lnTo>
                <a:lnTo>
                  <a:pt x="355092" y="16763"/>
                </a:lnTo>
                <a:lnTo>
                  <a:pt x="358139" y="16763"/>
                </a:lnTo>
                <a:lnTo>
                  <a:pt x="358139" y="4572"/>
                </a:lnTo>
                <a:close/>
              </a:path>
              <a:path w="481964" h="396239">
                <a:moveTo>
                  <a:pt x="358139" y="25908"/>
                </a:moveTo>
                <a:lnTo>
                  <a:pt x="355092" y="25908"/>
                </a:lnTo>
                <a:lnTo>
                  <a:pt x="355092" y="39624"/>
                </a:lnTo>
                <a:lnTo>
                  <a:pt x="358139" y="39624"/>
                </a:lnTo>
                <a:lnTo>
                  <a:pt x="358139" y="25908"/>
                </a:lnTo>
                <a:close/>
              </a:path>
              <a:path w="481964" h="396239">
                <a:moveTo>
                  <a:pt x="358139" y="48767"/>
                </a:moveTo>
                <a:lnTo>
                  <a:pt x="355092" y="48767"/>
                </a:lnTo>
                <a:lnTo>
                  <a:pt x="355092" y="60960"/>
                </a:lnTo>
                <a:lnTo>
                  <a:pt x="358139" y="60960"/>
                </a:lnTo>
                <a:lnTo>
                  <a:pt x="358139" y="48767"/>
                </a:lnTo>
                <a:close/>
              </a:path>
              <a:path w="481964" h="396239">
                <a:moveTo>
                  <a:pt x="358139" y="70103"/>
                </a:moveTo>
                <a:lnTo>
                  <a:pt x="355092" y="70103"/>
                </a:lnTo>
                <a:lnTo>
                  <a:pt x="355092" y="83820"/>
                </a:lnTo>
                <a:lnTo>
                  <a:pt x="358139" y="83820"/>
                </a:lnTo>
                <a:lnTo>
                  <a:pt x="358139" y="70103"/>
                </a:lnTo>
                <a:close/>
              </a:path>
              <a:path w="481964" h="396239">
                <a:moveTo>
                  <a:pt x="358139" y="92963"/>
                </a:moveTo>
                <a:lnTo>
                  <a:pt x="355092" y="92963"/>
                </a:lnTo>
                <a:lnTo>
                  <a:pt x="355092" y="105155"/>
                </a:lnTo>
                <a:lnTo>
                  <a:pt x="358139" y="105155"/>
                </a:lnTo>
                <a:lnTo>
                  <a:pt x="358139" y="92963"/>
                </a:lnTo>
                <a:close/>
              </a:path>
              <a:path w="481964" h="396239">
                <a:moveTo>
                  <a:pt x="358139" y="115824"/>
                </a:moveTo>
                <a:lnTo>
                  <a:pt x="355092" y="115824"/>
                </a:lnTo>
                <a:lnTo>
                  <a:pt x="355092" y="128015"/>
                </a:lnTo>
                <a:lnTo>
                  <a:pt x="358139" y="128015"/>
                </a:lnTo>
                <a:lnTo>
                  <a:pt x="358139" y="115824"/>
                </a:lnTo>
                <a:close/>
              </a:path>
              <a:path w="481964" h="396239">
                <a:moveTo>
                  <a:pt x="358139" y="137160"/>
                </a:moveTo>
                <a:lnTo>
                  <a:pt x="355092" y="137160"/>
                </a:lnTo>
                <a:lnTo>
                  <a:pt x="355092" y="149351"/>
                </a:lnTo>
                <a:lnTo>
                  <a:pt x="358139" y="149351"/>
                </a:lnTo>
                <a:lnTo>
                  <a:pt x="358139" y="137160"/>
                </a:lnTo>
                <a:close/>
              </a:path>
              <a:path w="481964" h="396239">
                <a:moveTo>
                  <a:pt x="358139" y="160020"/>
                </a:moveTo>
                <a:lnTo>
                  <a:pt x="355092" y="160020"/>
                </a:lnTo>
                <a:lnTo>
                  <a:pt x="355092" y="172212"/>
                </a:lnTo>
                <a:lnTo>
                  <a:pt x="358139" y="172212"/>
                </a:lnTo>
                <a:lnTo>
                  <a:pt x="358139" y="160020"/>
                </a:lnTo>
                <a:close/>
              </a:path>
              <a:path w="481964" h="396239">
                <a:moveTo>
                  <a:pt x="358139" y="181355"/>
                </a:moveTo>
                <a:lnTo>
                  <a:pt x="355092" y="181355"/>
                </a:lnTo>
                <a:lnTo>
                  <a:pt x="355092" y="195072"/>
                </a:lnTo>
                <a:lnTo>
                  <a:pt x="358139" y="195072"/>
                </a:lnTo>
                <a:lnTo>
                  <a:pt x="358139" y="181355"/>
                </a:lnTo>
                <a:close/>
              </a:path>
              <a:path w="481964" h="396239">
                <a:moveTo>
                  <a:pt x="376427" y="196596"/>
                </a:moveTo>
                <a:lnTo>
                  <a:pt x="362712" y="196596"/>
                </a:lnTo>
                <a:lnTo>
                  <a:pt x="362712" y="199643"/>
                </a:lnTo>
                <a:lnTo>
                  <a:pt x="376427" y="199643"/>
                </a:lnTo>
                <a:lnTo>
                  <a:pt x="376427" y="196596"/>
                </a:lnTo>
                <a:close/>
              </a:path>
              <a:path w="481964" h="396239">
                <a:moveTo>
                  <a:pt x="397763" y="196596"/>
                </a:moveTo>
                <a:lnTo>
                  <a:pt x="385572" y="196596"/>
                </a:lnTo>
                <a:lnTo>
                  <a:pt x="385572" y="199643"/>
                </a:lnTo>
                <a:lnTo>
                  <a:pt x="397763" y="199643"/>
                </a:lnTo>
                <a:lnTo>
                  <a:pt x="397763" y="196596"/>
                </a:lnTo>
                <a:close/>
              </a:path>
              <a:path w="481964" h="396239">
                <a:moveTo>
                  <a:pt x="420624" y="196596"/>
                </a:moveTo>
                <a:lnTo>
                  <a:pt x="408432" y="196596"/>
                </a:lnTo>
                <a:lnTo>
                  <a:pt x="408432" y="199643"/>
                </a:lnTo>
                <a:lnTo>
                  <a:pt x="420624" y="199643"/>
                </a:lnTo>
                <a:lnTo>
                  <a:pt x="420624" y="196596"/>
                </a:lnTo>
                <a:close/>
              </a:path>
              <a:path w="481964" h="396239">
                <a:moveTo>
                  <a:pt x="443484" y="196596"/>
                </a:moveTo>
                <a:lnTo>
                  <a:pt x="429768" y="196596"/>
                </a:lnTo>
                <a:lnTo>
                  <a:pt x="429768" y="199643"/>
                </a:lnTo>
                <a:lnTo>
                  <a:pt x="443484" y="199643"/>
                </a:lnTo>
                <a:lnTo>
                  <a:pt x="443484" y="196596"/>
                </a:lnTo>
                <a:close/>
              </a:path>
              <a:path w="481964" h="396239">
                <a:moveTo>
                  <a:pt x="464820" y="196596"/>
                </a:moveTo>
                <a:lnTo>
                  <a:pt x="452627" y="196596"/>
                </a:lnTo>
                <a:lnTo>
                  <a:pt x="452627" y="199643"/>
                </a:lnTo>
                <a:lnTo>
                  <a:pt x="464820" y="199643"/>
                </a:lnTo>
                <a:lnTo>
                  <a:pt x="464820" y="196596"/>
                </a:lnTo>
                <a:close/>
              </a:path>
              <a:path w="481964" h="396239">
                <a:moveTo>
                  <a:pt x="473963" y="197815"/>
                </a:moveTo>
                <a:lnTo>
                  <a:pt x="467868" y="202691"/>
                </a:lnTo>
                <a:lnTo>
                  <a:pt x="469392" y="205739"/>
                </a:lnTo>
                <a:lnTo>
                  <a:pt x="477520" y="199643"/>
                </a:lnTo>
                <a:lnTo>
                  <a:pt x="473963" y="199643"/>
                </a:lnTo>
                <a:lnTo>
                  <a:pt x="473963" y="197815"/>
                </a:lnTo>
                <a:close/>
              </a:path>
              <a:path w="481964" h="396239">
                <a:moveTo>
                  <a:pt x="475488" y="196596"/>
                </a:moveTo>
                <a:lnTo>
                  <a:pt x="473963" y="197815"/>
                </a:lnTo>
                <a:lnTo>
                  <a:pt x="473963" y="199643"/>
                </a:lnTo>
                <a:lnTo>
                  <a:pt x="477012" y="199643"/>
                </a:lnTo>
                <a:lnTo>
                  <a:pt x="475488" y="196596"/>
                </a:lnTo>
                <a:close/>
              </a:path>
              <a:path w="481964" h="396239">
                <a:moveTo>
                  <a:pt x="481584" y="196596"/>
                </a:moveTo>
                <a:lnTo>
                  <a:pt x="475488" y="196596"/>
                </a:lnTo>
                <a:lnTo>
                  <a:pt x="477012" y="199643"/>
                </a:lnTo>
                <a:lnTo>
                  <a:pt x="477520" y="199643"/>
                </a:lnTo>
                <a:lnTo>
                  <a:pt x="481584" y="196596"/>
                </a:lnTo>
                <a:close/>
              </a:path>
              <a:path w="481964" h="396239">
                <a:moveTo>
                  <a:pt x="475488" y="196596"/>
                </a:moveTo>
                <a:lnTo>
                  <a:pt x="473963" y="196596"/>
                </a:lnTo>
                <a:lnTo>
                  <a:pt x="473963" y="197815"/>
                </a:lnTo>
                <a:lnTo>
                  <a:pt x="475488" y="196596"/>
                </a:lnTo>
                <a:close/>
              </a:path>
              <a:path w="481964" h="396239">
                <a:moveTo>
                  <a:pt x="460248" y="208787"/>
                </a:moveTo>
                <a:lnTo>
                  <a:pt x="449580" y="217931"/>
                </a:lnTo>
                <a:lnTo>
                  <a:pt x="452627" y="219455"/>
                </a:lnTo>
                <a:lnTo>
                  <a:pt x="461772" y="211836"/>
                </a:lnTo>
                <a:lnTo>
                  <a:pt x="460248" y="208787"/>
                </a:lnTo>
                <a:close/>
              </a:path>
              <a:path w="481964" h="396239">
                <a:moveTo>
                  <a:pt x="443484" y="224027"/>
                </a:moveTo>
                <a:lnTo>
                  <a:pt x="432815" y="231648"/>
                </a:lnTo>
                <a:lnTo>
                  <a:pt x="435863" y="234696"/>
                </a:lnTo>
                <a:lnTo>
                  <a:pt x="445008" y="225551"/>
                </a:lnTo>
                <a:lnTo>
                  <a:pt x="443484" y="224027"/>
                </a:lnTo>
                <a:close/>
              </a:path>
              <a:path w="481964" h="396239">
                <a:moveTo>
                  <a:pt x="425196" y="237743"/>
                </a:moveTo>
                <a:lnTo>
                  <a:pt x="416051" y="245363"/>
                </a:lnTo>
                <a:lnTo>
                  <a:pt x="417575" y="248412"/>
                </a:lnTo>
                <a:lnTo>
                  <a:pt x="428244" y="240791"/>
                </a:lnTo>
                <a:lnTo>
                  <a:pt x="425196" y="237743"/>
                </a:lnTo>
                <a:close/>
              </a:path>
              <a:path w="481964" h="396239">
                <a:moveTo>
                  <a:pt x="408432" y="251460"/>
                </a:moveTo>
                <a:lnTo>
                  <a:pt x="399288" y="259079"/>
                </a:lnTo>
                <a:lnTo>
                  <a:pt x="400812" y="262127"/>
                </a:lnTo>
                <a:lnTo>
                  <a:pt x="409956" y="254508"/>
                </a:lnTo>
                <a:lnTo>
                  <a:pt x="408432" y="251460"/>
                </a:lnTo>
                <a:close/>
              </a:path>
              <a:path w="481964" h="396239">
                <a:moveTo>
                  <a:pt x="391668" y="265175"/>
                </a:moveTo>
                <a:lnTo>
                  <a:pt x="381000" y="274320"/>
                </a:lnTo>
                <a:lnTo>
                  <a:pt x="384048" y="275843"/>
                </a:lnTo>
                <a:lnTo>
                  <a:pt x="393192" y="268224"/>
                </a:lnTo>
                <a:lnTo>
                  <a:pt x="391668" y="265175"/>
                </a:lnTo>
                <a:close/>
              </a:path>
              <a:path w="481964" h="396239">
                <a:moveTo>
                  <a:pt x="374903" y="280415"/>
                </a:moveTo>
                <a:lnTo>
                  <a:pt x="364236" y="288036"/>
                </a:lnTo>
                <a:lnTo>
                  <a:pt x="365760" y="291084"/>
                </a:lnTo>
                <a:lnTo>
                  <a:pt x="376427" y="281939"/>
                </a:lnTo>
                <a:lnTo>
                  <a:pt x="374903" y="280415"/>
                </a:lnTo>
                <a:close/>
              </a:path>
              <a:path w="481964" h="396239">
                <a:moveTo>
                  <a:pt x="356615" y="294131"/>
                </a:moveTo>
                <a:lnTo>
                  <a:pt x="347472" y="301751"/>
                </a:lnTo>
                <a:lnTo>
                  <a:pt x="348996" y="304800"/>
                </a:lnTo>
                <a:lnTo>
                  <a:pt x="359663" y="297179"/>
                </a:lnTo>
                <a:lnTo>
                  <a:pt x="356615" y="294131"/>
                </a:lnTo>
                <a:close/>
              </a:path>
              <a:path w="481964" h="396239">
                <a:moveTo>
                  <a:pt x="339851" y="307848"/>
                </a:moveTo>
                <a:lnTo>
                  <a:pt x="330708" y="316991"/>
                </a:lnTo>
                <a:lnTo>
                  <a:pt x="332232" y="318515"/>
                </a:lnTo>
                <a:lnTo>
                  <a:pt x="341375" y="310896"/>
                </a:lnTo>
                <a:lnTo>
                  <a:pt x="339851" y="307848"/>
                </a:lnTo>
                <a:close/>
              </a:path>
              <a:path w="481964" h="396239">
                <a:moveTo>
                  <a:pt x="323088" y="321563"/>
                </a:moveTo>
                <a:lnTo>
                  <a:pt x="312420" y="330708"/>
                </a:lnTo>
                <a:lnTo>
                  <a:pt x="315468" y="332231"/>
                </a:lnTo>
                <a:lnTo>
                  <a:pt x="324612" y="324612"/>
                </a:lnTo>
                <a:lnTo>
                  <a:pt x="323088" y="321563"/>
                </a:lnTo>
                <a:close/>
              </a:path>
              <a:path w="481964" h="396239">
                <a:moveTo>
                  <a:pt x="306324" y="336803"/>
                </a:moveTo>
                <a:lnTo>
                  <a:pt x="295656" y="344424"/>
                </a:lnTo>
                <a:lnTo>
                  <a:pt x="297180" y="347472"/>
                </a:lnTo>
                <a:lnTo>
                  <a:pt x="307848" y="338327"/>
                </a:lnTo>
                <a:lnTo>
                  <a:pt x="306324" y="336803"/>
                </a:lnTo>
                <a:close/>
              </a:path>
              <a:path w="481964" h="396239">
                <a:moveTo>
                  <a:pt x="288036" y="350520"/>
                </a:moveTo>
                <a:lnTo>
                  <a:pt x="278892" y="358139"/>
                </a:lnTo>
                <a:lnTo>
                  <a:pt x="280415" y="361188"/>
                </a:lnTo>
                <a:lnTo>
                  <a:pt x="291084" y="353567"/>
                </a:lnTo>
                <a:lnTo>
                  <a:pt x="288036" y="350520"/>
                </a:lnTo>
                <a:close/>
              </a:path>
              <a:path w="481964" h="396239">
                <a:moveTo>
                  <a:pt x="271272" y="364236"/>
                </a:moveTo>
                <a:lnTo>
                  <a:pt x="262127" y="373379"/>
                </a:lnTo>
                <a:lnTo>
                  <a:pt x="263651" y="374903"/>
                </a:lnTo>
                <a:lnTo>
                  <a:pt x="272796" y="367284"/>
                </a:lnTo>
                <a:lnTo>
                  <a:pt x="271272" y="364236"/>
                </a:lnTo>
                <a:close/>
              </a:path>
              <a:path w="481964" h="396239">
                <a:moveTo>
                  <a:pt x="254508" y="379475"/>
                </a:moveTo>
                <a:lnTo>
                  <a:pt x="243839" y="387096"/>
                </a:lnTo>
                <a:lnTo>
                  <a:pt x="246887" y="388620"/>
                </a:lnTo>
                <a:lnTo>
                  <a:pt x="256032" y="381000"/>
                </a:lnTo>
                <a:lnTo>
                  <a:pt x="254508" y="379475"/>
                </a:lnTo>
                <a:close/>
              </a:path>
            </a:pathLst>
          </a:custGeom>
          <a:solidFill>
            <a:srgbClr val="7E7E7E"/>
          </a:solidFill>
        </p:spPr>
        <p:txBody>
          <a:bodyPr wrap="square" lIns="0" tIns="0" rIns="0" bIns="0" rtlCol="0"/>
          <a:lstStyle/>
          <a:p>
            <a:endParaRPr sz="1749"/>
          </a:p>
        </p:txBody>
      </p:sp>
      <p:grpSp>
        <p:nvGrpSpPr>
          <p:cNvPr id="28" name="object 28"/>
          <p:cNvGrpSpPr/>
          <p:nvPr/>
        </p:nvGrpSpPr>
        <p:grpSpPr>
          <a:xfrm>
            <a:off x="4198855" y="3624151"/>
            <a:ext cx="4458448" cy="3130610"/>
            <a:chOff x="4910328" y="4009644"/>
            <a:chExt cx="4640580" cy="3145790"/>
          </a:xfrm>
        </p:grpSpPr>
        <p:sp>
          <p:nvSpPr>
            <p:cNvPr id="29" name="object 29"/>
            <p:cNvSpPr/>
            <p:nvPr/>
          </p:nvSpPr>
          <p:spPr>
            <a:xfrm>
              <a:off x="4910328" y="4009644"/>
              <a:ext cx="323215" cy="828040"/>
            </a:xfrm>
            <a:custGeom>
              <a:avLst/>
              <a:gdLst/>
              <a:ahLst/>
              <a:cxnLst/>
              <a:rect l="l" t="t" r="r" b="b"/>
              <a:pathLst>
                <a:path w="323214" h="828039">
                  <a:moveTo>
                    <a:pt x="0" y="0"/>
                  </a:moveTo>
                  <a:lnTo>
                    <a:pt x="0" y="827532"/>
                  </a:lnTo>
                  <a:lnTo>
                    <a:pt x="323088" y="414527"/>
                  </a:lnTo>
                  <a:lnTo>
                    <a:pt x="0" y="0"/>
                  </a:lnTo>
                  <a:close/>
                </a:path>
              </a:pathLst>
            </a:custGeom>
            <a:solidFill>
              <a:srgbClr val="FF0000"/>
            </a:solidFill>
          </p:spPr>
          <p:txBody>
            <a:bodyPr wrap="square" lIns="0" tIns="0" rIns="0" bIns="0" rtlCol="0"/>
            <a:lstStyle/>
            <a:p>
              <a:endParaRPr sz="1749"/>
            </a:p>
          </p:txBody>
        </p:sp>
        <p:pic>
          <p:nvPicPr>
            <p:cNvPr id="30" name="object 30"/>
            <p:cNvPicPr/>
            <p:nvPr/>
          </p:nvPicPr>
          <p:blipFill>
            <a:blip r:embed="rId10" cstate="print"/>
            <a:stretch>
              <a:fillRect/>
            </a:stretch>
          </p:blipFill>
          <p:spPr>
            <a:xfrm>
              <a:off x="5273040" y="4061465"/>
              <a:ext cx="4277868" cy="3093720"/>
            </a:xfrm>
            <a:prstGeom prst="rect">
              <a:avLst/>
            </a:prstGeom>
          </p:spPr>
        </p:pic>
      </p:grpSp>
      <p:sp>
        <p:nvSpPr>
          <p:cNvPr id="31" name="object 31"/>
          <p:cNvSpPr txBox="1"/>
          <p:nvPr/>
        </p:nvSpPr>
        <p:spPr>
          <a:xfrm>
            <a:off x="3820497" y="3363081"/>
            <a:ext cx="818833" cy="352691"/>
          </a:xfrm>
          <a:prstGeom prst="rect">
            <a:avLst/>
          </a:prstGeom>
        </p:spPr>
        <p:txBody>
          <a:bodyPr vert="horz" wrap="square" lIns="0" tIns="10317" rIns="0" bIns="0" rtlCol="0">
            <a:spAutoFit/>
          </a:bodyPr>
          <a:lstStyle/>
          <a:p>
            <a:pPr marL="10860">
              <a:spcBef>
                <a:spcPts val="81"/>
              </a:spcBef>
            </a:pPr>
            <a:r>
              <a:rPr sz="1112" b="1" spc="-21" dirty="0">
                <a:solidFill>
                  <a:srgbClr val="FF0000"/>
                </a:solidFill>
                <a:latin typeface="Meiryo UI"/>
                <a:cs typeface="Meiryo UI"/>
              </a:rPr>
              <a:t>制度の見直し</a:t>
            </a:r>
            <a:endParaRPr sz="1112">
              <a:latin typeface="Meiryo UI"/>
              <a:cs typeface="Meiryo UI"/>
            </a:endParaRPr>
          </a:p>
        </p:txBody>
      </p:sp>
      <p:sp>
        <p:nvSpPr>
          <p:cNvPr id="32" name="object 32"/>
          <p:cNvSpPr txBox="1">
            <a:spLocks noGrp="1"/>
          </p:cNvSpPr>
          <p:nvPr>
            <p:ph type="title"/>
          </p:nvPr>
        </p:nvSpPr>
        <p:spPr>
          <a:xfrm>
            <a:off x="599464" y="351067"/>
            <a:ext cx="8264317" cy="356883"/>
          </a:xfrm>
          <a:prstGeom prst="rect">
            <a:avLst/>
          </a:prstGeom>
          <a:solidFill>
            <a:srgbClr val="E46B0A"/>
          </a:solidFill>
        </p:spPr>
        <p:txBody>
          <a:bodyPr vert="horz" wrap="square" lIns="0" tIns="99368" rIns="0" bIns="0" rtlCol="0">
            <a:spAutoFit/>
          </a:bodyPr>
          <a:lstStyle/>
          <a:p>
            <a:pPr marL="251404">
              <a:lnSpc>
                <a:spcPct val="100000"/>
              </a:lnSpc>
              <a:spcBef>
                <a:spcPts val="782"/>
              </a:spcBef>
            </a:pPr>
            <a:r>
              <a:rPr sz="1667" b="1" spc="-21" dirty="0">
                <a:latin typeface="Meiryo UI"/>
                <a:cs typeface="Meiryo UI"/>
              </a:rPr>
              <a:t>PRISM</a:t>
            </a:r>
            <a:r>
              <a:rPr sz="1667" b="1" spc="-13" dirty="0">
                <a:latin typeface="Meiryo UI"/>
                <a:cs typeface="Meiryo UI"/>
              </a:rPr>
              <a:t>から</a:t>
            </a:r>
            <a:r>
              <a:rPr sz="1667" b="1" spc="-21" dirty="0">
                <a:latin typeface="Meiryo UI"/>
                <a:cs typeface="Meiryo UI"/>
              </a:rPr>
              <a:t>BRIDGE（研究開発と</a:t>
            </a:r>
            <a:r>
              <a:rPr sz="1667" b="1" spc="-17" dirty="0">
                <a:latin typeface="Meiryo UI"/>
                <a:cs typeface="Meiryo UI"/>
              </a:rPr>
              <a:t>Society5.0</a:t>
            </a:r>
            <a:r>
              <a:rPr sz="1667" b="1" spc="-26" dirty="0">
                <a:latin typeface="Meiryo UI"/>
                <a:cs typeface="Meiryo UI"/>
              </a:rPr>
              <a:t>との橋渡しプログラム</a:t>
            </a:r>
            <a:r>
              <a:rPr sz="1667" b="1" spc="-21" dirty="0">
                <a:latin typeface="Meiryo UI"/>
                <a:cs typeface="Meiryo UI"/>
              </a:rPr>
              <a:t>）</a:t>
            </a:r>
            <a:r>
              <a:rPr sz="1667" b="1" spc="-26" dirty="0">
                <a:latin typeface="Meiryo UI"/>
                <a:cs typeface="Meiryo UI"/>
              </a:rPr>
              <a:t>への見直し</a:t>
            </a:r>
            <a:endParaRPr sz="1667">
              <a:latin typeface="Meiryo UI"/>
              <a:cs typeface="Meiryo UI"/>
            </a:endParaRPr>
          </a:p>
        </p:txBody>
      </p:sp>
    </p:spTree>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6096" y="0"/>
            <a:ext cx="9138285" cy="585470"/>
            <a:chOff x="6096" y="0"/>
            <a:chExt cx="9138285" cy="585470"/>
          </a:xfrm>
        </p:grpSpPr>
        <p:pic>
          <p:nvPicPr>
            <p:cNvPr id="3" name="object 3"/>
            <p:cNvPicPr/>
            <p:nvPr/>
          </p:nvPicPr>
          <p:blipFill>
            <a:blip r:embed="rId2" cstate="print"/>
            <a:stretch>
              <a:fillRect/>
            </a:stretch>
          </p:blipFill>
          <p:spPr>
            <a:xfrm>
              <a:off x="6096" y="0"/>
              <a:ext cx="9137904" cy="585215"/>
            </a:xfrm>
            <a:prstGeom prst="rect">
              <a:avLst/>
            </a:prstGeom>
          </p:spPr>
        </p:pic>
        <p:pic>
          <p:nvPicPr>
            <p:cNvPr id="4" name="object 4"/>
            <p:cNvPicPr/>
            <p:nvPr/>
          </p:nvPicPr>
          <p:blipFill>
            <a:blip r:embed="rId3" cstate="print"/>
            <a:stretch>
              <a:fillRect/>
            </a:stretch>
          </p:blipFill>
          <p:spPr>
            <a:xfrm>
              <a:off x="947699" y="141782"/>
              <a:ext cx="6043188" cy="346202"/>
            </a:xfrm>
            <a:prstGeom prst="rect">
              <a:avLst/>
            </a:prstGeom>
          </p:spPr>
        </p:pic>
        <p:pic>
          <p:nvPicPr>
            <p:cNvPr id="5" name="object 5"/>
            <p:cNvPicPr/>
            <p:nvPr/>
          </p:nvPicPr>
          <p:blipFill>
            <a:blip r:embed="rId4" cstate="print"/>
            <a:stretch>
              <a:fillRect/>
            </a:stretch>
          </p:blipFill>
          <p:spPr>
            <a:xfrm>
              <a:off x="7056774" y="145947"/>
              <a:ext cx="1150522" cy="342049"/>
            </a:xfrm>
            <a:prstGeom prst="rect">
              <a:avLst/>
            </a:prstGeom>
          </p:spPr>
        </p:pic>
      </p:grpSp>
      <p:sp>
        <p:nvSpPr>
          <p:cNvPr id="6" name="object 6"/>
          <p:cNvSpPr txBox="1"/>
          <p:nvPr/>
        </p:nvSpPr>
        <p:spPr>
          <a:xfrm>
            <a:off x="261152" y="604215"/>
            <a:ext cx="8889365" cy="2631440"/>
          </a:xfrm>
          <a:prstGeom prst="rect">
            <a:avLst/>
          </a:prstGeom>
        </p:spPr>
        <p:txBody>
          <a:bodyPr vert="horz" wrap="square" lIns="0" tIns="12065" rIns="0" bIns="0" rtlCol="0">
            <a:spAutoFit/>
          </a:bodyPr>
          <a:lstStyle/>
          <a:p>
            <a:pPr marL="12700">
              <a:lnSpc>
                <a:spcPts val="1910"/>
              </a:lnSpc>
              <a:spcBef>
                <a:spcPts val="95"/>
              </a:spcBef>
              <a:tabLst>
                <a:tab pos="1813560" algn="l"/>
              </a:tabLst>
            </a:pPr>
            <a:r>
              <a:rPr sz="1600" b="1" spc="-20" dirty="0">
                <a:latin typeface="メイリオ"/>
                <a:cs typeface="メイリオ"/>
              </a:rPr>
              <a:t>＜SIP</a:t>
            </a:r>
            <a:r>
              <a:rPr sz="1600" b="1" spc="-25" dirty="0">
                <a:latin typeface="メイリオ"/>
                <a:cs typeface="メイリオ"/>
              </a:rPr>
              <a:t>の仕組み</a:t>
            </a:r>
            <a:r>
              <a:rPr sz="1600" b="1" spc="-50" dirty="0">
                <a:latin typeface="メイリオ"/>
                <a:cs typeface="メイリオ"/>
              </a:rPr>
              <a:t>＞</a:t>
            </a:r>
            <a:r>
              <a:rPr sz="1600" b="1" dirty="0">
                <a:latin typeface="メイリオ"/>
                <a:cs typeface="メイリオ"/>
              </a:rPr>
              <a:t>	</a:t>
            </a:r>
            <a:r>
              <a:rPr sz="1600" spc="-25" dirty="0">
                <a:solidFill>
                  <a:srgbClr val="FF0000"/>
                </a:solidFill>
                <a:latin typeface="メイリオ"/>
                <a:cs typeface="メイリオ"/>
              </a:rPr>
              <a:t>※赤字は</a:t>
            </a:r>
            <a:r>
              <a:rPr sz="1600" spc="-20" dirty="0">
                <a:solidFill>
                  <a:srgbClr val="FF0000"/>
                </a:solidFill>
                <a:latin typeface="メイリオ"/>
                <a:cs typeface="メイリオ"/>
              </a:rPr>
              <a:t>SIP</a:t>
            </a:r>
            <a:r>
              <a:rPr sz="1600" spc="-25" dirty="0">
                <a:solidFill>
                  <a:srgbClr val="FF0000"/>
                </a:solidFill>
                <a:latin typeface="メイリオ"/>
                <a:cs typeface="メイリオ"/>
              </a:rPr>
              <a:t>第３期で強化する</a:t>
            </a:r>
            <a:r>
              <a:rPr sz="1600" spc="-10" dirty="0">
                <a:solidFill>
                  <a:srgbClr val="FF0000"/>
                </a:solidFill>
                <a:latin typeface="メイリオ"/>
                <a:cs typeface="メイリオ"/>
              </a:rPr>
              <a:t>取</a:t>
            </a:r>
            <a:r>
              <a:rPr sz="1600" spc="-50" dirty="0">
                <a:solidFill>
                  <a:srgbClr val="FF0000"/>
                </a:solidFill>
                <a:latin typeface="メイリオ"/>
                <a:cs typeface="メイリオ"/>
              </a:rPr>
              <a:t>組</a:t>
            </a:r>
            <a:endParaRPr sz="1600">
              <a:latin typeface="メイリオ"/>
              <a:cs typeface="メイリオ"/>
            </a:endParaRPr>
          </a:p>
          <a:p>
            <a:pPr marL="346075" marR="5080" indent="-190500">
              <a:lnSpc>
                <a:spcPct val="99100"/>
              </a:lnSpc>
              <a:spcBef>
                <a:spcPts val="5"/>
              </a:spcBef>
            </a:pPr>
            <a:r>
              <a:rPr sz="1600" spc="-20" dirty="0">
                <a:latin typeface="メイリオ"/>
                <a:cs typeface="メイリオ"/>
              </a:rPr>
              <a:t>○総合科学技術・イノベーション会議</a:t>
            </a:r>
            <a:r>
              <a:rPr sz="1600" spc="-10" dirty="0">
                <a:latin typeface="メイリオ"/>
                <a:cs typeface="メイリオ"/>
              </a:rPr>
              <a:t>（CSTI）</a:t>
            </a:r>
            <a:r>
              <a:rPr sz="1600" spc="-15" dirty="0">
                <a:latin typeface="メイリオ"/>
                <a:cs typeface="メイリオ"/>
              </a:rPr>
              <a:t>が、</a:t>
            </a:r>
            <a:r>
              <a:rPr sz="1600" u="sng" spc="-10" dirty="0">
                <a:solidFill>
                  <a:srgbClr val="FF0000"/>
                </a:solidFill>
                <a:uFill>
                  <a:solidFill>
                    <a:srgbClr val="FF0000"/>
                  </a:solidFill>
                </a:uFill>
                <a:latin typeface="メイリオ"/>
                <a:cs typeface="メイリオ"/>
              </a:rPr>
              <a:t>Society5.0</a:t>
            </a:r>
            <a:r>
              <a:rPr sz="1600" b="1" u="sng" spc="-20" dirty="0">
                <a:solidFill>
                  <a:srgbClr val="FF0000"/>
                </a:solidFill>
                <a:uFill>
                  <a:solidFill>
                    <a:srgbClr val="FF0000"/>
                  </a:solidFill>
                </a:uFill>
                <a:latin typeface="メイリオ"/>
                <a:cs typeface="メイリオ"/>
              </a:rPr>
              <a:t>の実現に向けてバックキャスト</a:t>
            </a:r>
            <a:r>
              <a:rPr sz="1600" b="1" u="none" spc="-20" dirty="0">
                <a:latin typeface="メイリオ"/>
                <a:cs typeface="メイリオ"/>
              </a:rPr>
              <a:t>により、社会的課題の解決や日本経済・産業競争力にとって重要な課題</a:t>
            </a:r>
            <a:r>
              <a:rPr sz="1600" u="none" spc="-20" dirty="0">
                <a:latin typeface="メイリオ"/>
                <a:cs typeface="メイリオ"/>
              </a:rPr>
              <a:t>を設定するとともに、そのプログラムディレクター</a:t>
            </a:r>
            <a:r>
              <a:rPr sz="1600" u="none" spc="-15" dirty="0">
                <a:latin typeface="メイリオ"/>
                <a:cs typeface="メイリオ"/>
              </a:rPr>
              <a:t>（PD）</a:t>
            </a:r>
            <a:r>
              <a:rPr sz="1600" b="1" u="none" spc="-20" dirty="0">
                <a:latin typeface="メイリオ"/>
                <a:cs typeface="メイリオ"/>
              </a:rPr>
              <a:t>・</a:t>
            </a:r>
            <a:r>
              <a:rPr sz="1600" u="none" spc="-20" dirty="0">
                <a:latin typeface="メイリオ"/>
                <a:cs typeface="メイリオ"/>
              </a:rPr>
              <a:t>予算配分をトップダウンで決定。</a:t>
            </a:r>
            <a:endParaRPr sz="1600">
              <a:latin typeface="メイリオ"/>
              <a:cs typeface="メイリオ"/>
            </a:endParaRPr>
          </a:p>
          <a:p>
            <a:pPr marL="155575">
              <a:lnSpc>
                <a:spcPct val="100000"/>
              </a:lnSpc>
              <a:spcBef>
                <a:spcPts val="275"/>
              </a:spcBef>
            </a:pPr>
            <a:r>
              <a:rPr sz="1600" b="1" spc="-30" dirty="0">
                <a:latin typeface="メイリオ"/>
                <a:cs typeface="メイリオ"/>
              </a:rPr>
              <a:t>○基礎研究から社会実装までを見据えて一気通貫で研究開発を推進。</a:t>
            </a:r>
            <a:endParaRPr sz="1600">
              <a:latin typeface="メイリオ"/>
              <a:cs typeface="メイリオ"/>
            </a:endParaRPr>
          </a:p>
          <a:p>
            <a:pPr marL="346075" marR="198120" indent="-191135">
              <a:lnSpc>
                <a:spcPts val="1900"/>
              </a:lnSpc>
              <a:spcBef>
                <a:spcPts val="370"/>
              </a:spcBef>
            </a:pPr>
            <a:r>
              <a:rPr sz="1600" spc="-25" dirty="0">
                <a:latin typeface="メイリオ"/>
                <a:cs typeface="メイリオ"/>
              </a:rPr>
              <a:t>○府省連携が不可欠な分野横断的な取組</a:t>
            </a:r>
            <a:r>
              <a:rPr sz="1600" b="1" spc="-25" dirty="0">
                <a:latin typeface="メイリオ"/>
                <a:cs typeface="メイリオ"/>
              </a:rPr>
              <a:t>を産学官連携により推進</a:t>
            </a:r>
            <a:r>
              <a:rPr sz="1600" spc="-25" dirty="0">
                <a:latin typeface="メイリオ"/>
                <a:cs typeface="メイリオ"/>
              </a:rPr>
              <a:t>。</a:t>
            </a:r>
            <a:r>
              <a:rPr sz="1600" b="1" spc="-30" dirty="0">
                <a:latin typeface="メイリオ"/>
                <a:cs typeface="メイリオ"/>
              </a:rPr>
              <a:t>マッチングファンド等による民間企業の積極的な貢献。</a:t>
            </a:r>
            <a:endParaRPr sz="1600">
              <a:latin typeface="メイリオ"/>
              <a:cs typeface="メイリオ"/>
            </a:endParaRPr>
          </a:p>
          <a:p>
            <a:pPr marL="358140" indent="-215900">
              <a:lnSpc>
                <a:spcPct val="100000"/>
              </a:lnSpc>
              <a:spcBef>
                <a:spcPts val="210"/>
              </a:spcBef>
              <a:buClr>
                <a:srgbClr val="000000"/>
              </a:buClr>
              <a:buSzPct val="93750"/>
              <a:buChar char="○"/>
              <a:tabLst>
                <a:tab pos="358140" algn="l"/>
              </a:tabLst>
            </a:pPr>
            <a:r>
              <a:rPr sz="1600" b="1" u="sng" spc="-30" dirty="0">
                <a:solidFill>
                  <a:srgbClr val="FF0000"/>
                </a:solidFill>
                <a:uFill>
                  <a:solidFill>
                    <a:srgbClr val="FF0000"/>
                  </a:solidFill>
                </a:uFill>
                <a:latin typeface="メイリオ"/>
                <a:cs typeface="メイリオ"/>
              </a:rPr>
              <a:t>技術だけでなく、事業、制度、社会的受容性、人材の視点から社会実装</a:t>
            </a:r>
            <a:r>
              <a:rPr sz="1600" b="1" u="none" spc="-35" dirty="0">
                <a:latin typeface="メイリオ"/>
                <a:cs typeface="メイリオ"/>
              </a:rPr>
              <a:t>を推進。</a:t>
            </a:r>
            <a:endParaRPr sz="1600">
              <a:latin typeface="メイリオ"/>
              <a:cs typeface="メイリオ"/>
            </a:endParaRPr>
          </a:p>
          <a:p>
            <a:pPr marL="155575">
              <a:lnSpc>
                <a:spcPct val="100000"/>
              </a:lnSpc>
              <a:spcBef>
                <a:spcPts val="290"/>
              </a:spcBef>
            </a:pPr>
            <a:r>
              <a:rPr sz="1600" b="1" spc="-25" dirty="0">
                <a:latin typeface="メイリオ"/>
                <a:cs typeface="メイリオ"/>
              </a:rPr>
              <a:t>○社会実装に向けたステージゲートや</a:t>
            </a:r>
            <a:r>
              <a:rPr sz="1600" b="1" u="sng" spc="-25" dirty="0">
                <a:solidFill>
                  <a:srgbClr val="FF0000"/>
                </a:solidFill>
                <a:uFill>
                  <a:solidFill>
                    <a:srgbClr val="FF0000"/>
                  </a:solidFill>
                </a:uFill>
                <a:latin typeface="メイリオ"/>
                <a:cs typeface="メイリオ"/>
              </a:rPr>
              <a:t>エグジット戦略</a:t>
            </a:r>
            <a:r>
              <a:rPr sz="1600" b="1" u="sng" spc="-10" dirty="0">
                <a:solidFill>
                  <a:srgbClr val="FF0000"/>
                </a:solidFill>
                <a:uFill>
                  <a:solidFill>
                    <a:srgbClr val="FF0000"/>
                  </a:solidFill>
                </a:uFill>
                <a:latin typeface="メイリオ"/>
                <a:cs typeface="メイリオ"/>
              </a:rPr>
              <a:t>（SIP</a:t>
            </a:r>
            <a:r>
              <a:rPr sz="1600" b="1" u="sng" spc="-25" dirty="0">
                <a:solidFill>
                  <a:srgbClr val="FF0000"/>
                </a:solidFill>
                <a:uFill>
                  <a:solidFill>
                    <a:srgbClr val="FF0000"/>
                  </a:solidFill>
                </a:uFill>
                <a:latin typeface="メイリオ"/>
                <a:cs typeface="メイリオ"/>
              </a:rPr>
              <a:t>後の推進体制）</a:t>
            </a:r>
            <a:r>
              <a:rPr sz="1600" b="1" u="none" spc="-35" dirty="0">
                <a:latin typeface="メイリオ"/>
                <a:cs typeface="メイリオ"/>
              </a:rPr>
              <a:t>を強化。</a:t>
            </a:r>
            <a:endParaRPr sz="1600">
              <a:latin typeface="メイリオ"/>
              <a:cs typeface="メイリオ"/>
            </a:endParaRPr>
          </a:p>
          <a:p>
            <a:pPr marL="357505" indent="-215900">
              <a:lnSpc>
                <a:spcPct val="100000"/>
              </a:lnSpc>
              <a:spcBef>
                <a:spcPts val="275"/>
              </a:spcBef>
              <a:buClr>
                <a:srgbClr val="000000"/>
              </a:buClr>
              <a:buSzPct val="93750"/>
              <a:buChar char="○"/>
              <a:tabLst>
                <a:tab pos="357505" algn="l"/>
              </a:tabLst>
            </a:pPr>
            <a:r>
              <a:rPr sz="1600" b="1" u="sng" spc="-25" dirty="0">
                <a:solidFill>
                  <a:srgbClr val="FF0000"/>
                </a:solidFill>
                <a:uFill>
                  <a:solidFill>
                    <a:srgbClr val="FF0000"/>
                  </a:solidFill>
                </a:uFill>
                <a:latin typeface="メイリオ"/>
                <a:cs typeface="メイリオ"/>
              </a:rPr>
              <a:t>スタートアップの参画</a:t>
            </a:r>
            <a:r>
              <a:rPr sz="1600" b="1" u="none" spc="-30" dirty="0">
                <a:latin typeface="メイリオ"/>
                <a:cs typeface="メイリオ"/>
              </a:rPr>
              <a:t>を積極的に促進。</a:t>
            </a:r>
            <a:endParaRPr sz="1600">
              <a:latin typeface="メイリオ"/>
              <a:cs typeface="メイリオ"/>
            </a:endParaRPr>
          </a:p>
        </p:txBody>
      </p:sp>
      <p:sp>
        <p:nvSpPr>
          <p:cNvPr id="7" name="object 7"/>
          <p:cNvSpPr txBox="1"/>
          <p:nvPr/>
        </p:nvSpPr>
        <p:spPr>
          <a:xfrm>
            <a:off x="3871454" y="3316462"/>
            <a:ext cx="4798060" cy="2646680"/>
          </a:xfrm>
          <a:prstGeom prst="rect">
            <a:avLst/>
          </a:prstGeom>
        </p:spPr>
        <p:txBody>
          <a:bodyPr vert="horz" wrap="square" lIns="0" tIns="27940" rIns="0" bIns="0" rtlCol="0">
            <a:spAutoFit/>
          </a:bodyPr>
          <a:lstStyle/>
          <a:p>
            <a:pPr marL="12700">
              <a:lnSpc>
                <a:spcPct val="100000"/>
              </a:lnSpc>
              <a:spcBef>
                <a:spcPts val="220"/>
              </a:spcBef>
            </a:pPr>
            <a:r>
              <a:rPr sz="1600" b="1" spc="-30" dirty="0">
                <a:latin typeface="メイリオ"/>
                <a:cs typeface="メイリオ"/>
              </a:rPr>
              <a:t>＜各事業期間の課題数・予算額＞</a:t>
            </a:r>
            <a:endParaRPr sz="1600">
              <a:latin typeface="メイリオ"/>
              <a:cs typeface="メイリオ"/>
            </a:endParaRPr>
          </a:p>
          <a:p>
            <a:pPr marL="12700">
              <a:lnSpc>
                <a:spcPct val="100000"/>
              </a:lnSpc>
              <a:spcBef>
                <a:spcPts val="120"/>
              </a:spcBef>
            </a:pPr>
            <a:r>
              <a:rPr sz="1600" spc="-25" dirty="0">
                <a:latin typeface="メイリオ"/>
                <a:cs typeface="メイリオ"/>
              </a:rPr>
              <a:t>第</a:t>
            </a:r>
            <a:r>
              <a:rPr sz="1600" spc="-10" dirty="0">
                <a:latin typeface="メイリオ"/>
                <a:cs typeface="メイリオ"/>
              </a:rPr>
              <a:t>1</a:t>
            </a:r>
            <a:r>
              <a:rPr sz="1600" spc="-25" dirty="0">
                <a:latin typeface="メイリオ"/>
                <a:cs typeface="メイリオ"/>
              </a:rPr>
              <a:t>期（平成</a:t>
            </a:r>
            <a:r>
              <a:rPr sz="1600" spc="-10" dirty="0">
                <a:latin typeface="メイリオ"/>
                <a:cs typeface="メイリオ"/>
              </a:rPr>
              <a:t>26</a:t>
            </a:r>
            <a:r>
              <a:rPr sz="1600" spc="-25" dirty="0">
                <a:latin typeface="メイリオ"/>
                <a:cs typeface="メイリオ"/>
              </a:rPr>
              <a:t>年度から平成</a:t>
            </a:r>
            <a:r>
              <a:rPr sz="1600" spc="-10" dirty="0">
                <a:latin typeface="メイリオ"/>
                <a:cs typeface="メイリオ"/>
              </a:rPr>
              <a:t>30</a:t>
            </a:r>
            <a:r>
              <a:rPr sz="1600" spc="-25" dirty="0">
                <a:latin typeface="メイリオ"/>
                <a:cs typeface="メイリオ"/>
              </a:rPr>
              <a:t>年度まで</a:t>
            </a:r>
            <a:r>
              <a:rPr sz="1600" spc="-10" dirty="0">
                <a:latin typeface="メイリオ"/>
                <a:cs typeface="メイリオ"/>
              </a:rPr>
              <a:t>5</a:t>
            </a:r>
            <a:r>
              <a:rPr sz="1600" spc="-20" dirty="0">
                <a:latin typeface="メイリオ"/>
                <a:cs typeface="メイリオ"/>
              </a:rPr>
              <a:t>年間</a:t>
            </a:r>
            <a:r>
              <a:rPr sz="1600" spc="-50" dirty="0">
                <a:latin typeface="メイリオ"/>
                <a:cs typeface="メイリオ"/>
              </a:rPr>
              <a:t>）</a:t>
            </a:r>
            <a:endParaRPr sz="1600">
              <a:latin typeface="メイリオ"/>
              <a:cs typeface="メイリオ"/>
            </a:endParaRPr>
          </a:p>
          <a:p>
            <a:pPr marL="194310">
              <a:lnSpc>
                <a:spcPct val="100000"/>
              </a:lnSpc>
            </a:pPr>
            <a:r>
              <a:rPr sz="1600" spc="-25" dirty="0">
                <a:latin typeface="メイリオ"/>
                <a:cs typeface="メイリオ"/>
              </a:rPr>
              <a:t>○課題数：11</a:t>
            </a:r>
            <a:endParaRPr sz="1600">
              <a:latin typeface="メイリオ"/>
              <a:cs typeface="メイリオ"/>
            </a:endParaRPr>
          </a:p>
          <a:p>
            <a:pPr marL="194310">
              <a:lnSpc>
                <a:spcPct val="100000"/>
              </a:lnSpc>
            </a:pPr>
            <a:r>
              <a:rPr sz="1600" spc="-25" dirty="0">
                <a:latin typeface="メイリオ"/>
                <a:cs typeface="メイリオ"/>
              </a:rPr>
              <a:t>○予算額：</a:t>
            </a:r>
            <a:r>
              <a:rPr sz="1600" spc="-20" dirty="0">
                <a:latin typeface="メイリオ"/>
                <a:cs typeface="メイリオ"/>
              </a:rPr>
              <a:t>1～4</a:t>
            </a:r>
            <a:r>
              <a:rPr sz="1600" spc="-25" dirty="0">
                <a:latin typeface="メイリオ"/>
                <a:cs typeface="メイリオ"/>
              </a:rPr>
              <a:t>年目：</a:t>
            </a:r>
            <a:r>
              <a:rPr sz="1600" spc="-20" dirty="0">
                <a:latin typeface="メイリオ"/>
                <a:cs typeface="メイリオ"/>
              </a:rPr>
              <a:t>325</a:t>
            </a:r>
            <a:r>
              <a:rPr sz="1600" spc="-25" dirty="0">
                <a:latin typeface="メイリオ"/>
                <a:cs typeface="メイリオ"/>
              </a:rPr>
              <a:t>億円、</a:t>
            </a:r>
            <a:r>
              <a:rPr sz="1600" spc="-10" dirty="0">
                <a:latin typeface="メイリオ"/>
                <a:cs typeface="メイリオ"/>
              </a:rPr>
              <a:t>5</a:t>
            </a:r>
            <a:r>
              <a:rPr sz="1600" spc="-20" dirty="0">
                <a:latin typeface="メイリオ"/>
                <a:cs typeface="メイリオ"/>
              </a:rPr>
              <a:t>年目：</a:t>
            </a:r>
            <a:r>
              <a:rPr sz="1600" spc="-10" dirty="0">
                <a:latin typeface="メイリオ"/>
                <a:cs typeface="メイリオ"/>
              </a:rPr>
              <a:t>280</a:t>
            </a:r>
            <a:r>
              <a:rPr sz="1600" spc="-30" dirty="0">
                <a:latin typeface="メイリオ"/>
                <a:cs typeface="メイリオ"/>
              </a:rPr>
              <a:t>億円</a:t>
            </a:r>
            <a:endParaRPr sz="1600">
              <a:latin typeface="メイリオ"/>
              <a:cs typeface="メイリオ"/>
            </a:endParaRPr>
          </a:p>
          <a:p>
            <a:pPr marL="12700">
              <a:lnSpc>
                <a:spcPct val="100000"/>
              </a:lnSpc>
              <a:spcBef>
                <a:spcPts val="600"/>
              </a:spcBef>
            </a:pPr>
            <a:r>
              <a:rPr sz="1600" spc="-25" dirty="0">
                <a:latin typeface="メイリオ"/>
                <a:cs typeface="メイリオ"/>
              </a:rPr>
              <a:t>第</a:t>
            </a:r>
            <a:r>
              <a:rPr sz="1600" spc="-10" dirty="0">
                <a:latin typeface="メイリオ"/>
                <a:cs typeface="メイリオ"/>
              </a:rPr>
              <a:t>2</a:t>
            </a:r>
            <a:r>
              <a:rPr sz="1600" spc="-25" dirty="0">
                <a:latin typeface="メイリオ"/>
                <a:cs typeface="メイリオ"/>
              </a:rPr>
              <a:t>期（平成</a:t>
            </a:r>
            <a:r>
              <a:rPr sz="1600" spc="-10" dirty="0">
                <a:latin typeface="メイリオ"/>
                <a:cs typeface="メイリオ"/>
              </a:rPr>
              <a:t>30</a:t>
            </a:r>
            <a:r>
              <a:rPr sz="1600" spc="-25" dirty="0">
                <a:latin typeface="メイリオ"/>
                <a:cs typeface="メイリオ"/>
              </a:rPr>
              <a:t>年度から令和４年度まで５年間</a:t>
            </a:r>
            <a:r>
              <a:rPr sz="1600" spc="-50" dirty="0">
                <a:latin typeface="メイリオ"/>
                <a:cs typeface="メイリオ"/>
              </a:rPr>
              <a:t>）</a:t>
            </a:r>
            <a:endParaRPr sz="1600">
              <a:latin typeface="メイリオ"/>
              <a:cs typeface="メイリオ"/>
            </a:endParaRPr>
          </a:p>
          <a:p>
            <a:pPr marL="194310">
              <a:lnSpc>
                <a:spcPct val="100000"/>
              </a:lnSpc>
            </a:pPr>
            <a:r>
              <a:rPr sz="1600" spc="-25" dirty="0">
                <a:latin typeface="メイリオ"/>
                <a:cs typeface="メイリオ"/>
              </a:rPr>
              <a:t>○課題数：12</a:t>
            </a:r>
            <a:endParaRPr sz="1600">
              <a:latin typeface="メイリオ"/>
              <a:cs typeface="メイリオ"/>
            </a:endParaRPr>
          </a:p>
          <a:p>
            <a:pPr marL="194310">
              <a:lnSpc>
                <a:spcPct val="100000"/>
              </a:lnSpc>
            </a:pPr>
            <a:r>
              <a:rPr sz="1600" spc="-25" dirty="0">
                <a:latin typeface="メイリオ"/>
                <a:cs typeface="メイリオ"/>
              </a:rPr>
              <a:t>○予算額：</a:t>
            </a:r>
            <a:r>
              <a:rPr sz="1600" spc="-20" dirty="0">
                <a:latin typeface="メイリオ"/>
                <a:cs typeface="メイリオ"/>
              </a:rPr>
              <a:t>1</a:t>
            </a:r>
            <a:r>
              <a:rPr sz="1600" spc="-25" dirty="0">
                <a:latin typeface="メイリオ"/>
                <a:cs typeface="メイリオ"/>
              </a:rPr>
              <a:t>年目：</a:t>
            </a:r>
            <a:r>
              <a:rPr sz="1600" spc="-20" dirty="0">
                <a:latin typeface="メイリオ"/>
                <a:cs typeface="メイリオ"/>
              </a:rPr>
              <a:t>325</a:t>
            </a:r>
            <a:r>
              <a:rPr sz="1600" spc="-25" dirty="0">
                <a:latin typeface="メイリオ"/>
                <a:cs typeface="メイリオ"/>
              </a:rPr>
              <a:t>億円、</a:t>
            </a:r>
            <a:r>
              <a:rPr sz="1600" spc="-10" dirty="0">
                <a:latin typeface="メイリオ"/>
                <a:cs typeface="メイリオ"/>
              </a:rPr>
              <a:t>2～5</a:t>
            </a:r>
            <a:r>
              <a:rPr sz="1600" spc="-20" dirty="0">
                <a:latin typeface="メイリオ"/>
                <a:cs typeface="メイリオ"/>
              </a:rPr>
              <a:t>年目：</a:t>
            </a:r>
            <a:r>
              <a:rPr sz="1600" spc="-10" dirty="0">
                <a:latin typeface="メイリオ"/>
                <a:cs typeface="メイリオ"/>
              </a:rPr>
              <a:t>280</a:t>
            </a:r>
            <a:r>
              <a:rPr sz="1600" spc="-30" dirty="0">
                <a:latin typeface="メイリオ"/>
                <a:cs typeface="メイリオ"/>
              </a:rPr>
              <a:t>億円</a:t>
            </a:r>
            <a:endParaRPr sz="1600">
              <a:latin typeface="メイリオ"/>
              <a:cs typeface="メイリオ"/>
            </a:endParaRPr>
          </a:p>
          <a:p>
            <a:pPr marL="12700">
              <a:lnSpc>
                <a:spcPct val="100000"/>
              </a:lnSpc>
              <a:spcBef>
                <a:spcPts val="600"/>
              </a:spcBef>
            </a:pPr>
            <a:r>
              <a:rPr sz="1600" b="1" u="sng" spc="-30" dirty="0">
                <a:solidFill>
                  <a:srgbClr val="FF0000"/>
                </a:solidFill>
                <a:uFill>
                  <a:solidFill>
                    <a:srgbClr val="FF0000"/>
                  </a:solidFill>
                </a:uFill>
                <a:latin typeface="メイリオ"/>
                <a:cs typeface="メイリオ"/>
              </a:rPr>
              <a:t>第</a:t>
            </a:r>
            <a:r>
              <a:rPr sz="1600" b="1" u="sng" spc="-20" dirty="0">
                <a:solidFill>
                  <a:srgbClr val="FF0000"/>
                </a:solidFill>
                <a:uFill>
                  <a:solidFill>
                    <a:srgbClr val="FF0000"/>
                  </a:solidFill>
                </a:uFill>
                <a:latin typeface="メイリオ"/>
                <a:cs typeface="メイリオ"/>
              </a:rPr>
              <a:t>3</a:t>
            </a:r>
            <a:r>
              <a:rPr sz="1600" b="1" u="sng" spc="-25" dirty="0">
                <a:solidFill>
                  <a:srgbClr val="FF0000"/>
                </a:solidFill>
                <a:uFill>
                  <a:solidFill>
                    <a:srgbClr val="FF0000"/>
                  </a:solidFill>
                </a:uFill>
                <a:latin typeface="メイリオ"/>
                <a:cs typeface="メイリオ"/>
              </a:rPr>
              <a:t>期（令和５年度から令和９年度まで５年間</a:t>
            </a:r>
            <a:r>
              <a:rPr sz="1600" b="1" u="sng" spc="-50" dirty="0">
                <a:solidFill>
                  <a:srgbClr val="FF0000"/>
                </a:solidFill>
                <a:uFill>
                  <a:solidFill>
                    <a:srgbClr val="FF0000"/>
                  </a:solidFill>
                </a:uFill>
                <a:latin typeface="メイリオ"/>
                <a:cs typeface="メイリオ"/>
              </a:rPr>
              <a:t>）</a:t>
            </a:r>
            <a:endParaRPr sz="1600">
              <a:latin typeface="メイリオ"/>
              <a:cs typeface="メイリオ"/>
            </a:endParaRPr>
          </a:p>
          <a:p>
            <a:pPr marL="184785">
              <a:lnSpc>
                <a:spcPct val="100000"/>
              </a:lnSpc>
            </a:pPr>
            <a:r>
              <a:rPr sz="1600" b="1" u="sng" spc="-25" dirty="0">
                <a:solidFill>
                  <a:srgbClr val="FF0000"/>
                </a:solidFill>
                <a:uFill>
                  <a:solidFill>
                    <a:srgbClr val="FF0000"/>
                  </a:solidFill>
                </a:uFill>
                <a:latin typeface="メイリオ"/>
                <a:cs typeface="メイリオ"/>
              </a:rPr>
              <a:t>○課題数：14</a:t>
            </a:r>
            <a:endParaRPr sz="1600">
              <a:latin typeface="メイリオ"/>
              <a:cs typeface="メイリオ"/>
            </a:endParaRPr>
          </a:p>
          <a:p>
            <a:pPr marL="184785">
              <a:lnSpc>
                <a:spcPct val="100000"/>
              </a:lnSpc>
            </a:pPr>
            <a:r>
              <a:rPr sz="1600" b="1" u="sng" spc="-25" dirty="0">
                <a:solidFill>
                  <a:srgbClr val="FF0000"/>
                </a:solidFill>
                <a:uFill>
                  <a:solidFill>
                    <a:srgbClr val="FF0000"/>
                  </a:solidFill>
                </a:uFill>
                <a:latin typeface="メイリオ"/>
                <a:cs typeface="メイリオ"/>
              </a:rPr>
              <a:t>○予算額：令和</a:t>
            </a:r>
            <a:r>
              <a:rPr sz="1600" b="1" u="sng" spc="-20" dirty="0">
                <a:solidFill>
                  <a:srgbClr val="FF0000"/>
                </a:solidFill>
                <a:uFill>
                  <a:solidFill>
                    <a:srgbClr val="FF0000"/>
                  </a:solidFill>
                </a:uFill>
                <a:latin typeface="メイリオ"/>
                <a:cs typeface="メイリオ"/>
              </a:rPr>
              <a:t>5</a:t>
            </a:r>
            <a:r>
              <a:rPr sz="1600" b="1" u="sng" spc="-25" dirty="0">
                <a:solidFill>
                  <a:srgbClr val="FF0000"/>
                </a:solidFill>
                <a:uFill>
                  <a:solidFill>
                    <a:srgbClr val="FF0000"/>
                  </a:solidFill>
                </a:uFill>
                <a:latin typeface="メイリオ"/>
                <a:cs typeface="メイリオ"/>
              </a:rPr>
              <a:t>年度予算案では</a:t>
            </a:r>
            <a:r>
              <a:rPr sz="1600" b="1" u="sng" spc="-10" dirty="0">
                <a:solidFill>
                  <a:srgbClr val="FF0000"/>
                </a:solidFill>
                <a:uFill>
                  <a:solidFill>
                    <a:srgbClr val="FF0000"/>
                  </a:solidFill>
                </a:uFill>
                <a:latin typeface="メイリオ"/>
                <a:cs typeface="メイリオ"/>
              </a:rPr>
              <a:t>280</a:t>
            </a:r>
            <a:r>
              <a:rPr sz="1600" b="1" u="sng" spc="-30" dirty="0">
                <a:solidFill>
                  <a:srgbClr val="FF0000"/>
                </a:solidFill>
                <a:uFill>
                  <a:solidFill>
                    <a:srgbClr val="FF0000"/>
                  </a:solidFill>
                </a:uFill>
                <a:latin typeface="メイリオ"/>
                <a:cs typeface="メイリオ"/>
              </a:rPr>
              <a:t>億円を計上</a:t>
            </a:r>
            <a:endParaRPr sz="1600">
              <a:latin typeface="メイリオ"/>
              <a:cs typeface="メイリオ"/>
            </a:endParaRPr>
          </a:p>
        </p:txBody>
      </p:sp>
      <p:sp>
        <p:nvSpPr>
          <p:cNvPr id="8" name="object 8"/>
          <p:cNvSpPr txBox="1"/>
          <p:nvPr/>
        </p:nvSpPr>
        <p:spPr>
          <a:xfrm>
            <a:off x="289852" y="3286464"/>
            <a:ext cx="1823720" cy="269240"/>
          </a:xfrm>
          <a:prstGeom prst="rect">
            <a:avLst/>
          </a:prstGeom>
        </p:spPr>
        <p:txBody>
          <a:bodyPr vert="horz" wrap="square" lIns="0" tIns="12065" rIns="0" bIns="0" rtlCol="0">
            <a:spAutoFit/>
          </a:bodyPr>
          <a:lstStyle/>
          <a:p>
            <a:pPr marL="12700">
              <a:lnSpc>
                <a:spcPct val="100000"/>
              </a:lnSpc>
              <a:spcBef>
                <a:spcPts val="95"/>
              </a:spcBef>
            </a:pPr>
            <a:r>
              <a:rPr sz="1600" b="1" spc="-20" dirty="0">
                <a:latin typeface="メイリオ"/>
                <a:cs typeface="メイリオ"/>
              </a:rPr>
              <a:t>＜SIP</a:t>
            </a:r>
            <a:r>
              <a:rPr sz="1600" b="1" spc="-30" dirty="0">
                <a:latin typeface="メイリオ"/>
                <a:cs typeface="メイリオ"/>
              </a:rPr>
              <a:t>の推進体制＞</a:t>
            </a:r>
            <a:endParaRPr sz="1600">
              <a:latin typeface="メイリオ"/>
              <a:cs typeface="メイリオ"/>
            </a:endParaRPr>
          </a:p>
        </p:txBody>
      </p:sp>
      <p:grpSp>
        <p:nvGrpSpPr>
          <p:cNvPr id="9" name="object 9"/>
          <p:cNvGrpSpPr/>
          <p:nvPr/>
        </p:nvGrpSpPr>
        <p:grpSpPr>
          <a:xfrm>
            <a:off x="883823" y="3568686"/>
            <a:ext cx="2644775" cy="2550795"/>
            <a:chOff x="883823" y="3568686"/>
            <a:chExt cx="2644775" cy="2550795"/>
          </a:xfrm>
        </p:grpSpPr>
        <p:sp>
          <p:nvSpPr>
            <p:cNvPr id="10" name="object 10"/>
            <p:cNvSpPr/>
            <p:nvPr/>
          </p:nvSpPr>
          <p:spPr>
            <a:xfrm>
              <a:off x="905204" y="3568686"/>
              <a:ext cx="2616835" cy="1151890"/>
            </a:xfrm>
            <a:custGeom>
              <a:avLst/>
              <a:gdLst/>
              <a:ahLst/>
              <a:cxnLst/>
              <a:rect l="l" t="t" r="r" b="b"/>
              <a:pathLst>
                <a:path w="2616835" h="1151889">
                  <a:moveTo>
                    <a:pt x="2616720" y="1151888"/>
                  </a:moveTo>
                  <a:lnTo>
                    <a:pt x="0" y="1151888"/>
                  </a:lnTo>
                  <a:lnTo>
                    <a:pt x="0" y="0"/>
                  </a:lnTo>
                  <a:lnTo>
                    <a:pt x="2616720" y="0"/>
                  </a:lnTo>
                  <a:lnTo>
                    <a:pt x="2616720" y="1151888"/>
                  </a:lnTo>
                  <a:close/>
                </a:path>
              </a:pathLst>
            </a:custGeom>
            <a:solidFill>
              <a:srgbClr val="F1F1F1"/>
            </a:solidFill>
          </p:spPr>
          <p:txBody>
            <a:bodyPr wrap="square" lIns="0" tIns="0" rIns="0" bIns="0" rtlCol="0"/>
            <a:lstStyle/>
            <a:p>
              <a:endParaRPr/>
            </a:p>
          </p:txBody>
        </p:sp>
        <p:sp>
          <p:nvSpPr>
            <p:cNvPr id="11" name="object 11"/>
            <p:cNvSpPr/>
            <p:nvPr/>
          </p:nvSpPr>
          <p:spPr>
            <a:xfrm>
              <a:off x="889996" y="5500339"/>
              <a:ext cx="2632075" cy="566420"/>
            </a:xfrm>
            <a:custGeom>
              <a:avLst/>
              <a:gdLst/>
              <a:ahLst/>
              <a:cxnLst/>
              <a:rect l="l" t="t" r="r" b="b"/>
              <a:pathLst>
                <a:path w="2632075" h="566420">
                  <a:moveTo>
                    <a:pt x="2631909" y="565805"/>
                  </a:moveTo>
                  <a:lnTo>
                    <a:pt x="0" y="565805"/>
                  </a:lnTo>
                  <a:lnTo>
                    <a:pt x="0" y="0"/>
                  </a:lnTo>
                  <a:lnTo>
                    <a:pt x="2631909" y="0"/>
                  </a:lnTo>
                  <a:lnTo>
                    <a:pt x="2631909" y="565805"/>
                  </a:lnTo>
                  <a:close/>
                </a:path>
              </a:pathLst>
            </a:custGeom>
            <a:solidFill>
              <a:srgbClr val="F8CAAC">
                <a:alpha val="50195"/>
              </a:srgbClr>
            </a:solidFill>
          </p:spPr>
          <p:txBody>
            <a:bodyPr wrap="square" lIns="0" tIns="0" rIns="0" bIns="0" rtlCol="0"/>
            <a:lstStyle/>
            <a:p>
              <a:endParaRPr/>
            </a:p>
          </p:txBody>
        </p:sp>
        <p:sp>
          <p:nvSpPr>
            <p:cNvPr id="12" name="object 12"/>
            <p:cNvSpPr/>
            <p:nvPr/>
          </p:nvSpPr>
          <p:spPr>
            <a:xfrm>
              <a:off x="889996" y="4475194"/>
              <a:ext cx="2632075" cy="1044575"/>
            </a:xfrm>
            <a:custGeom>
              <a:avLst/>
              <a:gdLst/>
              <a:ahLst/>
              <a:cxnLst/>
              <a:rect l="l" t="t" r="r" b="b"/>
              <a:pathLst>
                <a:path w="2632075" h="1044575">
                  <a:moveTo>
                    <a:pt x="2631913" y="1044417"/>
                  </a:moveTo>
                  <a:lnTo>
                    <a:pt x="0" y="1044417"/>
                  </a:lnTo>
                  <a:lnTo>
                    <a:pt x="0" y="0"/>
                  </a:lnTo>
                  <a:lnTo>
                    <a:pt x="2631913" y="0"/>
                  </a:lnTo>
                  <a:lnTo>
                    <a:pt x="2631913" y="1044417"/>
                  </a:lnTo>
                  <a:close/>
                </a:path>
              </a:pathLst>
            </a:custGeom>
            <a:solidFill>
              <a:srgbClr val="B796CF">
                <a:alpha val="50195"/>
              </a:srgbClr>
            </a:solidFill>
          </p:spPr>
          <p:txBody>
            <a:bodyPr wrap="square" lIns="0" tIns="0" rIns="0" bIns="0" rtlCol="0"/>
            <a:lstStyle/>
            <a:p>
              <a:endParaRPr/>
            </a:p>
          </p:txBody>
        </p:sp>
        <p:sp>
          <p:nvSpPr>
            <p:cNvPr id="13" name="object 13"/>
            <p:cNvSpPr/>
            <p:nvPr/>
          </p:nvSpPr>
          <p:spPr>
            <a:xfrm>
              <a:off x="890490" y="4471645"/>
              <a:ext cx="2631440" cy="0"/>
            </a:xfrm>
            <a:custGeom>
              <a:avLst/>
              <a:gdLst/>
              <a:ahLst/>
              <a:cxnLst/>
              <a:rect l="l" t="t" r="r" b="b"/>
              <a:pathLst>
                <a:path w="2631440">
                  <a:moveTo>
                    <a:pt x="2631378" y="0"/>
                  </a:moveTo>
                  <a:lnTo>
                    <a:pt x="0" y="0"/>
                  </a:lnTo>
                </a:path>
              </a:pathLst>
            </a:custGeom>
            <a:ln w="13181">
              <a:solidFill>
                <a:srgbClr val="767070"/>
              </a:solidFill>
              <a:prstDash val="lgDash"/>
            </a:ln>
          </p:spPr>
          <p:txBody>
            <a:bodyPr wrap="square" lIns="0" tIns="0" rIns="0" bIns="0" rtlCol="0"/>
            <a:lstStyle/>
            <a:p>
              <a:endParaRPr/>
            </a:p>
          </p:txBody>
        </p:sp>
        <p:sp>
          <p:nvSpPr>
            <p:cNvPr id="14" name="object 14"/>
            <p:cNvSpPr/>
            <p:nvPr/>
          </p:nvSpPr>
          <p:spPr>
            <a:xfrm>
              <a:off x="2198350" y="3996083"/>
              <a:ext cx="3810" cy="2113280"/>
            </a:xfrm>
            <a:custGeom>
              <a:avLst/>
              <a:gdLst/>
              <a:ahLst/>
              <a:cxnLst/>
              <a:rect l="l" t="t" r="r" b="b"/>
              <a:pathLst>
                <a:path w="3810" h="2113279">
                  <a:moveTo>
                    <a:pt x="3710" y="0"/>
                  </a:moveTo>
                  <a:lnTo>
                    <a:pt x="0" y="2112995"/>
                  </a:lnTo>
                </a:path>
              </a:pathLst>
            </a:custGeom>
            <a:ln w="19262">
              <a:solidFill>
                <a:srgbClr val="7E7E7E"/>
              </a:solidFill>
            </a:ln>
          </p:spPr>
          <p:txBody>
            <a:bodyPr wrap="square" lIns="0" tIns="0" rIns="0" bIns="0" rtlCol="0"/>
            <a:lstStyle/>
            <a:p>
              <a:endParaRPr/>
            </a:p>
          </p:txBody>
        </p:sp>
        <p:pic>
          <p:nvPicPr>
            <p:cNvPr id="15" name="object 15"/>
            <p:cNvPicPr/>
            <p:nvPr/>
          </p:nvPicPr>
          <p:blipFill>
            <a:blip r:embed="rId5" cstate="print"/>
            <a:stretch>
              <a:fillRect/>
            </a:stretch>
          </p:blipFill>
          <p:spPr>
            <a:xfrm>
              <a:off x="919403" y="4803727"/>
              <a:ext cx="2592369" cy="347798"/>
            </a:xfrm>
            <a:prstGeom prst="rect">
              <a:avLst/>
            </a:prstGeom>
          </p:spPr>
        </p:pic>
        <p:pic>
          <p:nvPicPr>
            <p:cNvPr id="16" name="object 16"/>
            <p:cNvPicPr/>
            <p:nvPr/>
          </p:nvPicPr>
          <p:blipFill>
            <a:blip r:embed="rId6" cstate="print"/>
            <a:stretch>
              <a:fillRect/>
            </a:stretch>
          </p:blipFill>
          <p:spPr>
            <a:xfrm>
              <a:off x="1460785" y="4801704"/>
              <a:ext cx="1518723" cy="375170"/>
            </a:xfrm>
            <a:prstGeom prst="rect">
              <a:avLst/>
            </a:prstGeom>
          </p:spPr>
        </p:pic>
        <p:sp>
          <p:nvSpPr>
            <p:cNvPr id="17" name="object 17"/>
            <p:cNvSpPr/>
            <p:nvPr/>
          </p:nvSpPr>
          <p:spPr>
            <a:xfrm>
              <a:off x="936632" y="4820965"/>
              <a:ext cx="2521585" cy="276860"/>
            </a:xfrm>
            <a:custGeom>
              <a:avLst/>
              <a:gdLst/>
              <a:ahLst/>
              <a:cxnLst/>
              <a:rect l="l" t="t" r="r" b="b"/>
              <a:pathLst>
                <a:path w="2521585" h="276860">
                  <a:moveTo>
                    <a:pt x="2521389" y="276820"/>
                  </a:moveTo>
                  <a:lnTo>
                    <a:pt x="0" y="276820"/>
                  </a:lnTo>
                  <a:lnTo>
                    <a:pt x="0" y="0"/>
                  </a:lnTo>
                  <a:lnTo>
                    <a:pt x="2521389" y="0"/>
                  </a:lnTo>
                  <a:lnTo>
                    <a:pt x="2521389" y="276820"/>
                  </a:lnTo>
                  <a:close/>
                </a:path>
              </a:pathLst>
            </a:custGeom>
            <a:solidFill>
              <a:srgbClr val="6B6BCF"/>
            </a:solidFill>
          </p:spPr>
          <p:txBody>
            <a:bodyPr wrap="square" lIns="0" tIns="0" rIns="0" bIns="0" rtlCol="0"/>
            <a:lstStyle/>
            <a:p>
              <a:endParaRPr/>
            </a:p>
          </p:txBody>
        </p:sp>
        <p:pic>
          <p:nvPicPr>
            <p:cNvPr id="18" name="object 18"/>
            <p:cNvPicPr/>
            <p:nvPr/>
          </p:nvPicPr>
          <p:blipFill>
            <a:blip r:embed="rId7" cstate="print"/>
            <a:stretch>
              <a:fillRect/>
            </a:stretch>
          </p:blipFill>
          <p:spPr>
            <a:xfrm>
              <a:off x="1478026" y="4818938"/>
              <a:ext cx="1449778" cy="231188"/>
            </a:xfrm>
            <a:prstGeom prst="rect">
              <a:avLst/>
            </a:prstGeom>
          </p:spPr>
        </p:pic>
        <p:pic>
          <p:nvPicPr>
            <p:cNvPr id="19" name="object 19"/>
            <p:cNvPicPr/>
            <p:nvPr/>
          </p:nvPicPr>
          <p:blipFill>
            <a:blip r:embed="rId8" cstate="print"/>
            <a:stretch>
              <a:fillRect/>
            </a:stretch>
          </p:blipFill>
          <p:spPr>
            <a:xfrm>
              <a:off x="1701064" y="4947716"/>
              <a:ext cx="1002676" cy="176428"/>
            </a:xfrm>
            <a:prstGeom prst="rect">
              <a:avLst/>
            </a:prstGeom>
          </p:spPr>
        </p:pic>
      </p:grpSp>
      <p:sp>
        <p:nvSpPr>
          <p:cNvPr id="20" name="object 20"/>
          <p:cNvSpPr txBox="1"/>
          <p:nvPr/>
        </p:nvSpPr>
        <p:spPr>
          <a:xfrm>
            <a:off x="936632" y="4820965"/>
            <a:ext cx="2521585" cy="276860"/>
          </a:xfrm>
          <a:prstGeom prst="rect">
            <a:avLst/>
          </a:prstGeom>
        </p:spPr>
        <p:txBody>
          <a:bodyPr vert="horz" wrap="square" lIns="0" tIns="31750" rIns="0" bIns="0" rtlCol="0">
            <a:spAutoFit/>
          </a:bodyPr>
          <a:lstStyle/>
          <a:p>
            <a:pPr algn="ctr">
              <a:lnSpc>
                <a:spcPts val="960"/>
              </a:lnSpc>
              <a:spcBef>
                <a:spcPts val="250"/>
              </a:spcBef>
            </a:pPr>
            <a:r>
              <a:rPr sz="800" b="1" spc="-10" dirty="0">
                <a:solidFill>
                  <a:srgbClr val="FFFFFF"/>
                </a:solidFill>
                <a:latin typeface="Meiryo UI"/>
                <a:cs typeface="Meiryo UI"/>
              </a:rPr>
              <a:t>ＰＤ（</a:t>
            </a:r>
            <a:r>
              <a:rPr sz="800" b="1" spc="-20" dirty="0">
                <a:solidFill>
                  <a:srgbClr val="FFFFFF"/>
                </a:solidFill>
                <a:latin typeface="Meiryo UI"/>
                <a:cs typeface="Meiryo UI"/>
              </a:rPr>
              <a:t>プログラムディレクター</a:t>
            </a:r>
            <a:r>
              <a:rPr sz="800" b="1" spc="-50" dirty="0">
                <a:solidFill>
                  <a:srgbClr val="FFFFFF"/>
                </a:solidFill>
                <a:latin typeface="Meiryo UI"/>
                <a:cs typeface="Meiryo UI"/>
              </a:rPr>
              <a:t>）</a:t>
            </a:r>
            <a:endParaRPr sz="800">
              <a:latin typeface="Meiryo UI"/>
              <a:cs typeface="Meiryo UI"/>
            </a:endParaRPr>
          </a:p>
          <a:p>
            <a:pPr algn="ctr">
              <a:lnSpc>
                <a:spcPct val="100000"/>
              </a:lnSpc>
            </a:pPr>
            <a:r>
              <a:rPr sz="600" b="1" spc="-10" dirty="0">
                <a:solidFill>
                  <a:srgbClr val="FFFFFF"/>
                </a:solidFill>
                <a:latin typeface="Meiryo UI"/>
                <a:cs typeface="Meiryo UI"/>
              </a:rPr>
              <a:t>（</a:t>
            </a:r>
            <a:r>
              <a:rPr sz="600" b="1" spc="-20" dirty="0">
                <a:solidFill>
                  <a:srgbClr val="FFFFFF"/>
                </a:solidFill>
                <a:latin typeface="Meiryo UI"/>
                <a:cs typeface="Meiryo UI"/>
              </a:rPr>
              <a:t>内閣府に課題ごとに置く</a:t>
            </a:r>
            <a:r>
              <a:rPr sz="600" b="1" spc="-60" dirty="0">
                <a:solidFill>
                  <a:srgbClr val="FFFFFF"/>
                </a:solidFill>
                <a:latin typeface="Meiryo UI"/>
                <a:cs typeface="Meiryo UI"/>
              </a:rPr>
              <a:t>）</a:t>
            </a:r>
            <a:endParaRPr sz="600">
              <a:latin typeface="Meiryo UI"/>
              <a:cs typeface="Meiryo UI"/>
            </a:endParaRPr>
          </a:p>
        </p:txBody>
      </p:sp>
      <p:grpSp>
        <p:nvGrpSpPr>
          <p:cNvPr id="21" name="object 21"/>
          <p:cNvGrpSpPr/>
          <p:nvPr/>
        </p:nvGrpSpPr>
        <p:grpSpPr>
          <a:xfrm>
            <a:off x="920411" y="3779596"/>
            <a:ext cx="2599055" cy="308610"/>
            <a:chOff x="920411" y="3779596"/>
            <a:chExt cx="2599055" cy="308610"/>
          </a:xfrm>
        </p:grpSpPr>
        <p:pic>
          <p:nvPicPr>
            <p:cNvPr id="22" name="object 22"/>
            <p:cNvPicPr/>
            <p:nvPr/>
          </p:nvPicPr>
          <p:blipFill>
            <a:blip r:embed="rId9" cstate="print"/>
            <a:stretch>
              <a:fillRect/>
            </a:stretch>
          </p:blipFill>
          <p:spPr>
            <a:xfrm>
              <a:off x="920411" y="3779596"/>
              <a:ext cx="2598453" cy="276819"/>
            </a:xfrm>
            <a:prstGeom prst="rect">
              <a:avLst/>
            </a:prstGeom>
          </p:spPr>
        </p:pic>
        <p:pic>
          <p:nvPicPr>
            <p:cNvPr id="23" name="object 23"/>
            <p:cNvPicPr/>
            <p:nvPr/>
          </p:nvPicPr>
          <p:blipFill>
            <a:blip r:embed="rId10" cstate="print"/>
            <a:stretch>
              <a:fillRect/>
            </a:stretch>
          </p:blipFill>
          <p:spPr>
            <a:xfrm>
              <a:off x="1184008" y="3996093"/>
              <a:ext cx="2081402" cy="91756"/>
            </a:xfrm>
            <a:prstGeom prst="rect">
              <a:avLst/>
            </a:prstGeom>
          </p:spPr>
        </p:pic>
        <p:pic>
          <p:nvPicPr>
            <p:cNvPr id="24" name="object 24"/>
            <p:cNvPicPr/>
            <p:nvPr/>
          </p:nvPicPr>
          <p:blipFill>
            <a:blip r:embed="rId11" cstate="print"/>
            <a:stretch>
              <a:fillRect/>
            </a:stretch>
          </p:blipFill>
          <p:spPr>
            <a:xfrm>
              <a:off x="1184008" y="3787711"/>
              <a:ext cx="2081402" cy="15722"/>
            </a:xfrm>
            <a:prstGeom prst="rect">
              <a:avLst/>
            </a:prstGeom>
          </p:spPr>
        </p:pic>
        <p:sp>
          <p:nvSpPr>
            <p:cNvPr id="25" name="object 25"/>
            <p:cNvSpPr/>
            <p:nvPr/>
          </p:nvSpPr>
          <p:spPr>
            <a:xfrm>
              <a:off x="944236" y="3803424"/>
              <a:ext cx="2514600" cy="193040"/>
            </a:xfrm>
            <a:custGeom>
              <a:avLst/>
              <a:gdLst/>
              <a:ahLst/>
              <a:cxnLst/>
              <a:rect l="l" t="t" r="r" b="b"/>
              <a:pathLst>
                <a:path w="2514600" h="193039">
                  <a:moveTo>
                    <a:pt x="2514325" y="192658"/>
                  </a:moveTo>
                  <a:lnTo>
                    <a:pt x="0" y="192658"/>
                  </a:lnTo>
                  <a:lnTo>
                    <a:pt x="0" y="0"/>
                  </a:lnTo>
                  <a:lnTo>
                    <a:pt x="2514325" y="0"/>
                  </a:lnTo>
                  <a:lnTo>
                    <a:pt x="2514325" y="192658"/>
                  </a:lnTo>
                  <a:close/>
                </a:path>
              </a:pathLst>
            </a:custGeom>
            <a:solidFill>
              <a:srgbClr val="7E7E7E"/>
            </a:solidFill>
          </p:spPr>
          <p:txBody>
            <a:bodyPr wrap="square" lIns="0" tIns="0" rIns="0" bIns="0" rtlCol="0"/>
            <a:lstStyle/>
            <a:p>
              <a:endParaRPr/>
            </a:p>
          </p:txBody>
        </p:sp>
        <p:sp>
          <p:nvSpPr>
            <p:cNvPr id="26" name="object 26"/>
            <p:cNvSpPr/>
            <p:nvPr/>
          </p:nvSpPr>
          <p:spPr>
            <a:xfrm>
              <a:off x="944236" y="3803424"/>
              <a:ext cx="2514600" cy="193040"/>
            </a:xfrm>
            <a:custGeom>
              <a:avLst/>
              <a:gdLst/>
              <a:ahLst/>
              <a:cxnLst/>
              <a:rect l="l" t="t" r="r" b="b"/>
              <a:pathLst>
                <a:path w="2514600" h="193039">
                  <a:moveTo>
                    <a:pt x="0" y="0"/>
                  </a:moveTo>
                  <a:lnTo>
                    <a:pt x="2514325" y="0"/>
                  </a:lnTo>
                  <a:lnTo>
                    <a:pt x="2514325" y="192658"/>
                  </a:lnTo>
                  <a:lnTo>
                    <a:pt x="0" y="192658"/>
                  </a:lnTo>
                  <a:lnTo>
                    <a:pt x="0" y="0"/>
                  </a:lnTo>
                  <a:close/>
                </a:path>
              </a:pathLst>
            </a:custGeom>
            <a:ln w="13181">
              <a:solidFill>
                <a:srgbClr val="7E7E7E"/>
              </a:solidFill>
            </a:ln>
          </p:spPr>
          <p:txBody>
            <a:bodyPr wrap="square" lIns="0" tIns="0" rIns="0" bIns="0" rtlCol="0"/>
            <a:lstStyle/>
            <a:p>
              <a:endParaRPr/>
            </a:p>
          </p:txBody>
        </p:sp>
        <p:pic>
          <p:nvPicPr>
            <p:cNvPr id="27" name="object 27"/>
            <p:cNvPicPr/>
            <p:nvPr/>
          </p:nvPicPr>
          <p:blipFill>
            <a:blip r:embed="rId12" cstate="print"/>
            <a:stretch>
              <a:fillRect/>
            </a:stretch>
          </p:blipFill>
          <p:spPr>
            <a:xfrm>
              <a:off x="1200229" y="3804945"/>
              <a:ext cx="1353460" cy="231190"/>
            </a:xfrm>
            <a:prstGeom prst="rect">
              <a:avLst/>
            </a:prstGeom>
          </p:spPr>
        </p:pic>
        <p:pic>
          <p:nvPicPr>
            <p:cNvPr id="28" name="object 28"/>
            <p:cNvPicPr/>
            <p:nvPr/>
          </p:nvPicPr>
          <p:blipFill>
            <a:blip r:embed="rId13" cstate="print"/>
            <a:stretch>
              <a:fillRect/>
            </a:stretch>
          </p:blipFill>
          <p:spPr>
            <a:xfrm>
              <a:off x="2413790" y="3804945"/>
              <a:ext cx="444052" cy="231190"/>
            </a:xfrm>
            <a:prstGeom prst="rect">
              <a:avLst/>
            </a:prstGeom>
          </p:spPr>
        </p:pic>
        <p:pic>
          <p:nvPicPr>
            <p:cNvPr id="29" name="object 29"/>
            <p:cNvPicPr/>
            <p:nvPr/>
          </p:nvPicPr>
          <p:blipFill>
            <a:blip r:embed="rId14" cstate="print"/>
            <a:stretch>
              <a:fillRect/>
            </a:stretch>
          </p:blipFill>
          <p:spPr>
            <a:xfrm>
              <a:off x="2717940" y="3804945"/>
              <a:ext cx="393367" cy="231190"/>
            </a:xfrm>
            <a:prstGeom prst="rect">
              <a:avLst/>
            </a:prstGeom>
          </p:spPr>
        </p:pic>
        <p:pic>
          <p:nvPicPr>
            <p:cNvPr id="30" name="object 30"/>
            <p:cNvPicPr/>
            <p:nvPr/>
          </p:nvPicPr>
          <p:blipFill>
            <a:blip r:embed="rId15" cstate="print"/>
            <a:stretch>
              <a:fillRect/>
            </a:stretch>
          </p:blipFill>
          <p:spPr>
            <a:xfrm>
              <a:off x="2971399" y="3804945"/>
              <a:ext cx="241281" cy="231190"/>
            </a:xfrm>
            <a:prstGeom prst="rect">
              <a:avLst/>
            </a:prstGeom>
          </p:spPr>
        </p:pic>
      </p:grpSp>
      <p:sp>
        <p:nvSpPr>
          <p:cNvPr id="31" name="object 31"/>
          <p:cNvSpPr txBox="1"/>
          <p:nvPr/>
        </p:nvSpPr>
        <p:spPr>
          <a:xfrm>
            <a:off x="890503" y="3826084"/>
            <a:ext cx="2567940" cy="147320"/>
          </a:xfrm>
          <a:prstGeom prst="rect">
            <a:avLst/>
          </a:prstGeom>
        </p:spPr>
        <p:txBody>
          <a:bodyPr vert="horz" wrap="square" lIns="0" tIns="12065" rIns="0" bIns="0" rtlCol="0">
            <a:spAutoFit/>
          </a:bodyPr>
          <a:lstStyle/>
          <a:p>
            <a:pPr marL="374015">
              <a:lnSpc>
                <a:spcPct val="100000"/>
              </a:lnSpc>
              <a:spcBef>
                <a:spcPts val="95"/>
              </a:spcBef>
            </a:pPr>
            <a:r>
              <a:rPr sz="800" b="1" spc="-20" dirty="0">
                <a:solidFill>
                  <a:srgbClr val="FFFFFF"/>
                </a:solidFill>
                <a:latin typeface="Meiryo UI"/>
                <a:cs typeface="Meiryo UI"/>
              </a:rPr>
              <a:t>総合科学技術・イノベーション会議</a:t>
            </a:r>
            <a:r>
              <a:rPr sz="800" b="1" spc="-10" dirty="0">
                <a:solidFill>
                  <a:srgbClr val="FFFFFF"/>
                </a:solidFill>
                <a:latin typeface="Meiryo UI"/>
                <a:cs typeface="Meiryo UI"/>
              </a:rPr>
              <a:t>（CSTI）</a:t>
            </a:r>
            <a:endParaRPr sz="800">
              <a:latin typeface="Meiryo UI"/>
              <a:cs typeface="Meiryo UI"/>
            </a:endParaRPr>
          </a:p>
        </p:txBody>
      </p:sp>
      <p:grpSp>
        <p:nvGrpSpPr>
          <p:cNvPr id="32" name="object 32"/>
          <p:cNvGrpSpPr/>
          <p:nvPr/>
        </p:nvGrpSpPr>
        <p:grpSpPr>
          <a:xfrm>
            <a:off x="920411" y="4058443"/>
            <a:ext cx="2599055" cy="308610"/>
            <a:chOff x="920411" y="4058443"/>
            <a:chExt cx="2599055" cy="308610"/>
          </a:xfrm>
        </p:grpSpPr>
        <p:pic>
          <p:nvPicPr>
            <p:cNvPr id="33" name="object 33"/>
            <p:cNvPicPr/>
            <p:nvPr/>
          </p:nvPicPr>
          <p:blipFill>
            <a:blip r:embed="rId9" cstate="print"/>
            <a:stretch>
              <a:fillRect/>
            </a:stretch>
          </p:blipFill>
          <p:spPr>
            <a:xfrm>
              <a:off x="920411" y="4058443"/>
              <a:ext cx="2598453" cy="276815"/>
            </a:xfrm>
            <a:prstGeom prst="rect">
              <a:avLst/>
            </a:prstGeom>
          </p:spPr>
        </p:pic>
        <p:pic>
          <p:nvPicPr>
            <p:cNvPr id="34" name="object 34"/>
            <p:cNvPicPr/>
            <p:nvPr/>
          </p:nvPicPr>
          <p:blipFill>
            <a:blip r:embed="rId16" cstate="print"/>
            <a:stretch>
              <a:fillRect/>
            </a:stretch>
          </p:blipFill>
          <p:spPr>
            <a:xfrm>
              <a:off x="1303642" y="4274934"/>
              <a:ext cx="1841119" cy="91757"/>
            </a:xfrm>
            <a:prstGeom prst="rect">
              <a:avLst/>
            </a:prstGeom>
          </p:spPr>
        </p:pic>
        <p:pic>
          <p:nvPicPr>
            <p:cNvPr id="35" name="object 35"/>
            <p:cNvPicPr/>
            <p:nvPr/>
          </p:nvPicPr>
          <p:blipFill>
            <a:blip r:embed="rId17" cstate="print"/>
            <a:stretch>
              <a:fillRect/>
            </a:stretch>
          </p:blipFill>
          <p:spPr>
            <a:xfrm>
              <a:off x="1303642" y="4066555"/>
              <a:ext cx="1841119" cy="15706"/>
            </a:xfrm>
            <a:prstGeom prst="rect">
              <a:avLst/>
            </a:prstGeom>
          </p:spPr>
        </p:pic>
        <p:sp>
          <p:nvSpPr>
            <p:cNvPr id="36" name="object 36"/>
            <p:cNvSpPr/>
            <p:nvPr/>
          </p:nvSpPr>
          <p:spPr>
            <a:xfrm>
              <a:off x="944236" y="4082272"/>
              <a:ext cx="2514600" cy="193040"/>
            </a:xfrm>
            <a:custGeom>
              <a:avLst/>
              <a:gdLst/>
              <a:ahLst/>
              <a:cxnLst/>
              <a:rect l="l" t="t" r="r" b="b"/>
              <a:pathLst>
                <a:path w="2514600" h="193039">
                  <a:moveTo>
                    <a:pt x="2514325" y="192658"/>
                  </a:moveTo>
                  <a:lnTo>
                    <a:pt x="0" y="192658"/>
                  </a:lnTo>
                  <a:lnTo>
                    <a:pt x="0" y="0"/>
                  </a:lnTo>
                  <a:lnTo>
                    <a:pt x="2514325" y="0"/>
                  </a:lnTo>
                  <a:lnTo>
                    <a:pt x="2514325" y="192658"/>
                  </a:lnTo>
                  <a:close/>
                </a:path>
              </a:pathLst>
            </a:custGeom>
            <a:solidFill>
              <a:srgbClr val="7E7E7E"/>
            </a:solidFill>
          </p:spPr>
          <p:txBody>
            <a:bodyPr wrap="square" lIns="0" tIns="0" rIns="0" bIns="0" rtlCol="0"/>
            <a:lstStyle/>
            <a:p>
              <a:endParaRPr/>
            </a:p>
          </p:txBody>
        </p:sp>
        <p:sp>
          <p:nvSpPr>
            <p:cNvPr id="37" name="object 37"/>
            <p:cNvSpPr/>
            <p:nvPr/>
          </p:nvSpPr>
          <p:spPr>
            <a:xfrm>
              <a:off x="944236" y="4082272"/>
              <a:ext cx="2514600" cy="193040"/>
            </a:xfrm>
            <a:custGeom>
              <a:avLst/>
              <a:gdLst/>
              <a:ahLst/>
              <a:cxnLst/>
              <a:rect l="l" t="t" r="r" b="b"/>
              <a:pathLst>
                <a:path w="2514600" h="193039">
                  <a:moveTo>
                    <a:pt x="0" y="0"/>
                  </a:moveTo>
                  <a:lnTo>
                    <a:pt x="2514325" y="0"/>
                  </a:lnTo>
                  <a:lnTo>
                    <a:pt x="2514325" y="192658"/>
                  </a:lnTo>
                  <a:lnTo>
                    <a:pt x="0" y="192658"/>
                  </a:lnTo>
                  <a:lnTo>
                    <a:pt x="0" y="0"/>
                  </a:lnTo>
                  <a:close/>
                </a:path>
              </a:pathLst>
            </a:custGeom>
            <a:ln w="13181">
              <a:solidFill>
                <a:srgbClr val="7E7E7E"/>
              </a:solidFill>
            </a:ln>
          </p:spPr>
          <p:txBody>
            <a:bodyPr wrap="square" lIns="0" tIns="0" rIns="0" bIns="0" rtlCol="0"/>
            <a:lstStyle/>
            <a:p>
              <a:endParaRPr/>
            </a:p>
          </p:txBody>
        </p:sp>
        <p:pic>
          <p:nvPicPr>
            <p:cNvPr id="38" name="object 38"/>
            <p:cNvPicPr/>
            <p:nvPr/>
          </p:nvPicPr>
          <p:blipFill>
            <a:blip r:embed="rId18" cstate="print"/>
            <a:stretch>
              <a:fillRect/>
            </a:stretch>
          </p:blipFill>
          <p:spPr>
            <a:xfrm>
              <a:off x="1319862" y="4083799"/>
              <a:ext cx="910422" cy="231184"/>
            </a:xfrm>
            <a:prstGeom prst="rect">
              <a:avLst/>
            </a:prstGeom>
          </p:spPr>
        </p:pic>
        <p:pic>
          <p:nvPicPr>
            <p:cNvPr id="39" name="object 39"/>
            <p:cNvPicPr/>
            <p:nvPr/>
          </p:nvPicPr>
          <p:blipFill>
            <a:blip r:embed="rId19" cstate="print"/>
            <a:stretch>
              <a:fillRect/>
            </a:stretch>
          </p:blipFill>
          <p:spPr>
            <a:xfrm>
              <a:off x="2090381" y="4083799"/>
              <a:ext cx="393362" cy="231184"/>
            </a:xfrm>
            <a:prstGeom prst="rect">
              <a:avLst/>
            </a:prstGeom>
          </p:spPr>
        </p:pic>
        <p:pic>
          <p:nvPicPr>
            <p:cNvPr id="40" name="object 40"/>
            <p:cNvPicPr/>
            <p:nvPr/>
          </p:nvPicPr>
          <p:blipFill>
            <a:blip r:embed="rId20" cstate="print"/>
            <a:stretch>
              <a:fillRect/>
            </a:stretch>
          </p:blipFill>
          <p:spPr>
            <a:xfrm>
              <a:off x="2343835" y="4083799"/>
              <a:ext cx="748207" cy="231184"/>
            </a:xfrm>
            <a:prstGeom prst="rect">
              <a:avLst/>
            </a:prstGeom>
          </p:spPr>
        </p:pic>
      </p:grpSp>
      <p:sp>
        <p:nvSpPr>
          <p:cNvPr id="41" name="object 41"/>
          <p:cNvSpPr txBox="1"/>
          <p:nvPr/>
        </p:nvSpPr>
        <p:spPr>
          <a:xfrm>
            <a:off x="1371654" y="4104847"/>
            <a:ext cx="1657985" cy="147320"/>
          </a:xfrm>
          <a:prstGeom prst="rect">
            <a:avLst/>
          </a:prstGeom>
        </p:spPr>
        <p:txBody>
          <a:bodyPr vert="horz" wrap="square" lIns="0" tIns="12065" rIns="0" bIns="0" rtlCol="0">
            <a:spAutoFit/>
          </a:bodyPr>
          <a:lstStyle/>
          <a:p>
            <a:pPr marL="12700">
              <a:lnSpc>
                <a:spcPct val="100000"/>
              </a:lnSpc>
              <a:spcBef>
                <a:spcPts val="95"/>
              </a:spcBef>
            </a:pPr>
            <a:r>
              <a:rPr sz="800" b="1" spc="-20" dirty="0">
                <a:solidFill>
                  <a:srgbClr val="FFFFFF"/>
                </a:solidFill>
                <a:latin typeface="Meiryo UI"/>
                <a:cs typeface="Meiryo UI"/>
              </a:rPr>
              <a:t>ガバニングボード（CSTI</a:t>
            </a:r>
            <a:r>
              <a:rPr sz="800" b="1" spc="-10" dirty="0">
                <a:solidFill>
                  <a:srgbClr val="FFFFFF"/>
                </a:solidFill>
                <a:latin typeface="Meiryo UI"/>
                <a:cs typeface="Meiryo UI"/>
              </a:rPr>
              <a:t>有識者議員</a:t>
            </a:r>
            <a:r>
              <a:rPr sz="800" b="1" spc="-50" dirty="0">
                <a:solidFill>
                  <a:srgbClr val="FFFFFF"/>
                </a:solidFill>
                <a:latin typeface="Meiryo UI"/>
                <a:cs typeface="Meiryo UI"/>
              </a:rPr>
              <a:t>）</a:t>
            </a:r>
            <a:endParaRPr sz="800">
              <a:latin typeface="Meiryo UI"/>
              <a:cs typeface="Meiryo UI"/>
            </a:endParaRPr>
          </a:p>
        </p:txBody>
      </p:sp>
      <p:grpSp>
        <p:nvGrpSpPr>
          <p:cNvPr id="42" name="object 42"/>
          <p:cNvGrpSpPr/>
          <p:nvPr/>
        </p:nvGrpSpPr>
        <p:grpSpPr>
          <a:xfrm>
            <a:off x="925487" y="5760935"/>
            <a:ext cx="2585720" cy="313690"/>
            <a:chOff x="925487" y="5760935"/>
            <a:chExt cx="2585720" cy="313690"/>
          </a:xfrm>
        </p:grpSpPr>
        <p:pic>
          <p:nvPicPr>
            <p:cNvPr id="43" name="object 43"/>
            <p:cNvPicPr/>
            <p:nvPr/>
          </p:nvPicPr>
          <p:blipFill>
            <a:blip r:embed="rId21" cstate="print"/>
            <a:stretch>
              <a:fillRect/>
            </a:stretch>
          </p:blipFill>
          <p:spPr>
            <a:xfrm>
              <a:off x="925487" y="5760935"/>
              <a:ext cx="2585272" cy="285940"/>
            </a:xfrm>
            <a:prstGeom prst="rect">
              <a:avLst/>
            </a:prstGeom>
          </p:spPr>
        </p:pic>
        <p:pic>
          <p:nvPicPr>
            <p:cNvPr id="44" name="object 44"/>
            <p:cNvPicPr/>
            <p:nvPr/>
          </p:nvPicPr>
          <p:blipFill>
            <a:blip r:embed="rId22" cstate="print"/>
            <a:stretch>
              <a:fillRect/>
            </a:stretch>
          </p:blipFill>
          <p:spPr>
            <a:xfrm>
              <a:off x="1631111" y="5774118"/>
              <a:ext cx="1182128" cy="300139"/>
            </a:xfrm>
            <a:prstGeom prst="rect">
              <a:avLst/>
            </a:prstGeom>
          </p:spPr>
        </p:pic>
        <p:sp>
          <p:nvSpPr>
            <p:cNvPr id="45" name="object 45"/>
            <p:cNvSpPr/>
            <p:nvPr/>
          </p:nvSpPr>
          <p:spPr>
            <a:xfrm>
              <a:off x="942716" y="5778173"/>
              <a:ext cx="2514600" cy="215265"/>
            </a:xfrm>
            <a:custGeom>
              <a:avLst/>
              <a:gdLst/>
              <a:ahLst/>
              <a:cxnLst/>
              <a:rect l="l" t="t" r="r" b="b"/>
              <a:pathLst>
                <a:path w="2514600" h="215264">
                  <a:moveTo>
                    <a:pt x="2514325" y="214966"/>
                  </a:moveTo>
                  <a:lnTo>
                    <a:pt x="0" y="214966"/>
                  </a:lnTo>
                  <a:lnTo>
                    <a:pt x="0" y="0"/>
                  </a:lnTo>
                  <a:lnTo>
                    <a:pt x="2514325" y="0"/>
                  </a:lnTo>
                  <a:lnTo>
                    <a:pt x="2514325" y="214966"/>
                  </a:lnTo>
                  <a:close/>
                </a:path>
              </a:pathLst>
            </a:custGeom>
            <a:solidFill>
              <a:srgbClr val="F19D6B"/>
            </a:solidFill>
          </p:spPr>
          <p:txBody>
            <a:bodyPr wrap="square" lIns="0" tIns="0" rIns="0" bIns="0" rtlCol="0"/>
            <a:lstStyle/>
            <a:p>
              <a:endParaRPr/>
            </a:p>
          </p:txBody>
        </p:sp>
        <p:pic>
          <p:nvPicPr>
            <p:cNvPr id="46" name="object 46"/>
            <p:cNvPicPr/>
            <p:nvPr/>
          </p:nvPicPr>
          <p:blipFill>
            <a:blip r:embed="rId23" cstate="print"/>
            <a:stretch>
              <a:fillRect/>
            </a:stretch>
          </p:blipFill>
          <p:spPr>
            <a:xfrm>
              <a:off x="1647331" y="5790341"/>
              <a:ext cx="545438" cy="231185"/>
            </a:xfrm>
            <a:prstGeom prst="rect">
              <a:avLst/>
            </a:prstGeom>
          </p:spPr>
        </p:pic>
        <p:pic>
          <p:nvPicPr>
            <p:cNvPr id="47" name="object 47"/>
            <p:cNvPicPr/>
            <p:nvPr/>
          </p:nvPicPr>
          <p:blipFill>
            <a:blip r:embed="rId24" cstate="print"/>
            <a:stretch>
              <a:fillRect/>
            </a:stretch>
          </p:blipFill>
          <p:spPr>
            <a:xfrm>
              <a:off x="2052866" y="5790341"/>
              <a:ext cx="444055" cy="231185"/>
            </a:xfrm>
            <a:prstGeom prst="rect">
              <a:avLst/>
            </a:prstGeom>
          </p:spPr>
        </p:pic>
        <p:pic>
          <p:nvPicPr>
            <p:cNvPr id="48" name="object 48"/>
            <p:cNvPicPr/>
            <p:nvPr/>
          </p:nvPicPr>
          <p:blipFill>
            <a:blip r:embed="rId25" cstate="print"/>
            <a:stretch>
              <a:fillRect/>
            </a:stretch>
          </p:blipFill>
          <p:spPr>
            <a:xfrm>
              <a:off x="2357018" y="5790341"/>
              <a:ext cx="302119" cy="231185"/>
            </a:xfrm>
            <a:prstGeom prst="rect">
              <a:avLst/>
            </a:prstGeom>
          </p:spPr>
        </p:pic>
        <p:pic>
          <p:nvPicPr>
            <p:cNvPr id="49" name="object 49"/>
            <p:cNvPicPr/>
            <p:nvPr/>
          </p:nvPicPr>
          <p:blipFill>
            <a:blip r:embed="rId26" cstate="print"/>
            <a:stretch>
              <a:fillRect/>
            </a:stretch>
          </p:blipFill>
          <p:spPr>
            <a:xfrm>
              <a:off x="2519228" y="5790341"/>
              <a:ext cx="241281" cy="231185"/>
            </a:xfrm>
            <a:prstGeom prst="rect">
              <a:avLst/>
            </a:prstGeom>
          </p:spPr>
        </p:pic>
      </p:grpSp>
      <p:sp>
        <p:nvSpPr>
          <p:cNvPr id="50" name="object 50"/>
          <p:cNvSpPr txBox="1"/>
          <p:nvPr/>
        </p:nvSpPr>
        <p:spPr>
          <a:xfrm>
            <a:off x="942716" y="5778173"/>
            <a:ext cx="2514600" cy="215265"/>
          </a:xfrm>
          <a:prstGeom prst="rect">
            <a:avLst/>
          </a:prstGeom>
        </p:spPr>
        <p:txBody>
          <a:bodyPr vert="horz" wrap="square" lIns="0" tIns="46355" rIns="0" bIns="0" rtlCol="0">
            <a:spAutoFit/>
          </a:bodyPr>
          <a:lstStyle/>
          <a:p>
            <a:pPr marL="768985">
              <a:lnSpc>
                <a:spcPct val="100000"/>
              </a:lnSpc>
              <a:spcBef>
                <a:spcPts val="365"/>
              </a:spcBef>
            </a:pPr>
            <a:r>
              <a:rPr sz="800" b="1" spc="-10" dirty="0">
                <a:solidFill>
                  <a:srgbClr val="FF0000"/>
                </a:solidFill>
                <a:latin typeface="Meiryo UI"/>
                <a:cs typeface="Meiryo UI"/>
              </a:rPr>
              <a:t>研究推進法人</a:t>
            </a:r>
            <a:r>
              <a:rPr sz="800" b="1" spc="-20" dirty="0">
                <a:solidFill>
                  <a:srgbClr val="FF0000"/>
                </a:solidFill>
                <a:latin typeface="Meiryo UI"/>
                <a:cs typeface="Meiryo UI"/>
              </a:rPr>
              <a:t>（PM）</a:t>
            </a:r>
            <a:endParaRPr sz="800">
              <a:latin typeface="Meiryo UI"/>
              <a:cs typeface="Meiryo UI"/>
            </a:endParaRPr>
          </a:p>
        </p:txBody>
      </p:sp>
      <p:grpSp>
        <p:nvGrpSpPr>
          <p:cNvPr id="51" name="object 51"/>
          <p:cNvGrpSpPr/>
          <p:nvPr/>
        </p:nvGrpSpPr>
        <p:grpSpPr>
          <a:xfrm>
            <a:off x="919403" y="6091496"/>
            <a:ext cx="2592705" cy="318770"/>
            <a:chOff x="919403" y="6091496"/>
            <a:chExt cx="2592705" cy="318770"/>
          </a:xfrm>
        </p:grpSpPr>
        <p:pic>
          <p:nvPicPr>
            <p:cNvPr id="52" name="object 52"/>
            <p:cNvPicPr/>
            <p:nvPr/>
          </p:nvPicPr>
          <p:blipFill>
            <a:blip r:embed="rId27" cstate="print"/>
            <a:stretch>
              <a:fillRect/>
            </a:stretch>
          </p:blipFill>
          <p:spPr>
            <a:xfrm>
              <a:off x="919403" y="6091496"/>
              <a:ext cx="2592369" cy="299117"/>
            </a:xfrm>
            <a:prstGeom prst="rect">
              <a:avLst/>
            </a:prstGeom>
          </p:spPr>
        </p:pic>
        <p:pic>
          <p:nvPicPr>
            <p:cNvPr id="53" name="object 53"/>
            <p:cNvPicPr/>
            <p:nvPr/>
          </p:nvPicPr>
          <p:blipFill>
            <a:blip r:embed="rId28" cstate="print"/>
            <a:stretch>
              <a:fillRect/>
            </a:stretch>
          </p:blipFill>
          <p:spPr>
            <a:xfrm>
              <a:off x="951840" y="6110762"/>
              <a:ext cx="2522420" cy="299117"/>
            </a:xfrm>
            <a:prstGeom prst="rect">
              <a:avLst/>
            </a:prstGeom>
          </p:spPr>
        </p:pic>
        <p:sp>
          <p:nvSpPr>
            <p:cNvPr id="54" name="object 54"/>
            <p:cNvSpPr/>
            <p:nvPr/>
          </p:nvSpPr>
          <p:spPr>
            <a:xfrm>
              <a:off x="936632" y="6108734"/>
              <a:ext cx="2521585" cy="228600"/>
            </a:xfrm>
            <a:custGeom>
              <a:avLst/>
              <a:gdLst/>
              <a:ahLst/>
              <a:cxnLst/>
              <a:rect l="l" t="t" r="r" b="b"/>
              <a:pathLst>
                <a:path w="2521585" h="228600">
                  <a:moveTo>
                    <a:pt x="2521389" y="228148"/>
                  </a:moveTo>
                  <a:lnTo>
                    <a:pt x="0" y="228148"/>
                  </a:lnTo>
                  <a:lnTo>
                    <a:pt x="0" y="0"/>
                  </a:lnTo>
                  <a:lnTo>
                    <a:pt x="2521389" y="0"/>
                  </a:lnTo>
                  <a:lnTo>
                    <a:pt x="2521389" y="228148"/>
                  </a:lnTo>
                  <a:close/>
                </a:path>
              </a:pathLst>
            </a:custGeom>
            <a:solidFill>
              <a:srgbClr val="000066"/>
            </a:solidFill>
          </p:spPr>
          <p:txBody>
            <a:bodyPr wrap="square" lIns="0" tIns="0" rIns="0" bIns="0" rtlCol="0"/>
            <a:lstStyle/>
            <a:p>
              <a:endParaRPr/>
            </a:p>
          </p:txBody>
        </p:sp>
        <p:pic>
          <p:nvPicPr>
            <p:cNvPr id="55" name="object 55"/>
            <p:cNvPicPr/>
            <p:nvPr/>
          </p:nvPicPr>
          <p:blipFill>
            <a:blip r:embed="rId29" cstate="print"/>
            <a:stretch>
              <a:fillRect/>
            </a:stretch>
          </p:blipFill>
          <p:spPr>
            <a:xfrm>
              <a:off x="969075" y="6128003"/>
              <a:ext cx="849589" cy="231186"/>
            </a:xfrm>
            <a:prstGeom prst="rect">
              <a:avLst/>
            </a:prstGeom>
          </p:spPr>
        </p:pic>
        <p:pic>
          <p:nvPicPr>
            <p:cNvPr id="56" name="object 56"/>
            <p:cNvPicPr/>
            <p:nvPr/>
          </p:nvPicPr>
          <p:blipFill>
            <a:blip r:embed="rId30" cstate="print"/>
            <a:stretch>
              <a:fillRect/>
            </a:stretch>
          </p:blipFill>
          <p:spPr>
            <a:xfrm>
              <a:off x="1678762" y="6128003"/>
              <a:ext cx="192626" cy="231186"/>
            </a:xfrm>
            <a:prstGeom prst="rect">
              <a:avLst/>
            </a:prstGeom>
          </p:spPr>
        </p:pic>
        <p:pic>
          <p:nvPicPr>
            <p:cNvPr id="57" name="object 57"/>
            <p:cNvPicPr/>
            <p:nvPr/>
          </p:nvPicPr>
          <p:blipFill>
            <a:blip r:embed="rId31" cstate="print"/>
            <a:stretch>
              <a:fillRect/>
            </a:stretch>
          </p:blipFill>
          <p:spPr>
            <a:xfrm>
              <a:off x="1731479" y="6128003"/>
              <a:ext cx="444055" cy="231186"/>
            </a:xfrm>
            <a:prstGeom prst="rect">
              <a:avLst/>
            </a:prstGeom>
          </p:spPr>
        </p:pic>
        <p:pic>
          <p:nvPicPr>
            <p:cNvPr id="58" name="object 58"/>
            <p:cNvPicPr/>
            <p:nvPr/>
          </p:nvPicPr>
          <p:blipFill>
            <a:blip r:embed="rId32" cstate="print"/>
            <a:stretch>
              <a:fillRect/>
            </a:stretch>
          </p:blipFill>
          <p:spPr>
            <a:xfrm>
              <a:off x="2050837" y="6160452"/>
              <a:ext cx="185531" cy="178458"/>
            </a:xfrm>
            <a:prstGeom prst="rect">
              <a:avLst/>
            </a:prstGeom>
          </p:spPr>
        </p:pic>
        <p:pic>
          <p:nvPicPr>
            <p:cNvPr id="59" name="object 59"/>
            <p:cNvPicPr/>
            <p:nvPr/>
          </p:nvPicPr>
          <p:blipFill>
            <a:blip r:embed="rId33" cstate="print"/>
            <a:stretch>
              <a:fillRect/>
            </a:stretch>
          </p:blipFill>
          <p:spPr>
            <a:xfrm>
              <a:off x="2126874" y="6160452"/>
              <a:ext cx="1295673" cy="178458"/>
            </a:xfrm>
            <a:prstGeom prst="rect">
              <a:avLst/>
            </a:prstGeom>
          </p:spPr>
        </p:pic>
      </p:grpSp>
      <p:sp>
        <p:nvSpPr>
          <p:cNvPr id="60" name="object 60"/>
          <p:cNvSpPr txBox="1"/>
          <p:nvPr/>
        </p:nvSpPr>
        <p:spPr>
          <a:xfrm>
            <a:off x="936632" y="6108734"/>
            <a:ext cx="2521585" cy="228600"/>
          </a:xfrm>
          <a:prstGeom prst="rect">
            <a:avLst/>
          </a:prstGeom>
        </p:spPr>
        <p:txBody>
          <a:bodyPr vert="horz" wrap="square" lIns="0" tIns="52705" rIns="0" bIns="0" rtlCol="0">
            <a:spAutoFit/>
          </a:bodyPr>
          <a:lstStyle/>
          <a:p>
            <a:pPr marL="96520">
              <a:lnSpc>
                <a:spcPct val="100000"/>
              </a:lnSpc>
              <a:spcBef>
                <a:spcPts val="415"/>
              </a:spcBef>
            </a:pPr>
            <a:r>
              <a:rPr sz="800" b="1" spc="-10" dirty="0">
                <a:solidFill>
                  <a:srgbClr val="FFFFFF"/>
                </a:solidFill>
                <a:latin typeface="Meiryo UI"/>
                <a:cs typeface="Meiryo UI"/>
              </a:rPr>
              <a:t>研究開発責任者・実施者</a:t>
            </a:r>
            <a:r>
              <a:rPr sz="600" b="1" spc="-10" dirty="0">
                <a:solidFill>
                  <a:srgbClr val="FFFFFF"/>
                </a:solidFill>
                <a:latin typeface="Meiryo UI"/>
                <a:cs typeface="Meiryo UI"/>
              </a:rPr>
              <a:t>（大学、国研、企業、スタートアップ等</a:t>
            </a:r>
            <a:r>
              <a:rPr sz="600" b="1" spc="-50" dirty="0">
                <a:solidFill>
                  <a:srgbClr val="FFFFFF"/>
                </a:solidFill>
                <a:latin typeface="Meiryo UI"/>
                <a:cs typeface="Meiryo UI"/>
              </a:rPr>
              <a:t>）</a:t>
            </a:r>
            <a:endParaRPr sz="600">
              <a:latin typeface="Meiryo UI"/>
              <a:cs typeface="Meiryo UI"/>
            </a:endParaRPr>
          </a:p>
        </p:txBody>
      </p:sp>
      <p:grpSp>
        <p:nvGrpSpPr>
          <p:cNvPr id="61" name="object 61"/>
          <p:cNvGrpSpPr/>
          <p:nvPr/>
        </p:nvGrpSpPr>
        <p:grpSpPr>
          <a:xfrm>
            <a:off x="890490" y="5153558"/>
            <a:ext cx="2631440" cy="376555"/>
            <a:chOff x="890490" y="5153558"/>
            <a:chExt cx="2631440" cy="376555"/>
          </a:xfrm>
        </p:grpSpPr>
        <p:pic>
          <p:nvPicPr>
            <p:cNvPr id="62" name="object 62"/>
            <p:cNvPicPr/>
            <p:nvPr/>
          </p:nvPicPr>
          <p:blipFill>
            <a:blip r:embed="rId34" cstate="print"/>
            <a:stretch>
              <a:fillRect/>
            </a:stretch>
          </p:blipFill>
          <p:spPr>
            <a:xfrm>
              <a:off x="890490" y="5153558"/>
              <a:ext cx="2631377" cy="373145"/>
            </a:xfrm>
            <a:prstGeom prst="rect">
              <a:avLst/>
            </a:prstGeom>
          </p:spPr>
        </p:pic>
        <p:pic>
          <p:nvPicPr>
            <p:cNvPr id="63" name="object 63"/>
            <p:cNvPicPr/>
            <p:nvPr/>
          </p:nvPicPr>
          <p:blipFill>
            <a:blip r:embed="rId35" cstate="print"/>
            <a:stretch>
              <a:fillRect/>
            </a:stretch>
          </p:blipFill>
          <p:spPr>
            <a:xfrm>
              <a:off x="941704" y="5155582"/>
              <a:ext cx="2561957" cy="374162"/>
            </a:xfrm>
            <a:prstGeom prst="rect">
              <a:avLst/>
            </a:prstGeom>
          </p:spPr>
        </p:pic>
        <p:sp>
          <p:nvSpPr>
            <p:cNvPr id="64" name="object 64"/>
            <p:cNvSpPr/>
            <p:nvPr/>
          </p:nvSpPr>
          <p:spPr>
            <a:xfrm>
              <a:off x="942715" y="5170792"/>
              <a:ext cx="2515870" cy="284480"/>
            </a:xfrm>
            <a:custGeom>
              <a:avLst/>
              <a:gdLst/>
              <a:ahLst/>
              <a:cxnLst/>
              <a:rect l="l" t="t" r="r" b="b"/>
              <a:pathLst>
                <a:path w="2515870" h="284479">
                  <a:moveTo>
                    <a:pt x="2515306" y="283918"/>
                  </a:moveTo>
                  <a:lnTo>
                    <a:pt x="0" y="283918"/>
                  </a:lnTo>
                  <a:lnTo>
                    <a:pt x="0" y="0"/>
                  </a:lnTo>
                  <a:lnTo>
                    <a:pt x="2515306" y="0"/>
                  </a:lnTo>
                  <a:lnTo>
                    <a:pt x="2515306" y="283918"/>
                  </a:lnTo>
                  <a:close/>
                </a:path>
              </a:pathLst>
            </a:custGeom>
            <a:solidFill>
              <a:srgbClr val="8FAADC"/>
            </a:solidFill>
          </p:spPr>
          <p:txBody>
            <a:bodyPr wrap="square" lIns="0" tIns="0" rIns="0" bIns="0" rtlCol="0"/>
            <a:lstStyle/>
            <a:p>
              <a:endParaRPr/>
            </a:p>
          </p:txBody>
        </p:sp>
        <p:pic>
          <p:nvPicPr>
            <p:cNvPr id="65" name="object 65"/>
            <p:cNvPicPr/>
            <p:nvPr/>
          </p:nvPicPr>
          <p:blipFill>
            <a:blip r:embed="rId36" cstate="print"/>
            <a:stretch>
              <a:fillRect/>
            </a:stretch>
          </p:blipFill>
          <p:spPr>
            <a:xfrm>
              <a:off x="1881530" y="5171808"/>
              <a:ext cx="646823" cy="231188"/>
            </a:xfrm>
            <a:prstGeom prst="rect">
              <a:avLst/>
            </a:prstGeom>
          </p:spPr>
        </p:pic>
        <p:pic>
          <p:nvPicPr>
            <p:cNvPr id="66" name="object 66"/>
            <p:cNvPicPr/>
            <p:nvPr/>
          </p:nvPicPr>
          <p:blipFill>
            <a:blip r:embed="rId37" cstate="print"/>
            <a:stretch>
              <a:fillRect/>
            </a:stretch>
          </p:blipFill>
          <p:spPr>
            <a:xfrm>
              <a:off x="957923" y="5301602"/>
              <a:ext cx="614383" cy="175415"/>
            </a:xfrm>
            <a:prstGeom prst="rect">
              <a:avLst/>
            </a:prstGeom>
          </p:spPr>
        </p:pic>
        <p:pic>
          <p:nvPicPr>
            <p:cNvPr id="67" name="object 67"/>
            <p:cNvPicPr/>
            <p:nvPr/>
          </p:nvPicPr>
          <p:blipFill>
            <a:blip r:embed="rId38" cstate="print"/>
            <a:stretch>
              <a:fillRect/>
            </a:stretch>
          </p:blipFill>
          <p:spPr>
            <a:xfrm>
              <a:off x="1464843" y="5301602"/>
              <a:ext cx="516039" cy="175415"/>
            </a:xfrm>
            <a:prstGeom prst="rect">
              <a:avLst/>
            </a:prstGeom>
          </p:spPr>
        </p:pic>
        <p:pic>
          <p:nvPicPr>
            <p:cNvPr id="68" name="object 68"/>
            <p:cNvPicPr/>
            <p:nvPr/>
          </p:nvPicPr>
          <p:blipFill>
            <a:blip r:embed="rId39" cstate="print"/>
            <a:stretch>
              <a:fillRect/>
            </a:stretch>
          </p:blipFill>
          <p:spPr>
            <a:xfrm>
              <a:off x="1873416" y="5301602"/>
              <a:ext cx="259536" cy="175415"/>
            </a:xfrm>
            <a:prstGeom prst="rect">
              <a:avLst/>
            </a:prstGeom>
          </p:spPr>
        </p:pic>
        <p:pic>
          <p:nvPicPr>
            <p:cNvPr id="69" name="object 69"/>
            <p:cNvPicPr/>
            <p:nvPr/>
          </p:nvPicPr>
          <p:blipFill>
            <a:blip r:embed="rId40" cstate="print"/>
            <a:stretch>
              <a:fillRect/>
            </a:stretch>
          </p:blipFill>
          <p:spPr>
            <a:xfrm>
              <a:off x="2025491" y="5301602"/>
              <a:ext cx="259530" cy="175415"/>
            </a:xfrm>
            <a:prstGeom prst="rect">
              <a:avLst/>
            </a:prstGeom>
          </p:spPr>
        </p:pic>
        <p:pic>
          <p:nvPicPr>
            <p:cNvPr id="70" name="object 70"/>
            <p:cNvPicPr/>
            <p:nvPr/>
          </p:nvPicPr>
          <p:blipFill>
            <a:blip r:embed="rId41" cstate="print"/>
            <a:stretch>
              <a:fillRect/>
            </a:stretch>
          </p:blipFill>
          <p:spPr>
            <a:xfrm>
              <a:off x="2177567" y="5301602"/>
              <a:ext cx="158153" cy="175415"/>
            </a:xfrm>
            <a:prstGeom prst="rect">
              <a:avLst/>
            </a:prstGeom>
          </p:spPr>
        </p:pic>
        <p:pic>
          <p:nvPicPr>
            <p:cNvPr id="71" name="object 71"/>
            <p:cNvPicPr/>
            <p:nvPr/>
          </p:nvPicPr>
          <p:blipFill>
            <a:blip r:embed="rId42" cstate="print"/>
            <a:stretch>
              <a:fillRect/>
            </a:stretch>
          </p:blipFill>
          <p:spPr>
            <a:xfrm>
              <a:off x="2228258" y="5301602"/>
              <a:ext cx="563684" cy="175415"/>
            </a:xfrm>
            <a:prstGeom prst="rect">
              <a:avLst/>
            </a:prstGeom>
          </p:spPr>
        </p:pic>
        <p:pic>
          <p:nvPicPr>
            <p:cNvPr id="72" name="object 72"/>
            <p:cNvPicPr/>
            <p:nvPr/>
          </p:nvPicPr>
          <p:blipFill>
            <a:blip r:embed="rId43" cstate="print"/>
            <a:stretch>
              <a:fillRect/>
            </a:stretch>
          </p:blipFill>
          <p:spPr>
            <a:xfrm>
              <a:off x="2684487" y="5301602"/>
              <a:ext cx="386266" cy="175415"/>
            </a:xfrm>
            <a:prstGeom prst="rect">
              <a:avLst/>
            </a:prstGeom>
          </p:spPr>
        </p:pic>
        <p:pic>
          <p:nvPicPr>
            <p:cNvPr id="73" name="object 73"/>
            <p:cNvPicPr/>
            <p:nvPr/>
          </p:nvPicPr>
          <p:blipFill>
            <a:blip r:embed="rId44" cstate="print"/>
            <a:stretch>
              <a:fillRect/>
            </a:stretch>
          </p:blipFill>
          <p:spPr>
            <a:xfrm>
              <a:off x="2963290" y="5301602"/>
              <a:ext cx="487652" cy="175415"/>
            </a:xfrm>
            <a:prstGeom prst="rect">
              <a:avLst/>
            </a:prstGeom>
          </p:spPr>
        </p:pic>
      </p:grpSp>
      <p:sp>
        <p:nvSpPr>
          <p:cNvPr id="74" name="object 74"/>
          <p:cNvSpPr txBox="1"/>
          <p:nvPr/>
        </p:nvSpPr>
        <p:spPr>
          <a:xfrm>
            <a:off x="994639" y="5193610"/>
            <a:ext cx="2411095" cy="238760"/>
          </a:xfrm>
          <a:prstGeom prst="rect">
            <a:avLst/>
          </a:prstGeom>
        </p:spPr>
        <p:txBody>
          <a:bodyPr vert="horz" wrap="square" lIns="0" tIns="12065" rIns="0" bIns="0" rtlCol="0">
            <a:spAutoFit/>
          </a:bodyPr>
          <a:lstStyle/>
          <a:p>
            <a:pPr algn="ctr">
              <a:lnSpc>
                <a:spcPts val="960"/>
              </a:lnSpc>
              <a:spcBef>
                <a:spcPts val="95"/>
              </a:spcBef>
            </a:pPr>
            <a:r>
              <a:rPr sz="800" b="1" spc="-20" dirty="0">
                <a:solidFill>
                  <a:srgbClr val="FFFFFF"/>
                </a:solidFill>
                <a:latin typeface="Meiryo UI"/>
                <a:cs typeface="Meiryo UI"/>
              </a:rPr>
              <a:t>推進委員会</a:t>
            </a:r>
            <a:endParaRPr sz="800">
              <a:latin typeface="Meiryo UI"/>
              <a:cs typeface="Meiryo UI"/>
            </a:endParaRPr>
          </a:p>
          <a:p>
            <a:pPr algn="ctr">
              <a:lnSpc>
                <a:spcPct val="100000"/>
              </a:lnSpc>
            </a:pPr>
            <a:r>
              <a:rPr sz="600" b="1" spc="-10" dirty="0">
                <a:solidFill>
                  <a:srgbClr val="FFFFFF"/>
                </a:solidFill>
                <a:latin typeface="Meiryo UI"/>
                <a:cs typeface="Meiryo UI"/>
              </a:rPr>
              <a:t>ＰＤ（議長）、サブＰＤ等、関係省庁、研究推進法人、内閣府（事務局</a:t>
            </a:r>
            <a:r>
              <a:rPr sz="600" b="1" spc="-50" dirty="0">
                <a:solidFill>
                  <a:srgbClr val="FFFFFF"/>
                </a:solidFill>
                <a:latin typeface="Meiryo UI"/>
                <a:cs typeface="Meiryo UI"/>
              </a:rPr>
              <a:t>）</a:t>
            </a:r>
            <a:endParaRPr sz="600">
              <a:latin typeface="Meiryo UI"/>
              <a:cs typeface="Meiryo UI"/>
            </a:endParaRPr>
          </a:p>
        </p:txBody>
      </p:sp>
      <p:grpSp>
        <p:nvGrpSpPr>
          <p:cNvPr id="75" name="object 75"/>
          <p:cNvGrpSpPr/>
          <p:nvPr/>
        </p:nvGrpSpPr>
        <p:grpSpPr>
          <a:xfrm>
            <a:off x="883823" y="4332223"/>
            <a:ext cx="2644775" cy="1741170"/>
            <a:chOff x="883823" y="4332223"/>
            <a:chExt cx="2644775" cy="1741170"/>
          </a:xfrm>
        </p:grpSpPr>
        <p:sp>
          <p:nvSpPr>
            <p:cNvPr id="76" name="object 76"/>
            <p:cNvSpPr/>
            <p:nvPr/>
          </p:nvSpPr>
          <p:spPr>
            <a:xfrm>
              <a:off x="890490" y="6066653"/>
              <a:ext cx="2631440" cy="0"/>
            </a:xfrm>
            <a:custGeom>
              <a:avLst/>
              <a:gdLst/>
              <a:ahLst/>
              <a:cxnLst/>
              <a:rect l="l" t="t" r="r" b="b"/>
              <a:pathLst>
                <a:path w="2631440">
                  <a:moveTo>
                    <a:pt x="2631377" y="0"/>
                  </a:moveTo>
                  <a:lnTo>
                    <a:pt x="0" y="0"/>
                  </a:lnTo>
                </a:path>
              </a:pathLst>
            </a:custGeom>
            <a:ln w="13181">
              <a:solidFill>
                <a:srgbClr val="767070"/>
              </a:solidFill>
              <a:prstDash val="lgDash"/>
            </a:ln>
          </p:spPr>
          <p:txBody>
            <a:bodyPr wrap="square" lIns="0" tIns="0" rIns="0" bIns="0" rtlCol="0"/>
            <a:lstStyle/>
            <a:p>
              <a:endParaRPr/>
            </a:p>
          </p:txBody>
        </p:sp>
        <p:pic>
          <p:nvPicPr>
            <p:cNvPr id="77" name="object 77"/>
            <p:cNvPicPr/>
            <p:nvPr/>
          </p:nvPicPr>
          <p:blipFill>
            <a:blip r:embed="rId45" cstate="print"/>
            <a:stretch>
              <a:fillRect/>
            </a:stretch>
          </p:blipFill>
          <p:spPr>
            <a:xfrm>
              <a:off x="925487" y="4332223"/>
              <a:ext cx="2587299" cy="263635"/>
            </a:xfrm>
            <a:prstGeom prst="rect">
              <a:avLst/>
            </a:prstGeom>
          </p:spPr>
        </p:pic>
        <p:pic>
          <p:nvPicPr>
            <p:cNvPr id="78" name="object 78"/>
            <p:cNvPicPr/>
            <p:nvPr/>
          </p:nvPicPr>
          <p:blipFill>
            <a:blip r:embed="rId46" cstate="print"/>
            <a:stretch>
              <a:fillRect/>
            </a:stretch>
          </p:blipFill>
          <p:spPr>
            <a:xfrm>
              <a:off x="1679778" y="4334255"/>
              <a:ext cx="1086826" cy="300135"/>
            </a:xfrm>
            <a:prstGeom prst="rect">
              <a:avLst/>
            </a:prstGeom>
          </p:spPr>
        </p:pic>
        <p:sp>
          <p:nvSpPr>
            <p:cNvPr id="79" name="object 79"/>
            <p:cNvSpPr/>
            <p:nvPr/>
          </p:nvSpPr>
          <p:spPr>
            <a:xfrm>
              <a:off x="942715" y="4349459"/>
              <a:ext cx="2516505" cy="193040"/>
            </a:xfrm>
            <a:custGeom>
              <a:avLst/>
              <a:gdLst/>
              <a:ahLst/>
              <a:cxnLst/>
              <a:rect l="l" t="t" r="r" b="b"/>
              <a:pathLst>
                <a:path w="2516504" h="193039">
                  <a:moveTo>
                    <a:pt x="2516353" y="192658"/>
                  </a:moveTo>
                  <a:lnTo>
                    <a:pt x="0" y="192658"/>
                  </a:lnTo>
                  <a:lnTo>
                    <a:pt x="0" y="0"/>
                  </a:lnTo>
                  <a:lnTo>
                    <a:pt x="2516353" y="0"/>
                  </a:lnTo>
                  <a:lnTo>
                    <a:pt x="2516353" y="192658"/>
                  </a:lnTo>
                  <a:close/>
                </a:path>
              </a:pathLst>
            </a:custGeom>
            <a:solidFill>
              <a:srgbClr val="C5DFB4"/>
            </a:solidFill>
          </p:spPr>
          <p:txBody>
            <a:bodyPr wrap="square" lIns="0" tIns="0" rIns="0" bIns="0" rtlCol="0"/>
            <a:lstStyle/>
            <a:p>
              <a:endParaRPr/>
            </a:p>
          </p:txBody>
        </p:sp>
        <p:pic>
          <p:nvPicPr>
            <p:cNvPr id="80" name="object 80"/>
            <p:cNvPicPr/>
            <p:nvPr/>
          </p:nvPicPr>
          <p:blipFill>
            <a:blip r:embed="rId47" cstate="print"/>
            <a:stretch>
              <a:fillRect/>
            </a:stretch>
          </p:blipFill>
          <p:spPr>
            <a:xfrm>
              <a:off x="1695996" y="4350473"/>
              <a:ext cx="560649" cy="231189"/>
            </a:xfrm>
            <a:prstGeom prst="rect">
              <a:avLst/>
            </a:prstGeom>
          </p:spPr>
        </p:pic>
        <p:pic>
          <p:nvPicPr>
            <p:cNvPr id="81" name="object 81"/>
            <p:cNvPicPr/>
            <p:nvPr/>
          </p:nvPicPr>
          <p:blipFill>
            <a:blip r:embed="rId48" cstate="print"/>
            <a:stretch>
              <a:fillRect/>
            </a:stretch>
          </p:blipFill>
          <p:spPr>
            <a:xfrm>
              <a:off x="2116736" y="4350473"/>
              <a:ext cx="597148" cy="231189"/>
            </a:xfrm>
            <a:prstGeom prst="rect">
              <a:avLst/>
            </a:prstGeom>
          </p:spPr>
        </p:pic>
      </p:grpSp>
      <p:sp>
        <p:nvSpPr>
          <p:cNvPr id="82" name="object 82"/>
          <p:cNvSpPr txBox="1"/>
          <p:nvPr/>
        </p:nvSpPr>
        <p:spPr>
          <a:xfrm>
            <a:off x="942716" y="4349459"/>
            <a:ext cx="2516505" cy="193040"/>
          </a:xfrm>
          <a:prstGeom prst="rect">
            <a:avLst/>
          </a:prstGeom>
        </p:spPr>
        <p:txBody>
          <a:bodyPr vert="horz" wrap="square" lIns="0" tIns="34925" rIns="0" bIns="0" rtlCol="0">
            <a:spAutoFit/>
          </a:bodyPr>
          <a:lstStyle/>
          <a:p>
            <a:pPr marL="817880">
              <a:lnSpc>
                <a:spcPct val="100000"/>
              </a:lnSpc>
              <a:spcBef>
                <a:spcPts val="275"/>
              </a:spcBef>
            </a:pPr>
            <a:r>
              <a:rPr sz="800" b="1" spc="-25" dirty="0">
                <a:solidFill>
                  <a:srgbClr val="FF0000"/>
                </a:solidFill>
                <a:latin typeface="Meiryo UI"/>
                <a:cs typeface="Meiryo UI"/>
              </a:rPr>
              <a:t>プログラム統括チーム</a:t>
            </a:r>
            <a:endParaRPr sz="800">
              <a:latin typeface="Meiryo UI"/>
              <a:cs typeface="Meiryo UI"/>
            </a:endParaRPr>
          </a:p>
        </p:txBody>
      </p:sp>
      <p:sp>
        <p:nvSpPr>
          <p:cNvPr id="83" name="object 83"/>
          <p:cNvSpPr txBox="1"/>
          <p:nvPr/>
        </p:nvSpPr>
        <p:spPr>
          <a:xfrm>
            <a:off x="890503" y="5561686"/>
            <a:ext cx="847090" cy="184785"/>
          </a:xfrm>
          <a:prstGeom prst="rect">
            <a:avLst/>
          </a:prstGeom>
          <a:solidFill>
            <a:srgbClr val="FFFFFF"/>
          </a:solidFill>
          <a:ln w="17237">
            <a:solidFill>
              <a:srgbClr val="EC7C30"/>
            </a:solidFill>
          </a:ln>
        </p:spPr>
        <p:txBody>
          <a:bodyPr vert="horz" wrap="square" lIns="0" tIns="29845" rIns="0" bIns="0" rtlCol="0">
            <a:spAutoFit/>
          </a:bodyPr>
          <a:lstStyle/>
          <a:p>
            <a:pPr marL="80645">
              <a:lnSpc>
                <a:spcPct val="100000"/>
              </a:lnSpc>
              <a:spcBef>
                <a:spcPts val="235"/>
              </a:spcBef>
            </a:pPr>
            <a:r>
              <a:rPr sz="800" b="1" u="sng" spc="-25" dirty="0">
                <a:uFill>
                  <a:solidFill>
                    <a:srgbClr val="000000"/>
                  </a:solidFill>
                </a:uFill>
                <a:latin typeface="Meiryo UI"/>
                <a:cs typeface="Meiryo UI"/>
              </a:rPr>
              <a:t>プロジェクト推進</a:t>
            </a:r>
            <a:endParaRPr sz="800">
              <a:latin typeface="Meiryo UI"/>
              <a:cs typeface="Meiryo UI"/>
            </a:endParaRPr>
          </a:p>
        </p:txBody>
      </p:sp>
      <p:grpSp>
        <p:nvGrpSpPr>
          <p:cNvPr id="84" name="object 84"/>
          <p:cNvGrpSpPr/>
          <p:nvPr/>
        </p:nvGrpSpPr>
        <p:grpSpPr>
          <a:xfrm>
            <a:off x="881884" y="4595859"/>
            <a:ext cx="864235" cy="201930"/>
            <a:chOff x="881884" y="4595859"/>
            <a:chExt cx="864235" cy="201930"/>
          </a:xfrm>
        </p:grpSpPr>
        <p:sp>
          <p:nvSpPr>
            <p:cNvPr id="85" name="object 85"/>
            <p:cNvSpPr/>
            <p:nvPr/>
          </p:nvSpPr>
          <p:spPr>
            <a:xfrm>
              <a:off x="890503" y="4604478"/>
              <a:ext cx="847090" cy="184785"/>
            </a:xfrm>
            <a:custGeom>
              <a:avLst/>
              <a:gdLst/>
              <a:ahLst/>
              <a:cxnLst/>
              <a:rect l="l" t="t" r="r" b="b"/>
              <a:pathLst>
                <a:path w="847089" h="184785">
                  <a:moveTo>
                    <a:pt x="846567" y="184547"/>
                  </a:moveTo>
                  <a:lnTo>
                    <a:pt x="0" y="184547"/>
                  </a:lnTo>
                  <a:lnTo>
                    <a:pt x="0" y="0"/>
                  </a:lnTo>
                  <a:lnTo>
                    <a:pt x="846567" y="0"/>
                  </a:lnTo>
                  <a:lnTo>
                    <a:pt x="846567" y="184547"/>
                  </a:lnTo>
                  <a:close/>
                </a:path>
              </a:pathLst>
            </a:custGeom>
            <a:solidFill>
              <a:srgbClr val="FFFFFF"/>
            </a:solidFill>
          </p:spPr>
          <p:txBody>
            <a:bodyPr wrap="square" lIns="0" tIns="0" rIns="0" bIns="0" rtlCol="0"/>
            <a:lstStyle/>
            <a:p>
              <a:endParaRPr/>
            </a:p>
          </p:txBody>
        </p:sp>
        <p:sp>
          <p:nvSpPr>
            <p:cNvPr id="86" name="object 86"/>
            <p:cNvSpPr/>
            <p:nvPr/>
          </p:nvSpPr>
          <p:spPr>
            <a:xfrm>
              <a:off x="890503" y="4604478"/>
              <a:ext cx="847090" cy="184785"/>
            </a:xfrm>
            <a:custGeom>
              <a:avLst/>
              <a:gdLst/>
              <a:ahLst/>
              <a:cxnLst/>
              <a:rect l="l" t="t" r="r" b="b"/>
              <a:pathLst>
                <a:path w="847089" h="184785">
                  <a:moveTo>
                    <a:pt x="0" y="0"/>
                  </a:moveTo>
                  <a:lnTo>
                    <a:pt x="846567" y="0"/>
                  </a:lnTo>
                  <a:lnTo>
                    <a:pt x="846567" y="184547"/>
                  </a:lnTo>
                  <a:lnTo>
                    <a:pt x="0" y="184547"/>
                  </a:lnTo>
                  <a:lnTo>
                    <a:pt x="0" y="0"/>
                  </a:lnTo>
                  <a:close/>
                </a:path>
              </a:pathLst>
            </a:custGeom>
            <a:ln w="17237">
              <a:solidFill>
                <a:srgbClr val="6F2F9F"/>
              </a:solidFill>
            </a:ln>
          </p:spPr>
          <p:txBody>
            <a:bodyPr wrap="square" lIns="0" tIns="0" rIns="0" bIns="0" rtlCol="0"/>
            <a:lstStyle/>
            <a:p>
              <a:endParaRPr/>
            </a:p>
          </p:txBody>
        </p:sp>
      </p:grpSp>
      <p:sp>
        <p:nvSpPr>
          <p:cNvPr id="87" name="object 87"/>
          <p:cNvSpPr txBox="1"/>
          <p:nvPr/>
        </p:nvSpPr>
        <p:spPr>
          <a:xfrm>
            <a:off x="899122" y="4613097"/>
            <a:ext cx="829944" cy="107950"/>
          </a:xfrm>
          <a:prstGeom prst="rect">
            <a:avLst/>
          </a:prstGeom>
          <a:solidFill>
            <a:srgbClr val="FFFFFF"/>
          </a:solidFill>
        </p:spPr>
        <p:txBody>
          <a:bodyPr vert="horz" wrap="square" lIns="0" tIns="20955" rIns="0" bIns="0" rtlCol="0">
            <a:spAutoFit/>
          </a:bodyPr>
          <a:lstStyle/>
          <a:p>
            <a:pPr marL="62865">
              <a:lnSpc>
                <a:spcPts val="680"/>
              </a:lnSpc>
              <a:spcBef>
                <a:spcPts val="165"/>
              </a:spcBef>
            </a:pPr>
            <a:r>
              <a:rPr sz="800" b="1" u="sng" spc="-25" dirty="0">
                <a:uFill>
                  <a:solidFill>
                    <a:srgbClr val="000000"/>
                  </a:solidFill>
                </a:uFill>
                <a:latin typeface="Meiryo UI"/>
                <a:cs typeface="Meiryo UI"/>
              </a:rPr>
              <a:t>政策の企画立案</a:t>
            </a:r>
            <a:endParaRPr sz="800">
              <a:latin typeface="Meiryo UI"/>
              <a:cs typeface="Meiryo UI"/>
            </a:endParaRPr>
          </a:p>
        </p:txBody>
      </p:sp>
      <p:sp>
        <p:nvSpPr>
          <p:cNvPr id="88" name="object 88"/>
          <p:cNvSpPr txBox="1"/>
          <p:nvPr/>
        </p:nvSpPr>
        <p:spPr>
          <a:xfrm>
            <a:off x="890503" y="3571220"/>
            <a:ext cx="847090" cy="184785"/>
          </a:xfrm>
          <a:prstGeom prst="rect">
            <a:avLst/>
          </a:prstGeom>
          <a:solidFill>
            <a:srgbClr val="FFFFFF"/>
          </a:solidFill>
          <a:ln w="17237">
            <a:solidFill>
              <a:srgbClr val="000000"/>
            </a:solidFill>
          </a:ln>
        </p:spPr>
        <p:txBody>
          <a:bodyPr vert="horz" wrap="square" lIns="0" tIns="29845" rIns="0" bIns="0" rtlCol="0">
            <a:spAutoFit/>
          </a:bodyPr>
          <a:lstStyle/>
          <a:p>
            <a:pPr marL="219710">
              <a:lnSpc>
                <a:spcPct val="100000"/>
              </a:lnSpc>
              <a:spcBef>
                <a:spcPts val="235"/>
              </a:spcBef>
            </a:pPr>
            <a:r>
              <a:rPr sz="800" b="1" u="sng" spc="-20" dirty="0">
                <a:uFill>
                  <a:solidFill>
                    <a:srgbClr val="000000"/>
                  </a:solidFill>
                </a:uFill>
                <a:latin typeface="Meiryo UI"/>
                <a:cs typeface="Meiryo UI"/>
              </a:rPr>
              <a:t>政府方針</a:t>
            </a:r>
            <a:endParaRPr sz="800">
              <a:latin typeface="Meiryo UI"/>
              <a:cs typeface="Meiryo UI"/>
            </a:endParaRPr>
          </a:p>
        </p:txBody>
      </p:sp>
      <p:sp>
        <p:nvSpPr>
          <p:cNvPr id="89" name="object 89"/>
          <p:cNvSpPr txBox="1"/>
          <p:nvPr/>
        </p:nvSpPr>
        <p:spPr>
          <a:xfrm>
            <a:off x="8886128" y="6359854"/>
            <a:ext cx="176530" cy="299720"/>
          </a:xfrm>
          <a:prstGeom prst="rect">
            <a:avLst/>
          </a:prstGeom>
        </p:spPr>
        <p:txBody>
          <a:bodyPr vert="horz" wrap="square" lIns="0" tIns="12700" rIns="0" bIns="0" rtlCol="0">
            <a:spAutoFit/>
          </a:bodyPr>
          <a:lstStyle/>
          <a:p>
            <a:pPr marL="12700">
              <a:lnSpc>
                <a:spcPct val="100000"/>
              </a:lnSpc>
              <a:spcBef>
                <a:spcPts val="100"/>
              </a:spcBef>
            </a:pPr>
            <a:r>
              <a:rPr sz="1800" b="1" spc="-50" dirty="0">
                <a:latin typeface="HGPｺﾞｼｯｸM"/>
                <a:cs typeface="HGPｺﾞｼｯｸM"/>
              </a:rPr>
              <a:t>２</a:t>
            </a:r>
            <a:endParaRPr sz="1800">
              <a:latin typeface="HGPｺﾞｼｯｸM"/>
              <a:cs typeface="HGPｺﾞｼｯｸM"/>
            </a:endParaRPr>
          </a:p>
        </p:txBody>
      </p:sp>
    </p:spTree>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0" y="0"/>
            <a:ext cx="9144000" cy="589915"/>
            <a:chOff x="0" y="0"/>
            <a:chExt cx="9144000" cy="589915"/>
          </a:xfrm>
        </p:grpSpPr>
        <p:pic>
          <p:nvPicPr>
            <p:cNvPr id="3" name="object 3"/>
            <p:cNvPicPr/>
            <p:nvPr/>
          </p:nvPicPr>
          <p:blipFill>
            <a:blip r:embed="rId2" cstate="print"/>
            <a:stretch>
              <a:fillRect/>
            </a:stretch>
          </p:blipFill>
          <p:spPr>
            <a:xfrm>
              <a:off x="0" y="0"/>
              <a:ext cx="9144000" cy="589788"/>
            </a:xfrm>
            <a:prstGeom prst="rect">
              <a:avLst/>
            </a:prstGeom>
          </p:spPr>
        </p:pic>
        <p:pic>
          <p:nvPicPr>
            <p:cNvPr id="4" name="object 4"/>
            <p:cNvPicPr/>
            <p:nvPr/>
          </p:nvPicPr>
          <p:blipFill>
            <a:blip r:embed="rId3" cstate="print"/>
            <a:stretch>
              <a:fillRect/>
            </a:stretch>
          </p:blipFill>
          <p:spPr>
            <a:xfrm>
              <a:off x="210591" y="146329"/>
              <a:ext cx="6043176" cy="346202"/>
            </a:xfrm>
            <a:prstGeom prst="rect">
              <a:avLst/>
            </a:prstGeom>
          </p:spPr>
        </p:pic>
        <p:sp>
          <p:nvSpPr>
            <p:cNvPr id="5" name="object 5"/>
            <p:cNvSpPr/>
            <p:nvPr/>
          </p:nvSpPr>
          <p:spPr>
            <a:xfrm>
              <a:off x="6324227" y="155063"/>
              <a:ext cx="112395" cy="333375"/>
            </a:xfrm>
            <a:custGeom>
              <a:avLst/>
              <a:gdLst/>
              <a:ahLst/>
              <a:cxnLst/>
              <a:rect l="l" t="t" r="r" b="b"/>
              <a:pathLst>
                <a:path w="112395" h="333375">
                  <a:moveTo>
                    <a:pt x="20802" y="0"/>
                  </a:moveTo>
                  <a:lnTo>
                    <a:pt x="0" y="26352"/>
                  </a:lnTo>
                  <a:lnTo>
                    <a:pt x="18895" y="40485"/>
                  </a:lnTo>
                  <a:lnTo>
                    <a:pt x="35364" y="56522"/>
                  </a:lnTo>
                  <a:lnTo>
                    <a:pt x="61023" y="94322"/>
                  </a:lnTo>
                  <a:lnTo>
                    <a:pt x="74901" y="135239"/>
                  </a:lnTo>
                  <a:lnTo>
                    <a:pt x="77675" y="156219"/>
                  </a:lnTo>
                  <a:lnTo>
                    <a:pt x="77673" y="177546"/>
                  </a:lnTo>
                  <a:lnTo>
                    <a:pt x="65450" y="230861"/>
                  </a:lnTo>
                  <a:lnTo>
                    <a:pt x="46030" y="265536"/>
                  </a:lnTo>
                  <a:lnTo>
                    <a:pt x="17597" y="295364"/>
                  </a:lnTo>
                  <a:lnTo>
                    <a:pt x="0" y="307936"/>
                  </a:lnTo>
                  <a:lnTo>
                    <a:pt x="20802" y="332905"/>
                  </a:lnTo>
                  <a:lnTo>
                    <a:pt x="57902" y="302034"/>
                  </a:lnTo>
                  <a:lnTo>
                    <a:pt x="85991" y="264934"/>
                  </a:lnTo>
                  <a:lnTo>
                    <a:pt x="105759" y="215344"/>
                  </a:lnTo>
                  <a:lnTo>
                    <a:pt x="112344" y="163677"/>
                  </a:lnTo>
                  <a:lnTo>
                    <a:pt x="110872" y="140876"/>
                  </a:lnTo>
                  <a:lnTo>
                    <a:pt x="99088" y="95799"/>
                  </a:lnTo>
                  <a:lnTo>
                    <a:pt x="75680" y="52279"/>
                  </a:lnTo>
                  <a:lnTo>
                    <a:pt x="41695" y="15518"/>
                  </a:lnTo>
                  <a:lnTo>
                    <a:pt x="20802" y="0"/>
                  </a:lnTo>
                  <a:close/>
                </a:path>
              </a:pathLst>
            </a:custGeom>
            <a:solidFill>
              <a:srgbClr val="404040"/>
            </a:solidFill>
          </p:spPr>
          <p:txBody>
            <a:bodyPr wrap="square" lIns="0" tIns="0" rIns="0" bIns="0" rtlCol="0"/>
            <a:lstStyle/>
            <a:p>
              <a:endParaRPr/>
            </a:p>
          </p:txBody>
        </p:sp>
        <p:sp>
          <p:nvSpPr>
            <p:cNvPr id="6" name="object 6"/>
            <p:cNvSpPr/>
            <p:nvPr/>
          </p:nvSpPr>
          <p:spPr>
            <a:xfrm>
              <a:off x="6324227" y="155063"/>
              <a:ext cx="112395" cy="333375"/>
            </a:xfrm>
            <a:custGeom>
              <a:avLst/>
              <a:gdLst/>
              <a:ahLst/>
              <a:cxnLst/>
              <a:rect l="l" t="t" r="r" b="b"/>
              <a:pathLst>
                <a:path w="112395" h="333375">
                  <a:moveTo>
                    <a:pt x="20802" y="0"/>
                  </a:moveTo>
                  <a:lnTo>
                    <a:pt x="59988" y="32945"/>
                  </a:lnTo>
                  <a:lnTo>
                    <a:pt x="88772" y="73520"/>
                  </a:lnTo>
                  <a:lnTo>
                    <a:pt x="106454" y="118251"/>
                  </a:lnTo>
                  <a:lnTo>
                    <a:pt x="112344" y="163677"/>
                  </a:lnTo>
                  <a:lnTo>
                    <a:pt x="110698" y="189771"/>
                  </a:lnTo>
                  <a:lnTo>
                    <a:pt x="97524" y="240397"/>
                  </a:lnTo>
                  <a:lnTo>
                    <a:pt x="73073" y="284263"/>
                  </a:lnTo>
                  <a:lnTo>
                    <a:pt x="40478" y="318248"/>
                  </a:lnTo>
                  <a:lnTo>
                    <a:pt x="20802" y="332905"/>
                  </a:lnTo>
                  <a:lnTo>
                    <a:pt x="0" y="307936"/>
                  </a:lnTo>
                  <a:lnTo>
                    <a:pt x="17597" y="295364"/>
                  </a:lnTo>
                  <a:lnTo>
                    <a:pt x="32940" y="281230"/>
                  </a:lnTo>
                  <a:lnTo>
                    <a:pt x="56870" y="248285"/>
                  </a:lnTo>
                  <a:lnTo>
                    <a:pt x="75851" y="195490"/>
                  </a:lnTo>
                  <a:lnTo>
                    <a:pt x="77675" y="156219"/>
                  </a:lnTo>
                  <a:lnTo>
                    <a:pt x="74901" y="135239"/>
                  </a:lnTo>
                  <a:lnTo>
                    <a:pt x="61023" y="94322"/>
                  </a:lnTo>
                  <a:lnTo>
                    <a:pt x="35364" y="56522"/>
                  </a:lnTo>
                  <a:lnTo>
                    <a:pt x="0" y="26352"/>
                  </a:lnTo>
                  <a:lnTo>
                    <a:pt x="20802" y="0"/>
                  </a:lnTo>
                  <a:close/>
                </a:path>
              </a:pathLst>
            </a:custGeom>
            <a:ln w="9144">
              <a:solidFill>
                <a:srgbClr val="FFFFFF"/>
              </a:solidFill>
            </a:ln>
          </p:spPr>
          <p:txBody>
            <a:bodyPr wrap="square" lIns="0" tIns="0" rIns="0" bIns="0" rtlCol="0"/>
            <a:lstStyle/>
            <a:p>
              <a:endParaRPr/>
            </a:p>
          </p:txBody>
        </p:sp>
        <p:pic>
          <p:nvPicPr>
            <p:cNvPr id="7" name="object 7"/>
            <p:cNvPicPr/>
            <p:nvPr/>
          </p:nvPicPr>
          <p:blipFill>
            <a:blip r:embed="rId4" cstate="print"/>
            <a:stretch>
              <a:fillRect/>
            </a:stretch>
          </p:blipFill>
          <p:spPr>
            <a:xfrm>
              <a:off x="6695269" y="151876"/>
              <a:ext cx="2244752" cy="336499"/>
            </a:xfrm>
            <a:prstGeom prst="rect">
              <a:avLst/>
            </a:prstGeom>
          </p:spPr>
        </p:pic>
      </p:grpSp>
      <p:sp>
        <p:nvSpPr>
          <p:cNvPr id="8" name="object 8"/>
          <p:cNvSpPr txBox="1"/>
          <p:nvPr/>
        </p:nvSpPr>
        <p:spPr>
          <a:xfrm>
            <a:off x="8886128" y="6347361"/>
            <a:ext cx="176530" cy="299720"/>
          </a:xfrm>
          <a:prstGeom prst="rect">
            <a:avLst/>
          </a:prstGeom>
        </p:spPr>
        <p:txBody>
          <a:bodyPr vert="horz" wrap="square" lIns="0" tIns="12700" rIns="0" bIns="0" rtlCol="0">
            <a:spAutoFit/>
          </a:bodyPr>
          <a:lstStyle/>
          <a:p>
            <a:pPr marL="12700">
              <a:lnSpc>
                <a:spcPct val="100000"/>
              </a:lnSpc>
              <a:spcBef>
                <a:spcPts val="100"/>
              </a:spcBef>
            </a:pPr>
            <a:r>
              <a:rPr sz="1800" b="1" spc="-50" dirty="0">
                <a:latin typeface="HGPｺﾞｼｯｸM"/>
                <a:cs typeface="HGPｺﾞｼｯｸM"/>
              </a:rPr>
              <a:t>３</a:t>
            </a:r>
            <a:endParaRPr sz="1800">
              <a:latin typeface="HGPｺﾞｼｯｸM"/>
              <a:cs typeface="HGPｺﾞｼｯｸM"/>
            </a:endParaRPr>
          </a:p>
        </p:txBody>
      </p:sp>
      <p:sp>
        <p:nvSpPr>
          <p:cNvPr id="9" name="object 9"/>
          <p:cNvSpPr/>
          <p:nvPr/>
        </p:nvSpPr>
        <p:spPr>
          <a:xfrm>
            <a:off x="216408" y="998216"/>
            <a:ext cx="2152015" cy="5119370"/>
          </a:xfrm>
          <a:custGeom>
            <a:avLst/>
            <a:gdLst/>
            <a:ahLst/>
            <a:cxnLst/>
            <a:rect l="l" t="t" r="r" b="b"/>
            <a:pathLst>
              <a:path w="2152015" h="5119370">
                <a:moveTo>
                  <a:pt x="0" y="358660"/>
                </a:moveTo>
                <a:lnTo>
                  <a:pt x="3274" y="309992"/>
                </a:lnTo>
                <a:lnTo>
                  <a:pt x="12811" y="263314"/>
                </a:lnTo>
                <a:lnTo>
                  <a:pt x="28185" y="219054"/>
                </a:lnTo>
                <a:lnTo>
                  <a:pt x="48967" y="177638"/>
                </a:lnTo>
                <a:lnTo>
                  <a:pt x="74731" y="139494"/>
                </a:lnTo>
                <a:lnTo>
                  <a:pt x="105049" y="105049"/>
                </a:lnTo>
                <a:lnTo>
                  <a:pt x="139494" y="74731"/>
                </a:lnTo>
                <a:lnTo>
                  <a:pt x="177638" y="48967"/>
                </a:lnTo>
                <a:lnTo>
                  <a:pt x="219054" y="28185"/>
                </a:lnTo>
                <a:lnTo>
                  <a:pt x="263314" y="12811"/>
                </a:lnTo>
                <a:lnTo>
                  <a:pt x="309992" y="3274"/>
                </a:lnTo>
                <a:lnTo>
                  <a:pt x="358660" y="0"/>
                </a:lnTo>
                <a:lnTo>
                  <a:pt x="1793227" y="0"/>
                </a:lnTo>
                <a:lnTo>
                  <a:pt x="1841895" y="3274"/>
                </a:lnTo>
                <a:lnTo>
                  <a:pt x="1888573" y="12811"/>
                </a:lnTo>
                <a:lnTo>
                  <a:pt x="1932833" y="28185"/>
                </a:lnTo>
                <a:lnTo>
                  <a:pt x="1974249" y="48967"/>
                </a:lnTo>
                <a:lnTo>
                  <a:pt x="2012393" y="74731"/>
                </a:lnTo>
                <a:lnTo>
                  <a:pt x="2046838" y="105049"/>
                </a:lnTo>
                <a:lnTo>
                  <a:pt x="2077156" y="139494"/>
                </a:lnTo>
                <a:lnTo>
                  <a:pt x="2102920" y="177638"/>
                </a:lnTo>
                <a:lnTo>
                  <a:pt x="2123702" y="219054"/>
                </a:lnTo>
                <a:lnTo>
                  <a:pt x="2139076" y="263314"/>
                </a:lnTo>
                <a:lnTo>
                  <a:pt x="2148613" y="309992"/>
                </a:lnTo>
                <a:lnTo>
                  <a:pt x="2151888" y="358660"/>
                </a:lnTo>
                <a:lnTo>
                  <a:pt x="2151888" y="4760468"/>
                </a:lnTo>
                <a:lnTo>
                  <a:pt x="2148613" y="4809133"/>
                </a:lnTo>
                <a:lnTo>
                  <a:pt x="2139076" y="4855808"/>
                </a:lnTo>
                <a:lnTo>
                  <a:pt x="2123702" y="4900067"/>
                </a:lnTo>
                <a:lnTo>
                  <a:pt x="2102920" y="4941481"/>
                </a:lnTo>
                <a:lnTo>
                  <a:pt x="2077156" y="4979624"/>
                </a:lnTo>
                <a:lnTo>
                  <a:pt x="2046838" y="5014067"/>
                </a:lnTo>
                <a:lnTo>
                  <a:pt x="2012393" y="5044385"/>
                </a:lnTo>
                <a:lnTo>
                  <a:pt x="1974249" y="5070148"/>
                </a:lnTo>
                <a:lnTo>
                  <a:pt x="1932833" y="5090930"/>
                </a:lnTo>
                <a:lnTo>
                  <a:pt x="1888573" y="5106304"/>
                </a:lnTo>
                <a:lnTo>
                  <a:pt x="1841895" y="5115841"/>
                </a:lnTo>
                <a:lnTo>
                  <a:pt x="1793227" y="5119116"/>
                </a:lnTo>
                <a:lnTo>
                  <a:pt x="358660" y="5119116"/>
                </a:lnTo>
                <a:lnTo>
                  <a:pt x="309992" y="5115841"/>
                </a:lnTo>
                <a:lnTo>
                  <a:pt x="263314" y="5106304"/>
                </a:lnTo>
                <a:lnTo>
                  <a:pt x="219054" y="5090930"/>
                </a:lnTo>
                <a:lnTo>
                  <a:pt x="177638" y="5070148"/>
                </a:lnTo>
                <a:lnTo>
                  <a:pt x="139494" y="5044385"/>
                </a:lnTo>
                <a:lnTo>
                  <a:pt x="105049" y="5014067"/>
                </a:lnTo>
                <a:lnTo>
                  <a:pt x="74731" y="4979624"/>
                </a:lnTo>
                <a:lnTo>
                  <a:pt x="48967" y="4941481"/>
                </a:lnTo>
                <a:lnTo>
                  <a:pt x="28185" y="4900067"/>
                </a:lnTo>
                <a:lnTo>
                  <a:pt x="12811" y="4855808"/>
                </a:lnTo>
                <a:lnTo>
                  <a:pt x="3274" y="4809133"/>
                </a:lnTo>
                <a:lnTo>
                  <a:pt x="0" y="4760468"/>
                </a:lnTo>
                <a:lnTo>
                  <a:pt x="0" y="358660"/>
                </a:lnTo>
                <a:close/>
              </a:path>
            </a:pathLst>
          </a:custGeom>
          <a:ln w="3175">
            <a:solidFill>
              <a:srgbClr val="000000"/>
            </a:solidFill>
          </a:ln>
        </p:spPr>
        <p:txBody>
          <a:bodyPr wrap="square" lIns="0" tIns="0" rIns="0" bIns="0" rtlCol="0"/>
          <a:lstStyle/>
          <a:p>
            <a:endParaRPr/>
          </a:p>
        </p:txBody>
      </p:sp>
      <p:sp>
        <p:nvSpPr>
          <p:cNvPr id="10" name="object 10"/>
          <p:cNvSpPr txBox="1"/>
          <p:nvPr/>
        </p:nvSpPr>
        <p:spPr>
          <a:xfrm>
            <a:off x="400705" y="2234968"/>
            <a:ext cx="1762125" cy="1641475"/>
          </a:xfrm>
          <a:prstGeom prst="rect">
            <a:avLst/>
          </a:prstGeom>
        </p:spPr>
        <p:txBody>
          <a:bodyPr vert="horz" wrap="square" lIns="0" tIns="12700" rIns="0" bIns="0" rtlCol="0">
            <a:spAutoFit/>
          </a:bodyPr>
          <a:lstStyle/>
          <a:p>
            <a:pPr marL="12700" marR="272415">
              <a:lnSpc>
                <a:spcPct val="115599"/>
              </a:lnSpc>
              <a:spcBef>
                <a:spcPts val="100"/>
              </a:spcBef>
            </a:pPr>
            <a:r>
              <a:rPr sz="1600" spc="-25" dirty="0">
                <a:latin typeface="Meiryo UI"/>
                <a:cs typeface="Meiryo UI"/>
              </a:rPr>
              <a:t>課題数：</a:t>
            </a:r>
            <a:r>
              <a:rPr sz="1600" spc="-20" dirty="0">
                <a:latin typeface="Meiryo UI"/>
                <a:cs typeface="Meiryo UI"/>
              </a:rPr>
              <a:t>11</a:t>
            </a:r>
            <a:r>
              <a:rPr sz="1600" spc="-40" dirty="0">
                <a:latin typeface="Meiryo UI"/>
                <a:cs typeface="Meiryo UI"/>
              </a:rPr>
              <a:t>課題</a:t>
            </a:r>
            <a:r>
              <a:rPr sz="1600" spc="-35" dirty="0">
                <a:latin typeface="Meiryo UI"/>
                <a:cs typeface="Meiryo UI"/>
              </a:rPr>
              <a:t>特徴：</a:t>
            </a:r>
            <a:endParaRPr sz="1600">
              <a:latin typeface="Meiryo UI"/>
              <a:cs typeface="Meiryo UI"/>
            </a:endParaRPr>
          </a:p>
          <a:p>
            <a:pPr marL="298450" indent="-285750">
              <a:lnSpc>
                <a:spcPct val="100000"/>
              </a:lnSpc>
              <a:spcBef>
                <a:spcPts val="300"/>
              </a:spcBef>
              <a:buFont typeface="Wingdings"/>
              <a:buChar char=""/>
              <a:tabLst>
                <a:tab pos="298450" algn="l"/>
              </a:tabLst>
            </a:pPr>
            <a:r>
              <a:rPr sz="1600" spc="-20" dirty="0">
                <a:latin typeface="Meiryo UI"/>
                <a:cs typeface="Meiryo UI"/>
              </a:rPr>
              <a:t>SIP</a:t>
            </a:r>
            <a:r>
              <a:rPr sz="1600" spc="-30" dirty="0">
                <a:latin typeface="Meiryo UI"/>
                <a:cs typeface="Meiryo UI"/>
              </a:rPr>
              <a:t>の創設・開始</a:t>
            </a:r>
            <a:endParaRPr sz="1600">
              <a:latin typeface="Meiryo UI"/>
              <a:cs typeface="Meiryo UI"/>
            </a:endParaRPr>
          </a:p>
          <a:p>
            <a:pPr marL="297815" marR="5080" indent="-285750">
              <a:lnSpc>
                <a:spcPct val="100000"/>
              </a:lnSpc>
              <a:spcBef>
                <a:spcPts val="300"/>
              </a:spcBef>
              <a:buFont typeface="Wingdings"/>
              <a:buChar char=""/>
              <a:tabLst>
                <a:tab pos="299085" algn="l"/>
              </a:tabLst>
            </a:pPr>
            <a:r>
              <a:rPr sz="1600" spc="-30" dirty="0">
                <a:latin typeface="Meiryo UI"/>
                <a:cs typeface="Meiryo UI"/>
              </a:rPr>
              <a:t>プログラムディレク</a:t>
            </a:r>
            <a:r>
              <a:rPr sz="1600" spc="-20" dirty="0">
                <a:latin typeface="Meiryo UI"/>
                <a:cs typeface="Meiryo UI"/>
              </a:rPr>
              <a:t>タ	ー（PD）</a:t>
            </a:r>
            <a:r>
              <a:rPr sz="1600" spc="-35" dirty="0">
                <a:latin typeface="Meiryo UI"/>
                <a:cs typeface="Meiryo UI"/>
              </a:rPr>
              <a:t>による</a:t>
            </a:r>
            <a:r>
              <a:rPr sz="1600" spc="-30" dirty="0">
                <a:latin typeface="Meiryo UI"/>
                <a:cs typeface="Meiryo UI"/>
              </a:rPr>
              <a:t>マ	ネジメント体制</a:t>
            </a:r>
            <a:endParaRPr sz="1600">
              <a:latin typeface="Meiryo UI"/>
              <a:cs typeface="Meiryo UI"/>
            </a:endParaRPr>
          </a:p>
        </p:txBody>
      </p:sp>
      <p:sp>
        <p:nvSpPr>
          <p:cNvPr id="11" name="object 11"/>
          <p:cNvSpPr/>
          <p:nvPr/>
        </p:nvSpPr>
        <p:spPr>
          <a:xfrm>
            <a:off x="2776727" y="998213"/>
            <a:ext cx="2092960" cy="5122545"/>
          </a:xfrm>
          <a:custGeom>
            <a:avLst/>
            <a:gdLst/>
            <a:ahLst/>
            <a:cxnLst/>
            <a:rect l="l" t="t" r="r" b="b"/>
            <a:pathLst>
              <a:path w="2092960" h="5122545">
                <a:moveTo>
                  <a:pt x="0" y="348754"/>
                </a:moveTo>
                <a:lnTo>
                  <a:pt x="3183" y="301431"/>
                </a:lnTo>
                <a:lnTo>
                  <a:pt x="12458" y="256043"/>
                </a:lnTo>
                <a:lnTo>
                  <a:pt x="27407" y="213005"/>
                </a:lnTo>
                <a:lnTo>
                  <a:pt x="47616" y="172733"/>
                </a:lnTo>
                <a:lnTo>
                  <a:pt x="72668" y="135642"/>
                </a:lnTo>
                <a:lnTo>
                  <a:pt x="102149" y="102149"/>
                </a:lnTo>
                <a:lnTo>
                  <a:pt x="135642" y="72668"/>
                </a:lnTo>
                <a:lnTo>
                  <a:pt x="172733" y="47616"/>
                </a:lnTo>
                <a:lnTo>
                  <a:pt x="213005" y="27407"/>
                </a:lnTo>
                <a:lnTo>
                  <a:pt x="256043" y="12458"/>
                </a:lnTo>
                <a:lnTo>
                  <a:pt x="301431" y="3183"/>
                </a:lnTo>
                <a:lnTo>
                  <a:pt x="348754" y="0"/>
                </a:lnTo>
                <a:lnTo>
                  <a:pt x="1743697" y="0"/>
                </a:lnTo>
                <a:lnTo>
                  <a:pt x="1791020" y="3183"/>
                </a:lnTo>
                <a:lnTo>
                  <a:pt x="1836408" y="12458"/>
                </a:lnTo>
                <a:lnTo>
                  <a:pt x="1879446" y="27407"/>
                </a:lnTo>
                <a:lnTo>
                  <a:pt x="1919718" y="47616"/>
                </a:lnTo>
                <a:lnTo>
                  <a:pt x="1956809" y="72668"/>
                </a:lnTo>
                <a:lnTo>
                  <a:pt x="1990302" y="102149"/>
                </a:lnTo>
                <a:lnTo>
                  <a:pt x="2019783" y="135642"/>
                </a:lnTo>
                <a:lnTo>
                  <a:pt x="2044835" y="172733"/>
                </a:lnTo>
                <a:lnTo>
                  <a:pt x="2065044" y="213005"/>
                </a:lnTo>
                <a:lnTo>
                  <a:pt x="2079993" y="256043"/>
                </a:lnTo>
                <a:lnTo>
                  <a:pt x="2089268" y="301431"/>
                </a:lnTo>
                <a:lnTo>
                  <a:pt x="2092452" y="348754"/>
                </a:lnTo>
                <a:lnTo>
                  <a:pt x="2092452" y="4773422"/>
                </a:lnTo>
                <a:lnTo>
                  <a:pt x="2089268" y="4820744"/>
                </a:lnTo>
                <a:lnTo>
                  <a:pt x="2079993" y="4866132"/>
                </a:lnTo>
                <a:lnTo>
                  <a:pt x="2065044" y="4909169"/>
                </a:lnTo>
                <a:lnTo>
                  <a:pt x="2044835" y="4949440"/>
                </a:lnTo>
                <a:lnTo>
                  <a:pt x="2019783" y="4986529"/>
                </a:lnTo>
                <a:lnTo>
                  <a:pt x="1990302" y="5020021"/>
                </a:lnTo>
                <a:lnTo>
                  <a:pt x="1956809" y="5049500"/>
                </a:lnTo>
                <a:lnTo>
                  <a:pt x="1919718" y="5074551"/>
                </a:lnTo>
                <a:lnTo>
                  <a:pt x="1879446" y="5094758"/>
                </a:lnTo>
                <a:lnTo>
                  <a:pt x="1836408" y="5109706"/>
                </a:lnTo>
                <a:lnTo>
                  <a:pt x="1791020" y="5118980"/>
                </a:lnTo>
                <a:lnTo>
                  <a:pt x="1743697" y="5122164"/>
                </a:lnTo>
                <a:lnTo>
                  <a:pt x="348754" y="5122164"/>
                </a:lnTo>
                <a:lnTo>
                  <a:pt x="301431" y="5118980"/>
                </a:lnTo>
                <a:lnTo>
                  <a:pt x="256043" y="5109706"/>
                </a:lnTo>
                <a:lnTo>
                  <a:pt x="213005" y="5094758"/>
                </a:lnTo>
                <a:lnTo>
                  <a:pt x="172733" y="5074551"/>
                </a:lnTo>
                <a:lnTo>
                  <a:pt x="135642" y="5049500"/>
                </a:lnTo>
                <a:lnTo>
                  <a:pt x="102149" y="5020021"/>
                </a:lnTo>
                <a:lnTo>
                  <a:pt x="72668" y="4986529"/>
                </a:lnTo>
                <a:lnTo>
                  <a:pt x="47616" y="4949440"/>
                </a:lnTo>
                <a:lnTo>
                  <a:pt x="27407" y="4909169"/>
                </a:lnTo>
                <a:lnTo>
                  <a:pt x="12458" y="4866132"/>
                </a:lnTo>
                <a:lnTo>
                  <a:pt x="3183" y="4820744"/>
                </a:lnTo>
                <a:lnTo>
                  <a:pt x="0" y="4773422"/>
                </a:lnTo>
                <a:lnTo>
                  <a:pt x="0" y="348754"/>
                </a:lnTo>
                <a:close/>
              </a:path>
            </a:pathLst>
          </a:custGeom>
          <a:ln w="3175">
            <a:solidFill>
              <a:srgbClr val="000000"/>
            </a:solidFill>
          </a:ln>
        </p:spPr>
        <p:txBody>
          <a:bodyPr wrap="square" lIns="0" tIns="0" rIns="0" bIns="0" rtlCol="0"/>
          <a:lstStyle/>
          <a:p>
            <a:endParaRPr/>
          </a:p>
        </p:txBody>
      </p:sp>
      <p:sp>
        <p:nvSpPr>
          <p:cNvPr id="12" name="object 12"/>
          <p:cNvSpPr txBox="1"/>
          <p:nvPr/>
        </p:nvSpPr>
        <p:spPr>
          <a:xfrm>
            <a:off x="2958131" y="2232089"/>
            <a:ext cx="1671320" cy="2129155"/>
          </a:xfrm>
          <a:prstGeom prst="rect">
            <a:avLst/>
          </a:prstGeom>
        </p:spPr>
        <p:txBody>
          <a:bodyPr vert="horz" wrap="square" lIns="0" tIns="12700" rIns="0" bIns="0" rtlCol="0">
            <a:spAutoFit/>
          </a:bodyPr>
          <a:lstStyle/>
          <a:p>
            <a:pPr marL="12700" marR="180975">
              <a:lnSpc>
                <a:spcPct val="115599"/>
              </a:lnSpc>
              <a:spcBef>
                <a:spcPts val="100"/>
              </a:spcBef>
            </a:pPr>
            <a:r>
              <a:rPr sz="1600" spc="-25" dirty="0">
                <a:latin typeface="Meiryo UI"/>
                <a:cs typeface="Meiryo UI"/>
              </a:rPr>
              <a:t>課題数：</a:t>
            </a:r>
            <a:r>
              <a:rPr sz="1600" spc="-20" dirty="0">
                <a:latin typeface="Meiryo UI"/>
                <a:cs typeface="Meiryo UI"/>
              </a:rPr>
              <a:t>12</a:t>
            </a:r>
            <a:r>
              <a:rPr sz="1600" spc="-40" dirty="0">
                <a:latin typeface="Meiryo UI"/>
                <a:cs typeface="Meiryo UI"/>
              </a:rPr>
              <a:t>課題</a:t>
            </a:r>
            <a:r>
              <a:rPr sz="1600" spc="-35" dirty="0">
                <a:latin typeface="Meiryo UI"/>
                <a:cs typeface="Meiryo UI"/>
              </a:rPr>
              <a:t>特徴：</a:t>
            </a:r>
            <a:endParaRPr sz="1600">
              <a:latin typeface="Meiryo UI"/>
              <a:cs typeface="Meiryo UI"/>
            </a:endParaRPr>
          </a:p>
          <a:p>
            <a:pPr marL="297815" marR="5080" indent="-285750" algn="just">
              <a:lnSpc>
                <a:spcPct val="100000"/>
              </a:lnSpc>
              <a:spcBef>
                <a:spcPts val="300"/>
              </a:spcBef>
              <a:buFont typeface="Wingdings"/>
              <a:buChar char=""/>
              <a:tabLst>
                <a:tab pos="299085" algn="l"/>
              </a:tabLst>
            </a:pPr>
            <a:r>
              <a:rPr sz="1600" spc="-35" dirty="0">
                <a:latin typeface="Meiryo UI"/>
                <a:cs typeface="Meiryo UI"/>
              </a:rPr>
              <a:t>プログラム統括の	</a:t>
            </a:r>
            <a:r>
              <a:rPr sz="1600" spc="-30" dirty="0">
                <a:latin typeface="Meiryo UI"/>
                <a:cs typeface="Meiryo UI"/>
              </a:rPr>
              <a:t>設置によるマネジ	メント体制強化</a:t>
            </a:r>
            <a:endParaRPr sz="1600">
              <a:latin typeface="Meiryo UI"/>
              <a:cs typeface="Meiryo UI"/>
            </a:endParaRPr>
          </a:p>
          <a:p>
            <a:pPr marL="297815" marR="75565" indent="-285750" algn="just">
              <a:lnSpc>
                <a:spcPct val="100000"/>
              </a:lnSpc>
              <a:spcBef>
                <a:spcPts val="300"/>
              </a:spcBef>
              <a:buFont typeface="Wingdings"/>
              <a:buChar char=""/>
              <a:tabLst>
                <a:tab pos="299085" algn="l"/>
              </a:tabLst>
            </a:pPr>
            <a:r>
              <a:rPr sz="1600" spc="-30" dirty="0">
                <a:latin typeface="Meiryo UI"/>
                <a:cs typeface="Meiryo UI"/>
              </a:rPr>
              <a:t>ステージゲート、	マッチングファンド	方式の導入</a:t>
            </a:r>
            <a:endParaRPr sz="1600">
              <a:latin typeface="Meiryo UI"/>
              <a:cs typeface="Meiryo UI"/>
            </a:endParaRPr>
          </a:p>
        </p:txBody>
      </p:sp>
      <p:sp>
        <p:nvSpPr>
          <p:cNvPr id="13" name="object 13"/>
          <p:cNvSpPr/>
          <p:nvPr/>
        </p:nvSpPr>
        <p:spPr>
          <a:xfrm>
            <a:off x="5291328" y="998214"/>
            <a:ext cx="3691254" cy="5122545"/>
          </a:xfrm>
          <a:custGeom>
            <a:avLst/>
            <a:gdLst/>
            <a:ahLst/>
            <a:cxnLst/>
            <a:rect l="l" t="t" r="r" b="b"/>
            <a:pathLst>
              <a:path w="3691254" h="5122545">
                <a:moveTo>
                  <a:pt x="0" y="413816"/>
                </a:moveTo>
                <a:lnTo>
                  <a:pt x="2783" y="365558"/>
                </a:lnTo>
                <a:lnTo>
                  <a:pt x="10928" y="318934"/>
                </a:lnTo>
                <a:lnTo>
                  <a:pt x="24124" y="274256"/>
                </a:lnTo>
                <a:lnTo>
                  <a:pt x="42060" y="231834"/>
                </a:lnTo>
                <a:lnTo>
                  <a:pt x="64425" y="191978"/>
                </a:lnTo>
                <a:lnTo>
                  <a:pt x="90909" y="154998"/>
                </a:lnTo>
                <a:lnTo>
                  <a:pt x="121202" y="121207"/>
                </a:lnTo>
                <a:lnTo>
                  <a:pt x="154993" y="90913"/>
                </a:lnTo>
                <a:lnTo>
                  <a:pt x="191972" y="64428"/>
                </a:lnTo>
                <a:lnTo>
                  <a:pt x="231828" y="42062"/>
                </a:lnTo>
                <a:lnTo>
                  <a:pt x="274251" y="24125"/>
                </a:lnTo>
                <a:lnTo>
                  <a:pt x="318930" y="10929"/>
                </a:lnTo>
                <a:lnTo>
                  <a:pt x="365556" y="2784"/>
                </a:lnTo>
                <a:lnTo>
                  <a:pt x="413816" y="0"/>
                </a:lnTo>
                <a:lnTo>
                  <a:pt x="3277311" y="0"/>
                </a:lnTo>
                <a:lnTo>
                  <a:pt x="3325571" y="2784"/>
                </a:lnTo>
                <a:lnTo>
                  <a:pt x="3372197" y="10929"/>
                </a:lnTo>
                <a:lnTo>
                  <a:pt x="3416876" y="24125"/>
                </a:lnTo>
                <a:lnTo>
                  <a:pt x="3459299" y="42062"/>
                </a:lnTo>
                <a:lnTo>
                  <a:pt x="3499155" y="64428"/>
                </a:lnTo>
                <a:lnTo>
                  <a:pt x="3536134" y="90913"/>
                </a:lnTo>
                <a:lnTo>
                  <a:pt x="3569925" y="121207"/>
                </a:lnTo>
                <a:lnTo>
                  <a:pt x="3600218" y="154998"/>
                </a:lnTo>
                <a:lnTo>
                  <a:pt x="3626702" y="191978"/>
                </a:lnTo>
                <a:lnTo>
                  <a:pt x="3649067" y="231834"/>
                </a:lnTo>
                <a:lnTo>
                  <a:pt x="3667003" y="274256"/>
                </a:lnTo>
                <a:lnTo>
                  <a:pt x="3680199" y="318934"/>
                </a:lnTo>
                <a:lnTo>
                  <a:pt x="3688344" y="365558"/>
                </a:lnTo>
                <a:lnTo>
                  <a:pt x="3691128" y="413816"/>
                </a:lnTo>
                <a:lnTo>
                  <a:pt x="3691128" y="4708359"/>
                </a:lnTo>
                <a:lnTo>
                  <a:pt x="3688344" y="4756617"/>
                </a:lnTo>
                <a:lnTo>
                  <a:pt x="3680199" y="4803241"/>
                </a:lnTo>
                <a:lnTo>
                  <a:pt x="3667003" y="4847918"/>
                </a:lnTo>
                <a:lnTo>
                  <a:pt x="3649067" y="4890339"/>
                </a:lnTo>
                <a:lnTo>
                  <a:pt x="3626702" y="4930194"/>
                </a:lnTo>
                <a:lnTo>
                  <a:pt x="3600218" y="4967172"/>
                </a:lnTo>
                <a:lnTo>
                  <a:pt x="3569925" y="5000963"/>
                </a:lnTo>
                <a:lnTo>
                  <a:pt x="3536134" y="5031255"/>
                </a:lnTo>
                <a:lnTo>
                  <a:pt x="3499155" y="5057739"/>
                </a:lnTo>
                <a:lnTo>
                  <a:pt x="3459299" y="5080104"/>
                </a:lnTo>
                <a:lnTo>
                  <a:pt x="3416876" y="5098039"/>
                </a:lnTo>
                <a:lnTo>
                  <a:pt x="3372197" y="5111235"/>
                </a:lnTo>
                <a:lnTo>
                  <a:pt x="3325571" y="5119380"/>
                </a:lnTo>
                <a:lnTo>
                  <a:pt x="3277311" y="5122164"/>
                </a:lnTo>
                <a:lnTo>
                  <a:pt x="413816" y="5122164"/>
                </a:lnTo>
                <a:lnTo>
                  <a:pt x="365556" y="5119380"/>
                </a:lnTo>
                <a:lnTo>
                  <a:pt x="318930" y="5111235"/>
                </a:lnTo>
                <a:lnTo>
                  <a:pt x="274251" y="5098039"/>
                </a:lnTo>
                <a:lnTo>
                  <a:pt x="231828" y="5080104"/>
                </a:lnTo>
                <a:lnTo>
                  <a:pt x="191972" y="5057739"/>
                </a:lnTo>
                <a:lnTo>
                  <a:pt x="154993" y="5031255"/>
                </a:lnTo>
                <a:lnTo>
                  <a:pt x="121202" y="5000963"/>
                </a:lnTo>
                <a:lnTo>
                  <a:pt x="90909" y="4967172"/>
                </a:lnTo>
                <a:lnTo>
                  <a:pt x="64425" y="4930194"/>
                </a:lnTo>
                <a:lnTo>
                  <a:pt x="42060" y="4890339"/>
                </a:lnTo>
                <a:lnTo>
                  <a:pt x="24124" y="4847918"/>
                </a:lnTo>
                <a:lnTo>
                  <a:pt x="10928" y="4803241"/>
                </a:lnTo>
                <a:lnTo>
                  <a:pt x="2783" y="4756617"/>
                </a:lnTo>
                <a:lnTo>
                  <a:pt x="0" y="4708359"/>
                </a:lnTo>
                <a:lnTo>
                  <a:pt x="0" y="413816"/>
                </a:lnTo>
                <a:close/>
              </a:path>
            </a:pathLst>
          </a:custGeom>
          <a:ln w="3175">
            <a:solidFill>
              <a:srgbClr val="000000"/>
            </a:solidFill>
          </a:ln>
        </p:spPr>
        <p:txBody>
          <a:bodyPr wrap="square" lIns="0" tIns="0" rIns="0" bIns="0" rtlCol="0"/>
          <a:lstStyle/>
          <a:p>
            <a:endParaRPr/>
          </a:p>
        </p:txBody>
      </p:sp>
      <p:sp>
        <p:nvSpPr>
          <p:cNvPr id="14" name="object 14"/>
          <p:cNvSpPr txBox="1"/>
          <p:nvPr/>
        </p:nvSpPr>
        <p:spPr>
          <a:xfrm>
            <a:off x="5491998" y="2251117"/>
            <a:ext cx="3157220" cy="3500754"/>
          </a:xfrm>
          <a:prstGeom prst="rect">
            <a:avLst/>
          </a:prstGeom>
        </p:spPr>
        <p:txBody>
          <a:bodyPr vert="horz" wrap="square" lIns="0" tIns="12700" rIns="0" bIns="0" rtlCol="0">
            <a:spAutoFit/>
          </a:bodyPr>
          <a:lstStyle/>
          <a:p>
            <a:pPr marL="12700" marR="1667510">
              <a:lnSpc>
                <a:spcPct val="115599"/>
              </a:lnSpc>
              <a:spcBef>
                <a:spcPts val="100"/>
              </a:spcBef>
            </a:pPr>
            <a:r>
              <a:rPr sz="1600" spc="-25" dirty="0">
                <a:latin typeface="Meiryo UI"/>
                <a:cs typeface="Meiryo UI"/>
              </a:rPr>
              <a:t>課題数：</a:t>
            </a:r>
            <a:r>
              <a:rPr sz="1600" spc="-20" dirty="0">
                <a:latin typeface="Meiryo UI"/>
                <a:cs typeface="Meiryo UI"/>
              </a:rPr>
              <a:t>14</a:t>
            </a:r>
            <a:r>
              <a:rPr sz="1600" spc="-40" dirty="0">
                <a:latin typeface="Meiryo UI"/>
                <a:cs typeface="Meiryo UI"/>
              </a:rPr>
              <a:t>課題</a:t>
            </a:r>
            <a:r>
              <a:rPr sz="1600" spc="-35" dirty="0">
                <a:latin typeface="Meiryo UI"/>
                <a:cs typeface="Meiryo UI"/>
              </a:rPr>
              <a:t>特徴：</a:t>
            </a:r>
            <a:endParaRPr sz="1600">
              <a:latin typeface="Meiryo UI"/>
              <a:cs typeface="Meiryo UI"/>
            </a:endParaRPr>
          </a:p>
          <a:p>
            <a:pPr marL="297815" marR="6985" indent="-285750" algn="just">
              <a:lnSpc>
                <a:spcPct val="100000"/>
              </a:lnSpc>
              <a:spcBef>
                <a:spcPts val="300"/>
              </a:spcBef>
              <a:buFont typeface="Wingdings"/>
              <a:buChar char=""/>
              <a:tabLst>
                <a:tab pos="299085" algn="l"/>
              </a:tabLst>
            </a:pPr>
            <a:r>
              <a:rPr sz="1600" spc="-20" dirty="0">
                <a:latin typeface="Meiryo UI"/>
                <a:cs typeface="Meiryo UI"/>
              </a:rPr>
              <a:t>Society5.0</a:t>
            </a:r>
            <a:r>
              <a:rPr sz="1600" spc="-25" dirty="0">
                <a:latin typeface="Meiryo UI"/>
                <a:cs typeface="Meiryo UI"/>
              </a:rPr>
              <a:t>からバックキャストによる	</a:t>
            </a:r>
            <a:r>
              <a:rPr sz="1600" spc="-35" dirty="0">
                <a:latin typeface="Meiryo UI"/>
                <a:cs typeface="Meiryo UI"/>
              </a:rPr>
              <a:t>課題設定。「総合知」の観点からの	課題も。</a:t>
            </a:r>
            <a:endParaRPr sz="1600">
              <a:latin typeface="Meiryo UI"/>
              <a:cs typeface="Meiryo UI"/>
            </a:endParaRPr>
          </a:p>
          <a:p>
            <a:pPr marL="298450" indent="-285750" algn="just">
              <a:lnSpc>
                <a:spcPct val="100000"/>
              </a:lnSpc>
              <a:spcBef>
                <a:spcPts val="300"/>
              </a:spcBef>
              <a:buFont typeface="Wingdings"/>
              <a:buChar char=""/>
              <a:tabLst>
                <a:tab pos="298450" algn="l"/>
              </a:tabLst>
            </a:pPr>
            <a:r>
              <a:rPr sz="1600" spc="-25" dirty="0">
                <a:latin typeface="Meiryo UI"/>
                <a:cs typeface="Meiryo UI"/>
              </a:rPr>
              <a:t>事業化調査（FS）</a:t>
            </a:r>
            <a:r>
              <a:rPr sz="1600" spc="-30" dirty="0">
                <a:latin typeface="Meiryo UI"/>
                <a:cs typeface="Meiryo UI"/>
              </a:rPr>
              <a:t>による絞り込み</a:t>
            </a:r>
            <a:endParaRPr sz="1600">
              <a:latin typeface="Meiryo UI"/>
              <a:cs typeface="Meiryo UI"/>
            </a:endParaRPr>
          </a:p>
          <a:p>
            <a:pPr marL="298450" indent="-285750" algn="just">
              <a:lnSpc>
                <a:spcPct val="100000"/>
              </a:lnSpc>
              <a:spcBef>
                <a:spcPts val="300"/>
              </a:spcBef>
              <a:buFont typeface="Wingdings"/>
              <a:buChar char=""/>
              <a:tabLst>
                <a:tab pos="298450" algn="l"/>
              </a:tabLst>
            </a:pPr>
            <a:r>
              <a:rPr sz="1600" spc="-35" dirty="0">
                <a:latin typeface="Meiryo UI"/>
                <a:cs typeface="Meiryo UI"/>
              </a:rPr>
              <a:t>社会実装に向けた体制強化</a:t>
            </a:r>
            <a:endParaRPr sz="1600">
              <a:latin typeface="Meiryo UI"/>
              <a:cs typeface="Meiryo UI"/>
            </a:endParaRPr>
          </a:p>
          <a:p>
            <a:pPr marL="546100" marR="13335" lvl="1" indent="-267335" algn="just">
              <a:lnSpc>
                <a:spcPct val="100000"/>
              </a:lnSpc>
              <a:spcBef>
                <a:spcPts val="300"/>
              </a:spcBef>
              <a:buFont typeface="Wingdings"/>
              <a:buChar char=""/>
              <a:tabLst>
                <a:tab pos="547370" algn="l"/>
              </a:tabLst>
            </a:pPr>
            <a:r>
              <a:rPr sz="1600" spc="-35" dirty="0">
                <a:latin typeface="Meiryo UI"/>
                <a:cs typeface="Meiryo UI"/>
              </a:rPr>
              <a:t>技術だけでなく、事業・制度等の	</a:t>
            </a:r>
            <a:r>
              <a:rPr sz="1600" spc="-30" dirty="0">
                <a:latin typeface="Meiryo UI"/>
                <a:cs typeface="Meiryo UI"/>
              </a:rPr>
              <a:t>視点からの取組</a:t>
            </a:r>
            <a:endParaRPr sz="1600">
              <a:latin typeface="Meiryo UI"/>
              <a:cs typeface="Meiryo UI"/>
            </a:endParaRPr>
          </a:p>
          <a:p>
            <a:pPr marL="546100" marR="19685" lvl="1" indent="-267335" algn="just">
              <a:lnSpc>
                <a:spcPct val="100000"/>
              </a:lnSpc>
              <a:spcBef>
                <a:spcPts val="300"/>
              </a:spcBef>
              <a:buFont typeface="Wingdings"/>
              <a:buChar char=""/>
              <a:tabLst>
                <a:tab pos="547370" algn="l"/>
              </a:tabLst>
            </a:pPr>
            <a:r>
              <a:rPr sz="1600" spc="-35" dirty="0">
                <a:latin typeface="Meiryo UI"/>
                <a:cs typeface="Meiryo UI"/>
              </a:rPr>
              <a:t>関係省庁・産業界等との連携に	</a:t>
            </a:r>
            <a:r>
              <a:rPr sz="1600" spc="-25" dirty="0">
                <a:latin typeface="Meiryo UI"/>
                <a:cs typeface="Meiryo UI"/>
              </a:rPr>
              <a:t>よる</a:t>
            </a:r>
            <a:r>
              <a:rPr sz="1600" spc="-20" dirty="0">
                <a:latin typeface="Meiryo UI"/>
                <a:cs typeface="Meiryo UI"/>
              </a:rPr>
              <a:t>SIP</a:t>
            </a:r>
            <a:r>
              <a:rPr sz="1600" spc="-35" dirty="0">
                <a:latin typeface="Meiryo UI"/>
                <a:cs typeface="Meiryo UI"/>
              </a:rPr>
              <a:t>後の推進体制の構築</a:t>
            </a:r>
            <a:endParaRPr sz="1600">
              <a:latin typeface="Meiryo UI"/>
              <a:cs typeface="Meiryo UI"/>
            </a:endParaRPr>
          </a:p>
          <a:p>
            <a:pPr marL="547370">
              <a:lnSpc>
                <a:spcPct val="100000"/>
              </a:lnSpc>
            </a:pPr>
            <a:r>
              <a:rPr sz="1600" spc="-25" dirty="0">
                <a:latin typeface="Meiryo UI"/>
                <a:cs typeface="Meiryo UI"/>
              </a:rPr>
              <a:t>（エグジット戦略</a:t>
            </a:r>
            <a:r>
              <a:rPr sz="1600" spc="-50" dirty="0">
                <a:latin typeface="Meiryo UI"/>
                <a:cs typeface="Meiryo UI"/>
              </a:rPr>
              <a:t>）</a:t>
            </a:r>
            <a:endParaRPr sz="1600">
              <a:latin typeface="Meiryo UI"/>
              <a:cs typeface="Meiryo UI"/>
            </a:endParaRPr>
          </a:p>
          <a:p>
            <a:pPr marL="298450" indent="-285750">
              <a:lnSpc>
                <a:spcPct val="100000"/>
              </a:lnSpc>
              <a:spcBef>
                <a:spcPts val="300"/>
              </a:spcBef>
              <a:buFont typeface="Wingdings"/>
              <a:buChar char=""/>
              <a:tabLst>
                <a:tab pos="298450" algn="l"/>
              </a:tabLst>
            </a:pPr>
            <a:r>
              <a:rPr sz="1600" spc="-30" dirty="0">
                <a:latin typeface="Meiryo UI"/>
                <a:cs typeface="Meiryo UI"/>
              </a:rPr>
              <a:t>スタートアップの参画の積極的促進</a:t>
            </a:r>
            <a:endParaRPr sz="1600">
              <a:latin typeface="Meiryo UI"/>
              <a:cs typeface="Meiryo UI"/>
            </a:endParaRPr>
          </a:p>
        </p:txBody>
      </p:sp>
      <p:sp>
        <p:nvSpPr>
          <p:cNvPr id="15" name="object 15"/>
          <p:cNvSpPr txBox="1"/>
          <p:nvPr/>
        </p:nvSpPr>
        <p:spPr>
          <a:xfrm>
            <a:off x="441979" y="1239089"/>
            <a:ext cx="1700530" cy="574040"/>
          </a:xfrm>
          <a:prstGeom prst="rect">
            <a:avLst/>
          </a:prstGeom>
        </p:spPr>
        <p:txBody>
          <a:bodyPr vert="horz" wrap="square" lIns="0" tIns="12700" rIns="0" bIns="0" rtlCol="0">
            <a:spAutoFit/>
          </a:bodyPr>
          <a:lstStyle/>
          <a:p>
            <a:pPr marL="1270" algn="ctr">
              <a:lnSpc>
                <a:spcPct val="100000"/>
              </a:lnSpc>
              <a:spcBef>
                <a:spcPts val="100"/>
              </a:spcBef>
            </a:pPr>
            <a:r>
              <a:rPr sz="1800" b="1" spc="-20" dirty="0">
                <a:latin typeface="Meiryo UI"/>
                <a:cs typeface="Meiryo UI"/>
              </a:rPr>
              <a:t>第１期</a:t>
            </a:r>
            <a:endParaRPr sz="1800">
              <a:latin typeface="Meiryo UI"/>
              <a:cs typeface="Meiryo UI"/>
            </a:endParaRPr>
          </a:p>
          <a:p>
            <a:pPr algn="ctr">
              <a:lnSpc>
                <a:spcPct val="100000"/>
              </a:lnSpc>
            </a:pPr>
            <a:r>
              <a:rPr sz="1800" b="1" dirty="0">
                <a:latin typeface="Meiryo UI"/>
                <a:cs typeface="Meiryo UI"/>
              </a:rPr>
              <a:t>H26－H30</a:t>
            </a:r>
            <a:r>
              <a:rPr sz="1800" b="1" spc="-25" dirty="0">
                <a:latin typeface="Meiryo UI"/>
                <a:cs typeface="Meiryo UI"/>
              </a:rPr>
              <a:t>年度</a:t>
            </a:r>
            <a:endParaRPr sz="1800">
              <a:latin typeface="Meiryo UI"/>
              <a:cs typeface="Meiryo UI"/>
            </a:endParaRPr>
          </a:p>
        </p:txBody>
      </p:sp>
      <p:sp>
        <p:nvSpPr>
          <p:cNvPr id="16" name="object 16"/>
          <p:cNvSpPr txBox="1"/>
          <p:nvPr/>
        </p:nvSpPr>
        <p:spPr>
          <a:xfrm>
            <a:off x="3027216" y="1213715"/>
            <a:ext cx="1532890" cy="574040"/>
          </a:xfrm>
          <a:prstGeom prst="rect">
            <a:avLst/>
          </a:prstGeom>
        </p:spPr>
        <p:txBody>
          <a:bodyPr vert="horz" wrap="square" lIns="0" tIns="12700" rIns="0" bIns="0" rtlCol="0">
            <a:spAutoFit/>
          </a:bodyPr>
          <a:lstStyle/>
          <a:p>
            <a:pPr marL="1270" algn="ctr">
              <a:lnSpc>
                <a:spcPct val="100000"/>
              </a:lnSpc>
              <a:spcBef>
                <a:spcPts val="100"/>
              </a:spcBef>
            </a:pPr>
            <a:r>
              <a:rPr sz="1800" b="1" spc="-20" dirty="0">
                <a:latin typeface="Meiryo UI"/>
                <a:cs typeface="Meiryo UI"/>
              </a:rPr>
              <a:t>第２期</a:t>
            </a:r>
            <a:endParaRPr sz="1800">
              <a:latin typeface="Meiryo UI"/>
              <a:cs typeface="Meiryo UI"/>
            </a:endParaRPr>
          </a:p>
          <a:p>
            <a:pPr algn="ctr">
              <a:lnSpc>
                <a:spcPct val="100000"/>
              </a:lnSpc>
            </a:pPr>
            <a:r>
              <a:rPr sz="1800" b="1" dirty="0">
                <a:latin typeface="Meiryo UI"/>
                <a:cs typeface="Meiryo UI"/>
              </a:rPr>
              <a:t>H30－R4</a:t>
            </a:r>
            <a:r>
              <a:rPr sz="1800" b="1" spc="-25" dirty="0">
                <a:latin typeface="Meiryo UI"/>
                <a:cs typeface="Meiryo UI"/>
              </a:rPr>
              <a:t>年度</a:t>
            </a:r>
            <a:endParaRPr sz="1800">
              <a:latin typeface="Meiryo UI"/>
              <a:cs typeface="Meiryo UI"/>
            </a:endParaRPr>
          </a:p>
        </p:txBody>
      </p:sp>
      <p:sp>
        <p:nvSpPr>
          <p:cNvPr id="17" name="object 17"/>
          <p:cNvSpPr txBox="1"/>
          <p:nvPr/>
        </p:nvSpPr>
        <p:spPr>
          <a:xfrm>
            <a:off x="6450501" y="1250748"/>
            <a:ext cx="1363980" cy="574040"/>
          </a:xfrm>
          <a:prstGeom prst="rect">
            <a:avLst/>
          </a:prstGeom>
        </p:spPr>
        <p:txBody>
          <a:bodyPr vert="horz" wrap="square" lIns="0" tIns="12700" rIns="0" bIns="0" rtlCol="0">
            <a:spAutoFit/>
          </a:bodyPr>
          <a:lstStyle/>
          <a:p>
            <a:pPr algn="ctr">
              <a:lnSpc>
                <a:spcPct val="100000"/>
              </a:lnSpc>
              <a:spcBef>
                <a:spcPts val="100"/>
              </a:spcBef>
            </a:pPr>
            <a:r>
              <a:rPr sz="1800" b="1" spc="-20" dirty="0">
                <a:latin typeface="Meiryo UI"/>
                <a:cs typeface="Meiryo UI"/>
              </a:rPr>
              <a:t>第３期</a:t>
            </a:r>
            <a:endParaRPr sz="1800">
              <a:latin typeface="Meiryo UI"/>
              <a:cs typeface="Meiryo UI"/>
            </a:endParaRPr>
          </a:p>
          <a:p>
            <a:pPr algn="ctr">
              <a:lnSpc>
                <a:spcPct val="100000"/>
              </a:lnSpc>
            </a:pPr>
            <a:r>
              <a:rPr sz="1800" b="1" dirty="0">
                <a:latin typeface="Meiryo UI"/>
                <a:cs typeface="Meiryo UI"/>
              </a:rPr>
              <a:t>R5－R9</a:t>
            </a:r>
            <a:r>
              <a:rPr sz="1800" b="1" spc="-25" dirty="0">
                <a:latin typeface="Meiryo UI"/>
                <a:cs typeface="Meiryo UI"/>
              </a:rPr>
              <a:t>年度</a:t>
            </a:r>
            <a:endParaRPr sz="1800">
              <a:latin typeface="Meiryo UI"/>
              <a:cs typeface="Meiryo UI"/>
            </a:endParaRPr>
          </a:p>
        </p:txBody>
      </p:sp>
      <p:grpSp>
        <p:nvGrpSpPr>
          <p:cNvPr id="18" name="object 18"/>
          <p:cNvGrpSpPr/>
          <p:nvPr/>
        </p:nvGrpSpPr>
        <p:grpSpPr>
          <a:xfrm>
            <a:off x="2276855" y="2618232"/>
            <a:ext cx="3145790" cy="1530350"/>
            <a:chOff x="2276855" y="2618232"/>
            <a:chExt cx="3145790" cy="1530350"/>
          </a:xfrm>
        </p:grpSpPr>
        <p:sp>
          <p:nvSpPr>
            <p:cNvPr id="19" name="object 19"/>
            <p:cNvSpPr/>
            <p:nvPr/>
          </p:nvSpPr>
          <p:spPr>
            <a:xfrm>
              <a:off x="2276855" y="2618232"/>
              <a:ext cx="684530" cy="1458595"/>
            </a:xfrm>
            <a:custGeom>
              <a:avLst/>
              <a:gdLst/>
              <a:ahLst/>
              <a:cxnLst/>
              <a:rect l="l" t="t" r="r" b="b"/>
              <a:pathLst>
                <a:path w="684530" h="1458595">
                  <a:moveTo>
                    <a:pt x="342138" y="0"/>
                  </a:moveTo>
                  <a:lnTo>
                    <a:pt x="342138" y="364616"/>
                  </a:lnTo>
                  <a:lnTo>
                    <a:pt x="0" y="364616"/>
                  </a:lnTo>
                  <a:lnTo>
                    <a:pt x="0" y="1093850"/>
                  </a:lnTo>
                  <a:lnTo>
                    <a:pt x="342138" y="1093850"/>
                  </a:lnTo>
                  <a:lnTo>
                    <a:pt x="342138" y="1458467"/>
                  </a:lnTo>
                  <a:lnTo>
                    <a:pt x="684276" y="729233"/>
                  </a:lnTo>
                  <a:lnTo>
                    <a:pt x="342138" y="0"/>
                  </a:lnTo>
                  <a:close/>
                </a:path>
              </a:pathLst>
            </a:custGeom>
            <a:solidFill>
              <a:srgbClr val="FFCC00"/>
            </a:solidFill>
          </p:spPr>
          <p:txBody>
            <a:bodyPr wrap="square" lIns="0" tIns="0" rIns="0" bIns="0" rtlCol="0"/>
            <a:lstStyle/>
            <a:p>
              <a:endParaRPr/>
            </a:p>
          </p:txBody>
        </p:sp>
        <p:sp>
          <p:nvSpPr>
            <p:cNvPr id="20" name="object 20"/>
            <p:cNvSpPr/>
            <p:nvPr/>
          </p:nvSpPr>
          <p:spPr>
            <a:xfrm>
              <a:off x="4739639" y="2689860"/>
              <a:ext cx="683260" cy="1458595"/>
            </a:xfrm>
            <a:custGeom>
              <a:avLst/>
              <a:gdLst/>
              <a:ahLst/>
              <a:cxnLst/>
              <a:rect l="l" t="t" r="r" b="b"/>
              <a:pathLst>
                <a:path w="683260" h="1458595">
                  <a:moveTo>
                    <a:pt x="341376" y="0"/>
                  </a:moveTo>
                  <a:lnTo>
                    <a:pt x="341376" y="364616"/>
                  </a:lnTo>
                  <a:lnTo>
                    <a:pt x="0" y="364616"/>
                  </a:lnTo>
                  <a:lnTo>
                    <a:pt x="0" y="1093850"/>
                  </a:lnTo>
                  <a:lnTo>
                    <a:pt x="341376" y="1093850"/>
                  </a:lnTo>
                  <a:lnTo>
                    <a:pt x="341376" y="1458467"/>
                  </a:lnTo>
                  <a:lnTo>
                    <a:pt x="682752" y="729233"/>
                  </a:lnTo>
                  <a:lnTo>
                    <a:pt x="341376" y="0"/>
                  </a:lnTo>
                  <a:close/>
                </a:path>
              </a:pathLst>
            </a:custGeom>
            <a:solidFill>
              <a:srgbClr val="FF9900"/>
            </a:solidFill>
          </p:spPr>
          <p:txBody>
            <a:bodyPr wrap="square" lIns="0" tIns="0" rIns="0" bIns="0" rtlCol="0"/>
            <a:lstStyle/>
            <a:p>
              <a:endParaRPr/>
            </a:p>
          </p:txBody>
        </p:sp>
      </p:grpSp>
    </p:spTree>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0" y="6082284"/>
            <a:ext cx="9144000" cy="775970"/>
            <a:chOff x="0" y="6082284"/>
            <a:chExt cx="9144000" cy="775970"/>
          </a:xfrm>
        </p:grpSpPr>
        <p:sp>
          <p:nvSpPr>
            <p:cNvPr id="3" name="object 3"/>
            <p:cNvSpPr/>
            <p:nvPr/>
          </p:nvSpPr>
          <p:spPr>
            <a:xfrm>
              <a:off x="4558284" y="6335268"/>
              <a:ext cx="4578350" cy="523240"/>
            </a:xfrm>
            <a:custGeom>
              <a:avLst/>
              <a:gdLst/>
              <a:ahLst/>
              <a:cxnLst/>
              <a:rect l="l" t="t" r="r" b="b"/>
              <a:pathLst>
                <a:path w="4578350" h="523240">
                  <a:moveTo>
                    <a:pt x="4578096" y="0"/>
                  </a:moveTo>
                  <a:lnTo>
                    <a:pt x="0" y="0"/>
                  </a:lnTo>
                  <a:lnTo>
                    <a:pt x="0" y="522731"/>
                  </a:lnTo>
                  <a:lnTo>
                    <a:pt x="4578096" y="522731"/>
                  </a:lnTo>
                  <a:lnTo>
                    <a:pt x="4578096" y="0"/>
                  </a:lnTo>
                  <a:close/>
                </a:path>
              </a:pathLst>
            </a:custGeom>
            <a:solidFill>
              <a:srgbClr val="FFFFFF"/>
            </a:solidFill>
          </p:spPr>
          <p:txBody>
            <a:bodyPr wrap="square" lIns="0" tIns="0" rIns="0" bIns="0" rtlCol="0"/>
            <a:lstStyle/>
            <a:p>
              <a:endParaRPr/>
            </a:p>
          </p:txBody>
        </p:sp>
        <p:sp>
          <p:nvSpPr>
            <p:cNvPr id="4" name="object 4"/>
            <p:cNvSpPr/>
            <p:nvPr/>
          </p:nvSpPr>
          <p:spPr>
            <a:xfrm>
              <a:off x="4527803" y="6082284"/>
              <a:ext cx="3602990" cy="307975"/>
            </a:xfrm>
            <a:custGeom>
              <a:avLst/>
              <a:gdLst/>
              <a:ahLst/>
              <a:cxnLst/>
              <a:rect l="l" t="t" r="r" b="b"/>
              <a:pathLst>
                <a:path w="3602990" h="307975">
                  <a:moveTo>
                    <a:pt x="3602736" y="0"/>
                  </a:moveTo>
                  <a:lnTo>
                    <a:pt x="0" y="0"/>
                  </a:lnTo>
                  <a:lnTo>
                    <a:pt x="0" y="307847"/>
                  </a:lnTo>
                  <a:lnTo>
                    <a:pt x="3602736" y="307847"/>
                  </a:lnTo>
                  <a:lnTo>
                    <a:pt x="3602736" y="0"/>
                  </a:lnTo>
                  <a:close/>
                </a:path>
              </a:pathLst>
            </a:custGeom>
            <a:solidFill>
              <a:srgbClr val="FFFFFF"/>
            </a:solidFill>
          </p:spPr>
          <p:txBody>
            <a:bodyPr wrap="square" lIns="0" tIns="0" rIns="0" bIns="0" rtlCol="0"/>
            <a:lstStyle/>
            <a:p>
              <a:endParaRPr/>
            </a:p>
          </p:txBody>
        </p:sp>
      </p:grpSp>
      <p:pic>
        <p:nvPicPr>
          <p:cNvPr id="5" name="object 5"/>
          <p:cNvPicPr/>
          <p:nvPr/>
        </p:nvPicPr>
        <p:blipFill>
          <a:blip r:embed="rId2" cstate="print"/>
          <a:stretch>
            <a:fillRect/>
          </a:stretch>
        </p:blipFill>
        <p:spPr>
          <a:xfrm>
            <a:off x="6993135" y="4479554"/>
            <a:ext cx="2120629" cy="1710918"/>
          </a:xfrm>
          <a:prstGeom prst="rect">
            <a:avLst/>
          </a:prstGeom>
        </p:spPr>
      </p:pic>
      <p:pic>
        <p:nvPicPr>
          <p:cNvPr id="6" name="object 6"/>
          <p:cNvPicPr/>
          <p:nvPr/>
        </p:nvPicPr>
        <p:blipFill>
          <a:blip r:embed="rId3" cstate="print"/>
          <a:stretch>
            <a:fillRect/>
          </a:stretch>
        </p:blipFill>
        <p:spPr>
          <a:xfrm>
            <a:off x="0" y="0"/>
            <a:ext cx="9139428" cy="528827"/>
          </a:xfrm>
          <a:prstGeom prst="rect">
            <a:avLst/>
          </a:prstGeom>
        </p:spPr>
      </p:pic>
      <p:sp>
        <p:nvSpPr>
          <p:cNvPr id="7" name="object 7"/>
          <p:cNvSpPr txBox="1">
            <a:spLocks noGrp="1"/>
          </p:cNvSpPr>
          <p:nvPr>
            <p:ph type="title"/>
          </p:nvPr>
        </p:nvSpPr>
        <p:spPr>
          <a:xfrm>
            <a:off x="3050776" y="48609"/>
            <a:ext cx="3032125" cy="452120"/>
          </a:xfrm>
          <a:prstGeom prst="rect">
            <a:avLst/>
          </a:prstGeom>
        </p:spPr>
        <p:txBody>
          <a:bodyPr vert="horz" wrap="square" lIns="0" tIns="12065" rIns="0" bIns="0" rtlCol="0">
            <a:spAutoFit/>
          </a:bodyPr>
          <a:lstStyle/>
          <a:p>
            <a:pPr marL="12700">
              <a:lnSpc>
                <a:spcPct val="100000"/>
              </a:lnSpc>
              <a:spcBef>
                <a:spcPts val="95"/>
              </a:spcBef>
            </a:pPr>
            <a:r>
              <a:rPr sz="2800" spc="-40" dirty="0"/>
              <a:t>ＳＩＰ第１期追跡評価</a:t>
            </a:r>
            <a:endParaRPr sz="2800"/>
          </a:p>
        </p:txBody>
      </p:sp>
      <p:sp>
        <p:nvSpPr>
          <p:cNvPr id="8" name="object 8"/>
          <p:cNvSpPr txBox="1"/>
          <p:nvPr/>
        </p:nvSpPr>
        <p:spPr>
          <a:xfrm>
            <a:off x="96011" y="594359"/>
            <a:ext cx="8862060" cy="1053465"/>
          </a:xfrm>
          <a:prstGeom prst="rect">
            <a:avLst/>
          </a:prstGeom>
          <a:ln w="9144">
            <a:solidFill>
              <a:srgbClr val="000000"/>
            </a:solidFill>
          </a:ln>
        </p:spPr>
        <p:txBody>
          <a:bodyPr vert="horz" wrap="square" lIns="0" tIns="1270" rIns="0" bIns="0" rtlCol="0">
            <a:spAutoFit/>
          </a:bodyPr>
          <a:lstStyle/>
          <a:p>
            <a:pPr marL="271780" marR="202565" indent="-180340">
              <a:lnSpc>
                <a:spcPct val="100000"/>
              </a:lnSpc>
              <a:spcBef>
                <a:spcPts val="10"/>
              </a:spcBef>
            </a:pPr>
            <a:r>
              <a:rPr sz="1600" spc="-25" dirty="0">
                <a:latin typeface="Meiryo UI"/>
                <a:cs typeface="Meiryo UI"/>
              </a:rPr>
              <a:t>○令和</a:t>
            </a:r>
            <a:r>
              <a:rPr sz="1600" spc="-10" dirty="0">
                <a:latin typeface="Meiryo UI"/>
                <a:cs typeface="Meiryo UI"/>
              </a:rPr>
              <a:t>4</a:t>
            </a:r>
            <a:r>
              <a:rPr sz="1600" spc="-30" dirty="0">
                <a:latin typeface="Meiryo UI"/>
                <a:cs typeface="Meiryo UI"/>
              </a:rPr>
              <a:t>年度に、</a:t>
            </a:r>
            <a:r>
              <a:rPr sz="1600" spc="-20" dirty="0">
                <a:latin typeface="Meiryo UI"/>
                <a:cs typeface="Meiryo UI"/>
              </a:rPr>
              <a:t>SIP</a:t>
            </a:r>
            <a:r>
              <a:rPr sz="1600" spc="-25" dirty="0">
                <a:latin typeface="Meiryo UI"/>
                <a:cs typeface="Meiryo UI"/>
              </a:rPr>
              <a:t>第</a:t>
            </a:r>
            <a:r>
              <a:rPr sz="1600" spc="-10" dirty="0">
                <a:latin typeface="Meiryo UI"/>
                <a:cs typeface="Meiryo UI"/>
              </a:rPr>
              <a:t>1</a:t>
            </a:r>
            <a:r>
              <a:rPr sz="1600" spc="-25" dirty="0">
                <a:latin typeface="Meiryo UI"/>
                <a:cs typeface="Meiryo UI"/>
              </a:rPr>
              <a:t>期終了</a:t>
            </a:r>
            <a:r>
              <a:rPr sz="1600" spc="-10" dirty="0">
                <a:latin typeface="Meiryo UI"/>
                <a:cs typeface="Meiryo UI"/>
              </a:rPr>
              <a:t>（</a:t>
            </a:r>
            <a:r>
              <a:rPr sz="1600" spc="-25" dirty="0">
                <a:latin typeface="Meiryo UI"/>
                <a:cs typeface="Meiryo UI"/>
              </a:rPr>
              <a:t>平成</a:t>
            </a:r>
            <a:r>
              <a:rPr sz="1600" spc="-10" dirty="0">
                <a:latin typeface="Meiryo UI"/>
                <a:cs typeface="Meiryo UI"/>
              </a:rPr>
              <a:t>30</a:t>
            </a:r>
            <a:r>
              <a:rPr sz="1600" spc="-20" dirty="0">
                <a:latin typeface="Meiryo UI"/>
                <a:cs typeface="Meiryo UI"/>
              </a:rPr>
              <a:t>年度</a:t>
            </a:r>
            <a:r>
              <a:rPr sz="1600" spc="-30" dirty="0">
                <a:latin typeface="Meiryo UI"/>
                <a:cs typeface="Meiryo UI"/>
              </a:rPr>
              <a:t>）</a:t>
            </a:r>
            <a:r>
              <a:rPr sz="1600" spc="-15" dirty="0">
                <a:latin typeface="Meiryo UI"/>
                <a:cs typeface="Meiryo UI"/>
              </a:rPr>
              <a:t>から</a:t>
            </a:r>
            <a:r>
              <a:rPr sz="1600" dirty="0">
                <a:latin typeface="Meiryo UI"/>
                <a:cs typeface="Meiryo UI"/>
              </a:rPr>
              <a:t>3</a:t>
            </a:r>
            <a:r>
              <a:rPr sz="1600" spc="-25" dirty="0">
                <a:latin typeface="Meiryo UI"/>
                <a:cs typeface="Meiryo UI"/>
              </a:rPr>
              <a:t>年が経過する中で、第</a:t>
            </a:r>
            <a:r>
              <a:rPr sz="1600" spc="-10" dirty="0">
                <a:latin typeface="Meiryo UI"/>
                <a:cs typeface="Meiryo UI"/>
              </a:rPr>
              <a:t>1期11</a:t>
            </a:r>
            <a:r>
              <a:rPr sz="1600" spc="-35" dirty="0">
                <a:latin typeface="Meiryo UI"/>
                <a:cs typeface="Meiryo UI"/>
              </a:rPr>
              <a:t>課題の社会実装の進捗状況につき追跡評価を実施。</a:t>
            </a:r>
            <a:endParaRPr sz="1600">
              <a:latin typeface="Meiryo UI"/>
              <a:cs typeface="Meiryo UI"/>
            </a:endParaRPr>
          </a:p>
          <a:p>
            <a:pPr marL="294005" indent="-203200">
              <a:lnSpc>
                <a:spcPct val="100000"/>
              </a:lnSpc>
              <a:spcBef>
                <a:spcPts val="600"/>
              </a:spcBef>
              <a:buClr>
                <a:srgbClr val="000000"/>
              </a:buClr>
              <a:buSzPct val="93750"/>
              <a:buChar char="○"/>
              <a:tabLst>
                <a:tab pos="294005" algn="l"/>
              </a:tabLst>
            </a:pPr>
            <a:r>
              <a:rPr sz="1600" spc="-30" dirty="0">
                <a:solidFill>
                  <a:srgbClr val="FF0000"/>
                </a:solidFill>
                <a:latin typeface="Meiryo UI"/>
                <a:cs typeface="Meiryo UI"/>
              </a:rPr>
              <a:t>経済・社会的に大きな効果が見込まれる課題がある</a:t>
            </a:r>
            <a:r>
              <a:rPr sz="1600" spc="-20" dirty="0">
                <a:latin typeface="Meiryo UI"/>
                <a:cs typeface="Meiryo UI"/>
              </a:rPr>
              <a:t>一方、</a:t>
            </a:r>
            <a:r>
              <a:rPr sz="1600" spc="-35" dirty="0">
                <a:solidFill>
                  <a:srgbClr val="FF0000"/>
                </a:solidFill>
                <a:latin typeface="Meiryo UI"/>
                <a:cs typeface="Meiryo UI"/>
              </a:rPr>
              <a:t>ユーザー企業の巻き込み・関係省庁との連携・</a:t>
            </a:r>
            <a:endParaRPr sz="1600">
              <a:latin typeface="Meiryo UI"/>
              <a:cs typeface="Meiryo UI"/>
            </a:endParaRPr>
          </a:p>
          <a:p>
            <a:pPr marL="271780">
              <a:lnSpc>
                <a:spcPct val="100000"/>
              </a:lnSpc>
            </a:pPr>
            <a:r>
              <a:rPr sz="1600" spc="-20" dirty="0">
                <a:solidFill>
                  <a:srgbClr val="FF0000"/>
                </a:solidFill>
                <a:latin typeface="Meiryo UI"/>
                <a:cs typeface="Meiryo UI"/>
              </a:rPr>
              <a:t>SIP</a:t>
            </a:r>
            <a:r>
              <a:rPr sz="1600" spc="-30" dirty="0">
                <a:solidFill>
                  <a:srgbClr val="FF0000"/>
                </a:solidFill>
                <a:latin typeface="Meiryo UI"/>
                <a:cs typeface="Meiryo UI"/>
              </a:rPr>
              <a:t>後の継続的な推進体制などの改善点</a:t>
            </a:r>
            <a:r>
              <a:rPr sz="1600" spc="-30" dirty="0">
                <a:latin typeface="Meiryo UI"/>
                <a:cs typeface="Meiryo UI"/>
              </a:rPr>
              <a:t>も挙げられている。</a:t>
            </a:r>
            <a:endParaRPr sz="1600">
              <a:latin typeface="Meiryo UI"/>
              <a:cs typeface="Meiryo UI"/>
            </a:endParaRPr>
          </a:p>
        </p:txBody>
      </p:sp>
      <p:grpSp>
        <p:nvGrpSpPr>
          <p:cNvPr id="9" name="object 9"/>
          <p:cNvGrpSpPr/>
          <p:nvPr/>
        </p:nvGrpSpPr>
        <p:grpSpPr>
          <a:xfrm>
            <a:off x="5030724" y="1723644"/>
            <a:ext cx="3438525" cy="478790"/>
            <a:chOff x="5030724" y="1723644"/>
            <a:chExt cx="3438525" cy="478790"/>
          </a:xfrm>
        </p:grpSpPr>
        <p:pic>
          <p:nvPicPr>
            <p:cNvPr id="10" name="object 10"/>
            <p:cNvPicPr/>
            <p:nvPr/>
          </p:nvPicPr>
          <p:blipFill>
            <a:blip r:embed="rId4" cstate="print"/>
            <a:stretch>
              <a:fillRect/>
            </a:stretch>
          </p:blipFill>
          <p:spPr>
            <a:xfrm>
              <a:off x="5030724" y="1723644"/>
              <a:ext cx="3438143" cy="443483"/>
            </a:xfrm>
            <a:prstGeom prst="rect">
              <a:avLst/>
            </a:prstGeom>
          </p:spPr>
        </p:pic>
        <p:pic>
          <p:nvPicPr>
            <p:cNvPr id="11" name="object 11"/>
            <p:cNvPicPr/>
            <p:nvPr/>
          </p:nvPicPr>
          <p:blipFill>
            <a:blip r:embed="rId5" cstate="print"/>
            <a:stretch>
              <a:fillRect/>
            </a:stretch>
          </p:blipFill>
          <p:spPr>
            <a:xfrm>
              <a:off x="5071872" y="1743456"/>
              <a:ext cx="3355847" cy="458723"/>
            </a:xfrm>
            <a:prstGeom prst="rect">
              <a:avLst/>
            </a:prstGeom>
          </p:spPr>
        </p:pic>
      </p:grpSp>
      <p:sp>
        <p:nvSpPr>
          <p:cNvPr id="12" name="object 12"/>
          <p:cNvSpPr txBox="1"/>
          <p:nvPr/>
        </p:nvSpPr>
        <p:spPr>
          <a:xfrm>
            <a:off x="5077967" y="1748027"/>
            <a:ext cx="3343910" cy="349250"/>
          </a:xfrm>
          <a:prstGeom prst="rect">
            <a:avLst/>
          </a:prstGeom>
          <a:solidFill>
            <a:srgbClr val="000066"/>
          </a:solidFill>
          <a:ln w="9144">
            <a:solidFill>
              <a:srgbClr val="292988"/>
            </a:solidFill>
          </a:ln>
        </p:spPr>
        <p:txBody>
          <a:bodyPr vert="horz" wrap="square" lIns="0" tIns="68580" rIns="0" bIns="0" rtlCol="0">
            <a:spAutoFit/>
          </a:bodyPr>
          <a:lstStyle/>
          <a:p>
            <a:pPr marL="142240">
              <a:lnSpc>
                <a:spcPct val="100000"/>
              </a:lnSpc>
              <a:spcBef>
                <a:spcPts val="540"/>
              </a:spcBef>
            </a:pPr>
            <a:r>
              <a:rPr sz="1400" spc="-15" dirty="0">
                <a:solidFill>
                  <a:srgbClr val="FFFFFF"/>
                </a:solidFill>
                <a:latin typeface="Meiryo UI"/>
                <a:cs typeface="Meiryo UI"/>
              </a:rPr>
              <a:t>自動走行システム</a:t>
            </a:r>
            <a:r>
              <a:rPr sz="1400" dirty="0">
                <a:solidFill>
                  <a:srgbClr val="FFFFFF"/>
                </a:solidFill>
                <a:latin typeface="Meiryo UI"/>
                <a:cs typeface="Meiryo UI"/>
              </a:rPr>
              <a:t>（</a:t>
            </a:r>
            <a:r>
              <a:rPr sz="1400" spc="-15" dirty="0">
                <a:solidFill>
                  <a:srgbClr val="FFFFFF"/>
                </a:solidFill>
                <a:latin typeface="Meiryo UI"/>
                <a:cs typeface="Meiryo UI"/>
              </a:rPr>
              <a:t>ダイナミックマップ）</a:t>
            </a:r>
            <a:r>
              <a:rPr sz="1400" spc="-30" dirty="0">
                <a:solidFill>
                  <a:srgbClr val="FFFFFF"/>
                </a:solidFill>
                <a:latin typeface="Meiryo UI"/>
                <a:cs typeface="Meiryo UI"/>
              </a:rPr>
              <a:t>の例</a:t>
            </a:r>
            <a:endParaRPr sz="1400">
              <a:latin typeface="Meiryo UI"/>
              <a:cs typeface="Meiryo UI"/>
            </a:endParaRPr>
          </a:p>
        </p:txBody>
      </p:sp>
      <p:sp>
        <p:nvSpPr>
          <p:cNvPr id="13" name="object 13"/>
          <p:cNvSpPr txBox="1"/>
          <p:nvPr/>
        </p:nvSpPr>
        <p:spPr>
          <a:xfrm>
            <a:off x="4606347" y="2089542"/>
            <a:ext cx="4392930" cy="2496820"/>
          </a:xfrm>
          <a:prstGeom prst="rect">
            <a:avLst/>
          </a:prstGeom>
        </p:spPr>
        <p:txBody>
          <a:bodyPr vert="horz" wrap="square" lIns="0" tIns="74295" rIns="0" bIns="0" rtlCol="0">
            <a:spAutoFit/>
          </a:bodyPr>
          <a:lstStyle/>
          <a:p>
            <a:pPr marL="12700">
              <a:lnSpc>
                <a:spcPct val="100000"/>
              </a:lnSpc>
              <a:spcBef>
                <a:spcPts val="585"/>
              </a:spcBef>
            </a:pPr>
            <a:r>
              <a:rPr sz="1400" spc="-5" dirty="0">
                <a:latin typeface="メイリオ"/>
                <a:cs typeface="メイリオ"/>
              </a:rPr>
              <a:t>＜社会実装の進捗状況＞</a:t>
            </a:r>
            <a:endParaRPr sz="1400">
              <a:latin typeface="メイリオ"/>
              <a:cs typeface="メイリオ"/>
            </a:endParaRPr>
          </a:p>
          <a:p>
            <a:pPr marL="281940" marR="45085" indent="-171450">
              <a:lnSpc>
                <a:spcPct val="100000"/>
              </a:lnSpc>
              <a:spcBef>
                <a:spcPts val="484"/>
              </a:spcBef>
              <a:buFont typeface="Arial"/>
              <a:buChar char="•"/>
              <a:tabLst>
                <a:tab pos="283210" algn="l"/>
              </a:tabLst>
            </a:pPr>
            <a:r>
              <a:rPr sz="1400" spc="-15" dirty="0">
                <a:latin typeface="Meiryo UI"/>
                <a:cs typeface="Meiryo UI"/>
              </a:rPr>
              <a:t>「ダイナミックマップ」の事業化に向けて、</a:t>
            </a:r>
            <a:r>
              <a:rPr sz="1400" spc="-10" dirty="0">
                <a:latin typeface="Meiryo UI"/>
                <a:cs typeface="Meiryo UI"/>
              </a:rPr>
              <a:t>2016</a:t>
            </a:r>
            <a:r>
              <a:rPr sz="1400" spc="-20" dirty="0">
                <a:latin typeface="Meiryo UI"/>
                <a:cs typeface="Meiryo UI"/>
              </a:rPr>
              <a:t>年６月にダイ	</a:t>
            </a:r>
            <a:r>
              <a:rPr sz="1400" spc="-15" dirty="0">
                <a:latin typeface="Meiryo UI"/>
                <a:cs typeface="Meiryo UI"/>
              </a:rPr>
              <a:t>ナミックマップ基盤株式会社</a:t>
            </a:r>
            <a:r>
              <a:rPr sz="1400" spc="-10" dirty="0">
                <a:latin typeface="Meiryo UI"/>
                <a:cs typeface="Meiryo UI"/>
              </a:rPr>
              <a:t>（DMP</a:t>
            </a:r>
            <a:r>
              <a:rPr sz="1400" dirty="0">
                <a:latin typeface="Meiryo UI"/>
                <a:cs typeface="Meiryo UI"/>
              </a:rPr>
              <a:t>社</a:t>
            </a:r>
            <a:r>
              <a:rPr sz="1400" spc="-15" dirty="0">
                <a:latin typeface="Meiryo UI"/>
                <a:cs typeface="Meiryo UI"/>
              </a:rPr>
              <a:t>）</a:t>
            </a:r>
            <a:r>
              <a:rPr sz="1400" spc="-20" dirty="0">
                <a:latin typeface="Meiryo UI"/>
                <a:cs typeface="Meiryo UI"/>
              </a:rPr>
              <a:t>を設立。</a:t>
            </a:r>
            <a:endParaRPr sz="1400">
              <a:latin typeface="Meiryo UI"/>
              <a:cs typeface="Meiryo UI"/>
            </a:endParaRPr>
          </a:p>
          <a:p>
            <a:pPr marL="281940" marR="123825" indent="-171450">
              <a:lnSpc>
                <a:spcPct val="100000"/>
              </a:lnSpc>
              <a:buFont typeface="Arial"/>
              <a:buChar char="•"/>
              <a:tabLst>
                <a:tab pos="283210" algn="l"/>
              </a:tabLst>
            </a:pPr>
            <a:r>
              <a:rPr sz="1400" spc="-20" dirty="0">
                <a:latin typeface="Meiryo UI"/>
                <a:cs typeface="Meiryo UI"/>
              </a:rPr>
              <a:t>同社は、産業革新機構、地図会社等６社、自動車メー	</a:t>
            </a:r>
            <a:r>
              <a:rPr sz="1400" dirty="0">
                <a:latin typeface="Meiryo UI"/>
                <a:cs typeface="Meiryo UI"/>
              </a:rPr>
              <a:t>カー</a:t>
            </a:r>
            <a:r>
              <a:rPr sz="1400" spc="-10" dirty="0">
                <a:latin typeface="Meiryo UI"/>
                <a:cs typeface="Meiryo UI"/>
              </a:rPr>
              <a:t>10</a:t>
            </a:r>
            <a:r>
              <a:rPr sz="1400" spc="-20" dirty="0">
                <a:latin typeface="Meiryo UI"/>
                <a:cs typeface="Meiryo UI"/>
              </a:rPr>
              <a:t>社が出資。</a:t>
            </a:r>
            <a:endParaRPr sz="1400">
              <a:latin typeface="Meiryo UI"/>
              <a:cs typeface="Meiryo UI"/>
            </a:endParaRPr>
          </a:p>
          <a:p>
            <a:pPr marL="282575" marR="5080" indent="-172085">
              <a:lnSpc>
                <a:spcPct val="100000"/>
              </a:lnSpc>
              <a:buFont typeface="Arial"/>
              <a:buChar char="•"/>
              <a:tabLst>
                <a:tab pos="282575" algn="l"/>
              </a:tabLst>
            </a:pPr>
            <a:r>
              <a:rPr sz="1400" spc="-10" dirty="0">
                <a:latin typeface="Meiryo UI"/>
                <a:cs typeface="Meiryo UI"/>
              </a:rPr>
              <a:t>SIP</a:t>
            </a:r>
            <a:r>
              <a:rPr sz="1400" spc="-20" dirty="0">
                <a:latin typeface="Meiryo UI"/>
                <a:cs typeface="Meiryo UI"/>
              </a:rPr>
              <a:t>にて、ダイナミックマップの共通仕様を策定し、</a:t>
            </a:r>
            <a:r>
              <a:rPr sz="1400" b="1" spc="-20" dirty="0">
                <a:solidFill>
                  <a:srgbClr val="FF0000"/>
                </a:solidFill>
                <a:latin typeface="Meiryo UI"/>
                <a:cs typeface="Meiryo UI"/>
              </a:rPr>
              <a:t>自動運転</a:t>
            </a:r>
            <a:r>
              <a:rPr sz="1400" b="1" spc="-15" dirty="0">
                <a:solidFill>
                  <a:srgbClr val="FF0000"/>
                </a:solidFill>
                <a:latin typeface="Meiryo UI"/>
                <a:cs typeface="Meiryo UI"/>
              </a:rPr>
              <a:t>向けの高精度地図製作を一元化</a:t>
            </a:r>
            <a:r>
              <a:rPr sz="1400" spc="-50" dirty="0">
                <a:latin typeface="Meiryo UI"/>
                <a:cs typeface="Meiryo UI"/>
              </a:rPr>
              <a:t>。</a:t>
            </a:r>
            <a:endParaRPr sz="1400">
              <a:latin typeface="Meiryo UI"/>
              <a:cs typeface="Meiryo UI"/>
            </a:endParaRPr>
          </a:p>
          <a:p>
            <a:pPr marL="282575" marR="32384" indent="-172085">
              <a:lnSpc>
                <a:spcPct val="100000"/>
              </a:lnSpc>
              <a:buFont typeface="Arial"/>
              <a:buChar char="•"/>
              <a:tabLst>
                <a:tab pos="282575" algn="l"/>
              </a:tabLst>
            </a:pPr>
            <a:r>
              <a:rPr sz="1400" spc="-10" dirty="0">
                <a:latin typeface="Meiryo UI"/>
                <a:cs typeface="Meiryo UI"/>
              </a:rPr>
              <a:t>同社は、2019</a:t>
            </a:r>
            <a:r>
              <a:rPr sz="1400" spc="-15" dirty="0">
                <a:latin typeface="Meiryo UI"/>
                <a:cs typeface="Meiryo UI"/>
              </a:rPr>
              <a:t>年に、北米における同業の</a:t>
            </a:r>
            <a:r>
              <a:rPr sz="1400" spc="-40" dirty="0">
                <a:latin typeface="Meiryo UI"/>
                <a:cs typeface="Meiryo UI"/>
              </a:rPr>
              <a:t>Ushr, </a:t>
            </a:r>
            <a:r>
              <a:rPr sz="1400" spc="-10" dirty="0">
                <a:latin typeface="Meiryo UI"/>
                <a:cs typeface="Meiryo UI"/>
              </a:rPr>
              <a:t>Inc</a:t>
            </a:r>
            <a:r>
              <a:rPr sz="1400" spc="-25" dirty="0">
                <a:latin typeface="Meiryo UI"/>
                <a:cs typeface="Meiryo UI"/>
              </a:rPr>
              <a:t>.を買</a:t>
            </a:r>
            <a:r>
              <a:rPr sz="1400" spc="-10" dirty="0">
                <a:latin typeface="Meiryo UI"/>
                <a:cs typeface="Meiryo UI"/>
              </a:rPr>
              <a:t>収するなど、</a:t>
            </a:r>
            <a:r>
              <a:rPr sz="1400" b="1" spc="-15" dirty="0">
                <a:solidFill>
                  <a:srgbClr val="FF0000"/>
                </a:solidFill>
                <a:latin typeface="Meiryo UI"/>
                <a:cs typeface="Meiryo UI"/>
              </a:rPr>
              <a:t>国際事業展開</a:t>
            </a:r>
            <a:r>
              <a:rPr sz="1400" spc="-20" dirty="0">
                <a:latin typeface="Meiryo UI"/>
                <a:cs typeface="Meiryo UI"/>
              </a:rPr>
              <a:t>を進めている。</a:t>
            </a:r>
            <a:endParaRPr sz="1400">
              <a:latin typeface="Meiryo UI"/>
              <a:cs typeface="Meiryo UI"/>
            </a:endParaRPr>
          </a:p>
          <a:p>
            <a:pPr marL="281305" marR="22860" indent="-171450">
              <a:lnSpc>
                <a:spcPct val="100000"/>
              </a:lnSpc>
              <a:buFont typeface="Arial"/>
              <a:buChar char="•"/>
              <a:tabLst>
                <a:tab pos="282575" algn="l"/>
              </a:tabLst>
            </a:pPr>
            <a:r>
              <a:rPr sz="1400" spc="-10" dirty="0">
                <a:latin typeface="Meiryo UI"/>
                <a:cs typeface="Meiryo UI"/>
              </a:rPr>
              <a:t>2021年にホンダが発売した</a:t>
            </a:r>
            <a:r>
              <a:rPr sz="1400" b="1" spc="-15" dirty="0">
                <a:solidFill>
                  <a:srgbClr val="FF0000"/>
                </a:solidFill>
                <a:latin typeface="Meiryo UI"/>
                <a:cs typeface="Meiryo UI"/>
              </a:rPr>
              <a:t>世界初のレベル</a:t>
            </a:r>
            <a:r>
              <a:rPr sz="1400" b="1" spc="-10" dirty="0">
                <a:solidFill>
                  <a:srgbClr val="FF0000"/>
                </a:solidFill>
                <a:latin typeface="Meiryo UI"/>
                <a:cs typeface="Meiryo UI"/>
              </a:rPr>
              <a:t>3</a:t>
            </a:r>
            <a:r>
              <a:rPr sz="1400" b="1" spc="-15" dirty="0">
                <a:solidFill>
                  <a:srgbClr val="FF0000"/>
                </a:solidFill>
                <a:latin typeface="Meiryo UI"/>
                <a:cs typeface="Meiryo UI"/>
              </a:rPr>
              <a:t>自動運転車	</a:t>
            </a:r>
            <a:r>
              <a:rPr sz="1400" b="1" spc="-5" dirty="0">
                <a:solidFill>
                  <a:srgbClr val="FF0000"/>
                </a:solidFill>
                <a:latin typeface="Meiryo UI"/>
                <a:cs typeface="Meiryo UI"/>
              </a:rPr>
              <a:t>に搭載</a:t>
            </a:r>
            <a:r>
              <a:rPr sz="1400" spc="-25" dirty="0">
                <a:latin typeface="Meiryo UI"/>
                <a:cs typeface="Meiryo UI"/>
              </a:rPr>
              <a:t>されるなど実装が進んでいる。</a:t>
            </a:r>
            <a:endParaRPr sz="1400">
              <a:latin typeface="Meiryo UI"/>
              <a:cs typeface="Meiryo UI"/>
            </a:endParaRPr>
          </a:p>
        </p:txBody>
      </p:sp>
      <p:sp>
        <p:nvSpPr>
          <p:cNvPr id="14" name="object 14"/>
          <p:cNvSpPr txBox="1"/>
          <p:nvPr/>
        </p:nvSpPr>
        <p:spPr>
          <a:xfrm>
            <a:off x="4606541" y="6076644"/>
            <a:ext cx="4429760" cy="768985"/>
          </a:xfrm>
          <a:prstGeom prst="rect">
            <a:avLst/>
          </a:prstGeom>
        </p:spPr>
        <p:txBody>
          <a:bodyPr vert="horz" wrap="square" lIns="0" tIns="52069" rIns="0" bIns="0" rtlCol="0">
            <a:spAutoFit/>
          </a:bodyPr>
          <a:lstStyle/>
          <a:p>
            <a:pPr marL="12700">
              <a:lnSpc>
                <a:spcPct val="100000"/>
              </a:lnSpc>
              <a:spcBef>
                <a:spcPts val="409"/>
              </a:spcBef>
            </a:pPr>
            <a:r>
              <a:rPr sz="1400" spc="-20" dirty="0">
                <a:latin typeface="Meiryo UI"/>
                <a:cs typeface="Meiryo UI"/>
              </a:rPr>
              <a:t>＜ダイナミックマップの売上の予測＞</a:t>
            </a:r>
            <a:endParaRPr sz="1400">
              <a:latin typeface="Meiryo UI"/>
              <a:cs typeface="Meiryo UI"/>
            </a:endParaRPr>
          </a:p>
          <a:p>
            <a:pPr marL="127635">
              <a:lnSpc>
                <a:spcPts val="1535"/>
              </a:lnSpc>
              <a:spcBef>
                <a:spcPts val="315"/>
              </a:spcBef>
            </a:pPr>
            <a:r>
              <a:rPr sz="1400" b="1" dirty="0">
                <a:solidFill>
                  <a:srgbClr val="FF0000"/>
                </a:solidFill>
                <a:latin typeface="Meiryo UI"/>
                <a:cs typeface="Meiryo UI"/>
              </a:rPr>
              <a:t>売上予測</a:t>
            </a:r>
            <a:r>
              <a:rPr sz="1400" b="1" spc="-10" dirty="0">
                <a:solidFill>
                  <a:srgbClr val="FF0000"/>
                </a:solidFill>
                <a:latin typeface="Meiryo UI"/>
                <a:cs typeface="Meiryo UI"/>
              </a:rPr>
              <a:t>（2030</a:t>
            </a:r>
            <a:r>
              <a:rPr sz="1400" b="1" dirty="0">
                <a:solidFill>
                  <a:srgbClr val="FF0000"/>
                </a:solidFill>
                <a:latin typeface="Meiryo UI"/>
                <a:cs typeface="Meiryo UI"/>
              </a:rPr>
              <a:t>年）：</a:t>
            </a:r>
            <a:r>
              <a:rPr sz="1400" b="1" spc="10" dirty="0">
                <a:solidFill>
                  <a:srgbClr val="FF0000"/>
                </a:solidFill>
                <a:latin typeface="Meiryo UI"/>
                <a:cs typeface="Meiryo UI"/>
              </a:rPr>
              <a:t> </a:t>
            </a:r>
            <a:r>
              <a:rPr sz="1400" b="1" spc="-10" dirty="0">
                <a:solidFill>
                  <a:srgbClr val="FF0000"/>
                </a:solidFill>
                <a:latin typeface="Meiryo UI"/>
                <a:cs typeface="Meiryo UI"/>
              </a:rPr>
              <a:t>100</a:t>
            </a:r>
            <a:r>
              <a:rPr sz="1400" b="1" spc="10" dirty="0">
                <a:solidFill>
                  <a:srgbClr val="FF0000"/>
                </a:solidFill>
                <a:latin typeface="Meiryo UI"/>
                <a:cs typeface="Meiryo UI"/>
              </a:rPr>
              <a:t>億円  </a:t>
            </a:r>
            <a:r>
              <a:rPr sz="900" spc="-10" dirty="0">
                <a:latin typeface="Meiryo UI"/>
                <a:cs typeface="Meiryo UI"/>
              </a:rPr>
              <a:t>※DMP</a:t>
            </a:r>
            <a:r>
              <a:rPr sz="900" spc="-25" dirty="0">
                <a:latin typeface="Meiryo UI"/>
                <a:cs typeface="Meiryo UI"/>
              </a:rPr>
              <a:t>社の情報を基に推計。</a:t>
            </a:r>
            <a:endParaRPr sz="900">
              <a:latin typeface="Meiryo UI"/>
              <a:cs typeface="Meiryo UI"/>
            </a:endParaRPr>
          </a:p>
          <a:p>
            <a:pPr marR="5080" algn="r">
              <a:lnSpc>
                <a:spcPts val="2014"/>
              </a:lnSpc>
            </a:pPr>
            <a:r>
              <a:rPr sz="1800" b="1" spc="-50" dirty="0">
                <a:latin typeface="HGPｺﾞｼｯｸM"/>
                <a:cs typeface="HGPｺﾞｼｯｸM"/>
              </a:rPr>
              <a:t>４</a:t>
            </a:r>
            <a:endParaRPr sz="1800">
              <a:latin typeface="HGPｺﾞｼｯｸM"/>
              <a:cs typeface="HGPｺﾞｼｯｸM"/>
            </a:endParaRPr>
          </a:p>
        </p:txBody>
      </p:sp>
      <p:grpSp>
        <p:nvGrpSpPr>
          <p:cNvPr id="15" name="object 15"/>
          <p:cNvGrpSpPr/>
          <p:nvPr/>
        </p:nvGrpSpPr>
        <p:grpSpPr>
          <a:xfrm>
            <a:off x="4657661" y="4755959"/>
            <a:ext cx="4377055" cy="1207135"/>
            <a:chOff x="4657661" y="4755959"/>
            <a:chExt cx="4377055" cy="1207135"/>
          </a:xfrm>
        </p:grpSpPr>
        <p:pic>
          <p:nvPicPr>
            <p:cNvPr id="16" name="object 16"/>
            <p:cNvPicPr/>
            <p:nvPr/>
          </p:nvPicPr>
          <p:blipFill>
            <a:blip r:embed="rId6" cstate="print"/>
            <a:stretch>
              <a:fillRect/>
            </a:stretch>
          </p:blipFill>
          <p:spPr>
            <a:xfrm>
              <a:off x="7394447" y="4756403"/>
              <a:ext cx="1639823" cy="900683"/>
            </a:xfrm>
            <a:prstGeom prst="rect">
              <a:avLst/>
            </a:prstGeom>
          </p:spPr>
        </p:pic>
        <p:pic>
          <p:nvPicPr>
            <p:cNvPr id="17" name="object 17"/>
            <p:cNvPicPr/>
            <p:nvPr/>
          </p:nvPicPr>
          <p:blipFill>
            <a:blip r:embed="rId7" cstate="print"/>
            <a:stretch>
              <a:fillRect/>
            </a:stretch>
          </p:blipFill>
          <p:spPr>
            <a:xfrm>
              <a:off x="5630595" y="4755959"/>
              <a:ext cx="1559476" cy="1206571"/>
            </a:xfrm>
            <a:prstGeom prst="rect">
              <a:avLst/>
            </a:prstGeom>
          </p:spPr>
        </p:pic>
        <p:pic>
          <p:nvPicPr>
            <p:cNvPr id="18" name="object 18"/>
            <p:cNvPicPr/>
            <p:nvPr/>
          </p:nvPicPr>
          <p:blipFill>
            <a:blip r:embed="rId8" cstate="print"/>
            <a:stretch>
              <a:fillRect/>
            </a:stretch>
          </p:blipFill>
          <p:spPr>
            <a:xfrm>
              <a:off x="4657661" y="5457407"/>
              <a:ext cx="1106054" cy="468183"/>
            </a:xfrm>
            <a:prstGeom prst="rect">
              <a:avLst/>
            </a:prstGeom>
          </p:spPr>
        </p:pic>
        <p:pic>
          <p:nvPicPr>
            <p:cNvPr id="19" name="object 19"/>
            <p:cNvPicPr/>
            <p:nvPr/>
          </p:nvPicPr>
          <p:blipFill>
            <a:blip r:embed="rId9" cstate="print"/>
            <a:stretch>
              <a:fillRect/>
            </a:stretch>
          </p:blipFill>
          <p:spPr>
            <a:xfrm>
              <a:off x="4709426" y="5147754"/>
              <a:ext cx="97777" cy="567563"/>
            </a:xfrm>
            <a:prstGeom prst="rect">
              <a:avLst/>
            </a:prstGeom>
          </p:spPr>
        </p:pic>
        <p:pic>
          <p:nvPicPr>
            <p:cNvPr id="20" name="object 20"/>
            <p:cNvPicPr/>
            <p:nvPr/>
          </p:nvPicPr>
          <p:blipFill>
            <a:blip r:embed="rId10" cstate="print"/>
            <a:stretch>
              <a:fillRect/>
            </a:stretch>
          </p:blipFill>
          <p:spPr>
            <a:xfrm>
              <a:off x="4668342" y="5333378"/>
              <a:ext cx="1083868" cy="458328"/>
            </a:xfrm>
            <a:prstGeom prst="rect">
              <a:avLst/>
            </a:prstGeom>
          </p:spPr>
        </p:pic>
        <p:pic>
          <p:nvPicPr>
            <p:cNvPr id="21" name="object 21"/>
            <p:cNvPicPr/>
            <p:nvPr/>
          </p:nvPicPr>
          <p:blipFill>
            <a:blip r:embed="rId10" cstate="print"/>
            <a:stretch>
              <a:fillRect/>
            </a:stretch>
          </p:blipFill>
          <p:spPr>
            <a:xfrm>
              <a:off x="4668342" y="5169928"/>
              <a:ext cx="1083868" cy="459147"/>
            </a:xfrm>
            <a:prstGeom prst="rect">
              <a:avLst/>
            </a:prstGeom>
          </p:spPr>
        </p:pic>
        <p:pic>
          <p:nvPicPr>
            <p:cNvPr id="22" name="object 22"/>
            <p:cNvPicPr/>
            <p:nvPr/>
          </p:nvPicPr>
          <p:blipFill>
            <a:blip r:embed="rId11" cstate="print"/>
            <a:stretch>
              <a:fillRect/>
            </a:stretch>
          </p:blipFill>
          <p:spPr>
            <a:xfrm>
              <a:off x="5504052" y="5519838"/>
              <a:ext cx="130649" cy="69810"/>
            </a:xfrm>
            <a:prstGeom prst="rect">
              <a:avLst/>
            </a:prstGeom>
          </p:spPr>
        </p:pic>
        <p:pic>
          <p:nvPicPr>
            <p:cNvPr id="23" name="object 23"/>
            <p:cNvPicPr/>
            <p:nvPr/>
          </p:nvPicPr>
          <p:blipFill>
            <a:blip r:embed="rId12" cstate="print"/>
            <a:stretch>
              <a:fillRect/>
            </a:stretch>
          </p:blipFill>
          <p:spPr>
            <a:xfrm>
              <a:off x="4796535" y="5537902"/>
              <a:ext cx="204606" cy="97734"/>
            </a:xfrm>
            <a:prstGeom prst="rect">
              <a:avLst/>
            </a:prstGeom>
          </p:spPr>
        </p:pic>
        <p:pic>
          <p:nvPicPr>
            <p:cNvPr id="24" name="object 24"/>
            <p:cNvPicPr/>
            <p:nvPr/>
          </p:nvPicPr>
          <p:blipFill>
            <a:blip r:embed="rId13" cstate="print"/>
            <a:stretch>
              <a:fillRect/>
            </a:stretch>
          </p:blipFill>
          <p:spPr>
            <a:xfrm>
              <a:off x="4829403" y="5334202"/>
              <a:ext cx="171738" cy="130594"/>
            </a:xfrm>
            <a:prstGeom prst="rect">
              <a:avLst/>
            </a:prstGeom>
          </p:spPr>
        </p:pic>
        <p:pic>
          <p:nvPicPr>
            <p:cNvPr id="25" name="object 25"/>
            <p:cNvPicPr/>
            <p:nvPr/>
          </p:nvPicPr>
          <p:blipFill>
            <a:blip r:embed="rId14" cstate="print"/>
            <a:stretch>
              <a:fillRect/>
            </a:stretch>
          </p:blipFill>
          <p:spPr>
            <a:xfrm>
              <a:off x="5253418" y="5620041"/>
              <a:ext cx="124901" cy="91172"/>
            </a:xfrm>
            <a:prstGeom prst="rect">
              <a:avLst/>
            </a:prstGeom>
          </p:spPr>
        </p:pic>
        <p:pic>
          <p:nvPicPr>
            <p:cNvPr id="26" name="object 26"/>
            <p:cNvPicPr/>
            <p:nvPr/>
          </p:nvPicPr>
          <p:blipFill>
            <a:blip r:embed="rId15" cstate="print"/>
            <a:stretch>
              <a:fillRect/>
            </a:stretch>
          </p:blipFill>
          <p:spPr>
            <a:xfrm>
              <a:off x="5061128" y="5440159"/>
              <a:ext cx="190638" cy="121563"/>
            </a:xfrm>
            <a:prstGeom prst="rect">
              <a:avLst/>
            </a:prstGeom>
          </p:spPr>
        </p:pic>
        <p:pic>
          <p:nvPicPr>
            <p:cNvPr id="27" name="object 27"/>
            <p:cNvPicPr/>
            <p:nvPr/>
          </p:nvPicPr>
          <p:blipFill>
            <a:blip r:embed="rId16" cstate="print"/>
            <a:stretch>
              <a:fillRect/>
            </a:stretch>
          </p:blipFill>
          <p:spPr>
            <a:xfrm>
              <a:off x="5293681" y="5358841"/>
              <a:ext cx="311437" cy="168375"/>
            </a:xfrm>
            <a:prstGeom prst="rect">
              <a:avLst/>
            </a:prstGeom>
          </p:spPr>
        </p:pic>
        <p:pic>
          <p:nvPicPr>
            <p:cNvPr id="28" name="object 28"/>
            <p:cNvPicPr/>
            <p:nvPr/>
          </p:nvPicPr>
          <p:blipFill>
            <a:blip r:embed="rId10" cstate="print"/>
            <a:stretch>
              <a:fillRect/>
            </a:stretch>
          </p:blipFill>
          <p:spPr>
            <a:xfrm>
              <a:off x="4668342" y="4998262"/>
              <a:ext cx="1083868" cy="459143"/>
            </a:xfrm>
            <a:prstGeom prst="rect">
              <a:avLst/>
            </a:prstGeom>
          </p:spPr>
        </p:pic>
        <p:pic>
          <p:nvPicPr>
            <p:cNvPr id="29" name="object 29"/>
            <p:cNvPicPr/>
            <p:nvPr/>
          </p:nvPicPr>
          <p:blipFill>
            <a:blip r:embed="rId17" cstate="print"/>
            <a:stretch>
              <a:fillRect/>
            </a:stretch>
          </p:blipFill>
          <p:spPr>
            <a:xfrm>
              <a:off x="5386539" y="5214278"/>
              <a:ext cx="188997" cy="90345"/>
            </a:xfrm>
            <a:prstGeom prst="rect">
              <a:avLst/>
            </a:prstGeom>
          </p:spPr>
        </p:pic>
        <p:pic>
          <p:nvPicPr>
            <p:cNvPr id="30" name="object 30"/>
            <p:cNvPicPr/>
            <p:nvPr/>
          </p:nvPicPr>
          <p:blipFill>
            <a:blip r:embed="rId18" cstate="print"/>
            <a:stretch>
              <a:fillRect/>
            </a:stretch>
          </p:blipFill>
          <p:spPr>
            <a:xfrm>
              <a:off x="5096463" y="5043436"/>
              <a:ext cx="129002" cy="99377"/>
            </a:xfrm>
            <a:prstGeom prst="rect">
              <a:avLst/>
            </a:prstGeom>
          </p:spPr>
        </p:pic>
        <p:pic>
          <p:nvPicPr>
            <p:cNvPr id="31" name="object 31"/>
            <p:cNvPicPr/>
            <p:nvPr/>
          </p:nvPicPr>
          <p:blipFill>
            <a:blip r:embed="rId19" cstate="print"/>
            <a:stretch>
              <a:fillRect/>
            </a:stretch>
          </p:blipFill>
          <p:spPr>
            <a:xfrm>
              <a:off x="4960886" y="5195392"/>
              <a:ext cx="308963" cy="102666"/>
            </a:xfrm>
            <a:prstGeom prst="rect">
              <a:avLst/>
            </a:prstGeom>
          </p:spPr>
        </p:pic>
        <p:pic>
          <p:nvPicPr>
            <p:cNvPr id="32" name="object 32"/>
            <p:cNvPicPr/>
            <p:nvPr/>
          </p:nvPicPr>
          <p:blipFill>
            <a:blip r:embed="rId20" cstate="print"/>
            <a:stretch>
              <a:fillRect/>
            </a:stretch>
          </p:blipFill>
          <p:spPr>
            <a:xfrm>
              <a:off x="4842548" y="5057395"/>
              <a:ext cx="110109" cy="93635"/>
            </a:xfrm>
            <a:prstGeom prst="rect">
              <a:avLst/>
            </a:prstGeom>
          </p:spPr>
        </p:pic>
      </p:grpSp>
      <p:sp>
        <p:nvSpPr>
          <p:cNvPr id="33" name="object 33"/>
          <p:cNvSpPr txBox="1"/>
          <p:nvPr/>
        </p:nvSpPr>
        <p:spPr>
          <a:xfrm>
            <a:off x="5635113" y="5008523"/>
            <a:ext cx="504825" cy="127000"/>
          </a:xfrm>
          <a:prstGeom prst="rect">
            <a:avLst/>
          </a:prstGeom>
          <a:ln w="10677">
            <a:solidFill>
              <a:srgbClr val="000000"/>
            </a:solidFill>
          </a:ln>
        </p:spPr>
        <p:txBody>
          <a:bodyPr vert="horz" wrap="square" lIns="0" tIns="18415" rIns="0" bIns="0" rtlCol="0">
            <a:spAutoFit/>
          </a:bodyPr>
          <a:lstStyle/>
          <a:p>
            <a:pPr marL="86995">
              <a:lnSpc>
                <a:spcPct val="100000"/>
              </a:lnSpc>
              <a:spcBef>
                <a:spcPts val="145"/>
              </a:spcBef>
            </a:pPr>
            <a:r>
              <a:rPr sz="650" b="1" spc="-20" dirty="0">
                <a:latin typeface="Meiryo UI"/>
                <a:cs typeface="Meiryo UI"/>
              </a:rPr>
              <a:t>動的情報</a:t>
            </a:r>
            <a:endParaRPr sz="650">
              <a:latin typeface="Meiryo UI"/>
              <a:cs typeface="Meiryo UI"/>
            </a:endParaRPr>
          </a:p>
        </p:txBody>
      </p:sp>
      <p:sp>
        <p:nvSpPr>
          <p:cNvPr id="34" name="object 34"/>
          <p:cNvSpPr txBox="1"/>
          <p:nvPr/>
        </p:nvSpPr>
        <p:spPr>
          <a:xfrm>
            <a:off x="5645796" y="5232760"/>
            <a:ext cx="505459" cy="127000"/>
          </a:xfrm>
          <a:prstGeom prst="rect">
            <a:avLst/>
          </a:prstGeom>
          <a:ln w="10677">
            <a:solidFill>
              <a:srgbClr val="000000"/>
            </a:solidFill>
          </a:ln>
        </p:spPr>
        <p:txBody>
          <a:bodyPr vert="horz" wrap="square" lIns="0" tIns="18415" rIns="0" bIns="0" rtlCol="0">
            <a:spAutoFit/>
          </a:bodyPr>
          <a:lstStyle/>
          <a:p>
            <a:pPr marL="46355">
              <a:lnSpc>
                <a:spcPct val="100000"/>
              </a:lnSpc>
              <a:spcBef>
                <a:spcPts val="145"/>
              </a:spcBef>
            </a:pPr>
            <a:r>
              <a:rPr sz="650" b="1" spc="-20" dirty="0">
                <a:latin typeface="Meiryo UI"/>
                <a:cs typeface="Meiryo UI"/>
              </a:rPr>
              <a:t>準動的情報</a:t>
            </a:r>
            <a:endParaRPr sz="650">
              <a:latin typeface="Meiryo UI"/>
              <a:cs typeface="Meiryo UI"/>
            </a:endParaRPr>
          </a:p>
        </p:txBody>
      </p:sp>
      <p:sp>
        <p:nvSpPr>
          <p:cNvPr id="35" name="object 35"/>
          <p:cNvSpPr txBox="1"/>
          <p:nvPr/>
        </p:nvSpPr>
        <p:spPr>
          <a:xfrm>
            <a:off x="5646618" y="5434819"/>
            <a:ext cx="505459" cy="127000"/>
          </a:xfrm>
          <a:prstGeom prst="rect">
            <a:avLst/>
          </a:prstGeom>
          <a:ln w="10677">
            <a:solidFill>
              <a:srgbClr val="000000"/>
            </a:solidFill>
          </a:ln>
        </p:spPr>
        <p:txBody>
          <a:bodyPr vert="horz" wrap="square" lIns="0" tIns="18415" rIns="0" bIns="0" rtlCol="0">
            <a:spAutoFit/>
          </a:bodyPr>
          <a:lstStyle/>
          <a:p>
            <a:pPr marL="46355">
              <a:lnSpc>
                <a:spcPct val="100000"/>
              </a:lnSpc>
              <a:spcBef>
                <a:spcPts val="145"/>
              </a:spcBef>
            </a:pPr>
            <a:r>
              <a:rPr sz="650" b="1" spc="-20" dirty="0">
                <a:latin typeface="Meiryo UI"/>
                <a:cs typeface="Meiryo UI"/>
              </a:rPr>
              <a:t>準静的情報</a:t>
            </a:r>
            <a:endParaRPr sz="650">
              <a:latin typeface="Meiryo UI"/>
              <a:cs typeface="Meiryo UI"/>
            </a:endParaRPr>
          </a:p>
        </p:txBody>
      </p:sp>
      <p:sp>
        <p:nvSpPr>
          <p:cNvPr id="36" name="object 36"/>
          <p:cNvSpPr txBox="1"/>
          <p:nvPr/>
        </p:nvSpPr>
        <p:spPr>
          <a:xfrm>
            <a:off x="5645796" y="5652485"/>
            <a:ext cx="505459" cy="127000"/>
          </a:xfrm>
          <a:prstGeom prst="rect">
            <a:avLst/>
          </a:prstGeom>
          <a:ln w="10677">
            <a:solidFill>
              <a:srgbClr val="000000"/>
            </a:solidFill>
          </a:ln>
        </p:spPr>
        <p:txBody>
          <a:bodyPr vert="horz" wrap="square" lIns="0" tIns="19050" rIns="0" bIns="0" rtlCol="0">
            <a:spAutoFit/>
          </a:bodyPr>
          <a:lstStyle/>
          <a:p>
            <a:pPr marL="87630">
              <a:lnSpc>
                <a:spcPct val="100000"/>
              </a:lnSpc>
              <a:spcBef>
                <a:spcPts val="150"/>
              </a:spcBef>
            </a:pPr>
            <a:r>
              <a:rPr sz="650" b="1" spc="-20" dirty="0">
                <a:latin typeface="Meiryo UI"/>
                <a:cs typeface="Meiryo UI"/>
              </a:rPr>
              <a:t>静的情報</a:t>
            </a:r>
            <a:endParaRPr sz="650">
              <a:latin typeface="Meiryo UI"/>
              <a:cs typeface="Meiryo UI"/>
            </a:endParaRPr>
          </a:p>
        </p:txBody>
      </p:sp>
      <p:sp>
        <p:nvSpPr>
          <p:cNvPr id="37" name="object 37"/>
          <p:cNvSpPr/>
          <p:nvPr/>
        </p:nvSpPr>
        <p:spPr>
          <a:xfrm>
            <a:off x="4821181" y="4751841"/>
            <a:ext cx="1106170" cy="205104"/>
          </a:xfrm>
          <a:custGeom>
            <a:avLst/>
            <a:gdLst/>
            <a:ahLst/>
            <a:cxnLst/>
            <a:rect l="l" t="t" r="r" b="b"/>
            <a:pathLst>
              <a:path w="1106170" h="205104">
                <a:moveTo>
                  <a:pt x="1007712" y="204520"/>
                </a:moveTo>
                <a:lnTo>
                  <a:pt x="98338" y="204520"/>
                </a:lnTo>
                <a:lnTo>
                  <a:pt x="60060" y="196796"/>
                </a:lnTo>
                <a:lnTo>
                  <a:pt x="28802" y="175730"/>
                </a:lnTo>
                <a:lnTo>
                  <a:pt x="7727" y="144486"/>
                </a:lnTo>
                <a:lnTo>
                  <a:pt x="0" y="106225"/>
                </a:lnTo>
                <a:lnTo>
                  <a:pt x="0" y="98295"/>
                </a:lnTo>
                <a:lnTo>
                  <a:pt x="7727" y="60034"/>
                </a:lnTo>
                <a:lnTo>
                  <a:pt x="28802" y="28790"/>
                </a:lnTo>
                <a:lnTo>
                  <a:pt x="60060" y="7724"/>
                </a:lnTo>
                <a:lnTo>
                  <a:pt x="98338" y="0"/>
                </a:lnTo>
                <a:lnTo>
                  <a:pt x="1007712" y="0"/>
                </a:lnTo>
                <a:lnTo>
                  <a:pt x="1045990" y="7724"/>
                </a:lnTo>
                <a:lnTo>
                  <a:pt x="1077248" y="28790"/>
                </a:lnTo>
                <a:lnTo>
                  <a:pt x="1098323" y="60034"/>
                </a:lnTo>
                <a:lnTo>
                  <a:pt x="1106051" y="98295"/>
                </a:lnTo>
                <a:lnTo>
                  <a:pt x="1106051" y="106225"/>
                </a:lnTo>
                <a:lnTo>
                  <a:pt x="1098323" y="144486"/>
                </a:lnTo>
                <a:lnTo>
                  <a:pt x="1077248" y="175730"/>
                </a:lnTo>
                <a:lnTo>
                  <a:pt x="1045990" y="196796"/>
                </a:lnTo>
                <a:lnTo>
                  <a:pt x="1007712" y="204520"/>
                </a:lnTo>
                <a:close/>
              </a:path>
            </a:pathLst>
          </a:custGeom>
          <a:solidFill>
            <a:srgbClr val="1F487C"/>
          </a:solidFill>
        </p:spPr>
        <p:txBody>
          <a:bodyPr wrap="square" lIns="0" tIns="0" rIns="0" bIns="0" rtlCol="0"/>
          <a:lstStyle/>
          <a:p>
            <a:endParaRPr/>
          </a:p>
        </p:txBody>
      </p:sp>
      <p:sp>
        <p:nvSpPr>
          <p:cNvPr id="38" name="object 38"/>
          <p:cNvSpPr txBox="1"/>
          <p:nvPr/>
        </p:nvSpPr>
        <p:spPr>
          <a:xfrm>
            <a:off x="5600833" y="4767353"/>
            <a:ext cx="212725" cy="173355"/>
          </a:xfrm>
          <a:prstGeom prst="rect">
            <a:avLst/>
          </a:prstGeom>
        </p:spPr>
        <p:txBody>
          <a:bodyPr vert="horz" wrap="square" lIns="0" tIns="15240" rIns="0" bIns="0" rtlCol="0">
            <a:spAutoFit/>
          </a:bodyPr>
          <a:lstStyle/>
          <a:p>
            <a:pPr marL="12700">
              <a:lnSpc>
                <a:spcPct val="100000"/>
              </a:lnSpc>
              <a:spcBef>
                <a:spcPts val="120"/>
              </a:spcBef>
            </a:pPr>
            <a:r>
              <a:rPr sz="950" b="1" spc="-25" dirty="0">
                <a:solidFill>
                  <a:srgbClr val="FFFFFF"/>
                </a:solidFill>
                <a:latin typeface="Meiryo UI"/>
                <a:cs typeface="Meiryo UI"/>
              </a:rPr>
              <a:t>ップ</a:t>
            </a:r>
            <a:endParaRPr sz="950">
              <a:latin typeface="Meiryo UI"/>
              <a:cs typeface="Meiryo UI"/>
            </a:endParaRPr>
          </a:p>
        </p:txBody>
      </p:sp>
      <p:sp>
        <p:nvSpPr>
          <p:cNvPr id="39" name="object 39"/>
          <p:cNvSpPr txBox="1"/>
          <p:nvPr/>
        </p:nvSpPr>
        <p:spPr>
          <a:xfrm>
            <a:off x="5671150" y="5808281"/>
            <a:ext cx="855344" cy="140970"/>
          </a:xfrm>
          <a:prstGeom prst="rect">
            <a:avLst/>
          </a:prstGeom>
        </p:spPr>
        <p:txBody>
          <a:bodyPr vert="horz" wrap="square" lIns="0" tIns="13335" rIns="0" bIns="0" rtlCol="0">
            <a:spAutoFit/>
          </a:bodyPr>
          <a:lstStyle/>
          <a:p>
            <a:pPr marL="12700">
              <a:lnSpc>
                <a:spcPct val="100000"/>
              </a:lnSpc>
              <a:spcBef>
                <a:spcPts val="105"/>
              </a:spcBef>
            </a:pPr>
            <a:r>
              <a:rPr sz="750" dirty="0">
                <a:solidFill>
                  <a:srgbClr val="FF0000"/>
                </a:solidFill>
                <a:latin typeface="Meiryo UI"/>
                <a:cs typeface="Meiryo UI"/>
              </a:rPr>
              <a:t>【高精度3</a:t>
            </a:r>
            <a:r>
              <a:rPr sz="750" spc="-10" dirty="0">
                <a:solidFill>
                  <a:srgbClr val="FF0000"/>
                </a:solidFill>
                <a:latin typeface="Meiryo UI"/>
                <a:cs typeface="Meiryo UI"/>
              </a:rPr>
              <a:t>次元地図】</a:t>
            </a:r>
            <a:endParaRPr sz="750">
              <a:latin typeface="Meiryo UI"/>
              <a:cs typeface="Meiryo UI"/>
            </a:endParaRPr>
          </a:p>
        </p:txBody>
      </p:sp>
      <p:sp>
        <p:nvSpPr>
          <p:cNvPr id="40" name="object 40"/>
          <p:cNvSpPr txBox="1"/>
          <p:nvPr/>
        </p:nvSpPr>
        <p:spPr>
          <a:xfrm>
            <a:off x="7400597" y="5601760"/>
            <a:ext cx="1598295" cy="434975"/>
          </a:xfrm>
          <a:prstGeom prst="rect">
            <a:avLst/>
          </a:prstGeom>
        </p:spPr>
        <p:txBody>
          <a:bodyPr vert="horz" wrap="square" lIns="0" tIns="73025" rIns="0" bIns="0" rtlCol="0">
            <a:spAutoFit/>
          </a:bodyPr>
          <a:lstStyle/>
          <a:p>
            <a:pPr marR="5080" algn="r">
              <a:lnSpc>
                <a:spcPct val="100000"/>
              </a:lnSpc>
              <a:spcBef>
                <a:spcPts val="575"/>
              </a:spcBef>
            </a:pPr>
            <a:r>
              <a:rPr sz="1050" dirty="0">
                <a:latin typeface="メイリオ"/>
                <a:cs typeface="メイリオ"/>
              </a:rPr>
              <a:t>世界初</a:t>
            </a:r>
            <a:r>
              <a:rPr sz="1050" spc="-10" dirty="0">
                <a:latin typeface="メイリオ"/>
                <a:cs typeface="メイリオ"/>
              </a:rPr>
              <a:t>Lv3</a:t>
            </a:r>
            <a:r>
              <a:rPr sz="1050" spc="-20" dirty="0">
                <a:latin typeface="メイリオ"/>
                <a:cs typeface="メイリオ"/>
              </a:rPr>
              <a:t>自動運転車発売</a:t>
            </a:r>
            <a:endParaRPr sz="1050">
              <a:latin typeface="メイリオ"/>
              <a:cs typeface="メイリオ"/>
            </a:endParaRPr>
          </a:p>
          <a:p>
            <a:pPr marR="63500" algn="r">
              <a:lnSpc>
                <a:spcPct val="100000"/>
              </a:lnSpc>
              <a:spcBef>
                <a:spcPts val="405"/>
              </a:spcBef>
            </a:pPr>
            <a:r>
              <a:rPr sz="900" spc="-5" dirty="0">
                <a:latin typeface="メイリオ"/>
                <a:cs typeface="メイリオ"/>
              </a:rPr>
              <a:t>出典：ホンダウェブサイト</a:t>
            </a:r>
            <a:endParaRPr sz="900">
              <a:latin typeface="メイリオ"/>
              <a:cs typeface="メイリオ"/>
            </a:endParaRPr>
          </a:p>
        </p:txBody>
      </p:sp>
      <p:grpSp>
        <p:nvGrpSpPr>
          <p:cNvPr id="41" name="object 41"/>
          <p:cNvGrpSpPr/>
          <p:nvPr/>
        </p:nvGrpSpPr>
        <p:grpSpPr>
          <a:xfrm>
            <a:off x="6892797" y="4939029"/>
            <a:ext cx="666750" cy="500380"/>
            <a:chOff x="6892797" y="4939029"/>
            <a:chExt cx="666750" cy="500380"/>
          </a:xfrm>
        </p:grpSpPr>
        <p:sp>
          <p:nvSpPr>
            <p:cNvPr id="42" name="object 42"/>
            <p:cNvSpPr/>
            <p:nvPr/>
          </p:nvSpPr>
          <p:spPr>
            <a:xfrm>
              <a:off x="6899147" y="4945379"/>
              <a:ext cx="654050" cy="487680"/>
            </a:xfrm>
            <a:custGeom>
              <a:avLst/>
              <a:gdLst/>
              <a:ahLst/>
              <a:cxnLst/>
              <a:rect l="l" t="t" r="r" b="b"/>
              <a:pathLst>
                <a:path w="654050" h="487679">
                  <a:moveTo>
                    <a:pt x="409956" y="0"/>
                  </a:moveTo>
                  <a:lnTo>
                    <a:pt x="409956" y="121920"/>
                  </a:lnTo>
                  <a:lnTo>
                    <a:pt x="0" y="121920"/>
                  </a:lnTo>
                  <a:lnTo>
                    <a:pt x="0" y="365760"/>
                  </a:lnTo>
                  <a:lnTo>
                    <a:pt x="409956" y="365760"/>
                  </a:lnTo>
                  <a:lnTo>
                    <a:pt x="409956" y="487680"/>
                  </a:lnTo>
                  <a:lnTo>
                    <a:pt x="653796" y="243840"/>
                  </a:lnTo>
                  <a:lnTo>
                    <a:pt x="409956" y="0"/>
                  </a:lnTo>
                  <a:close/>
                </a:path>
              </a:pathLst>
            </a:custGeom>
            <a:solidFill>
              <a:srgbClr val="5B9BD4"/>
            </a:solidFill>
          </p:spPr>
          <p:txBody>
            <a:bodyPr wrap="square" lIns="0" tIns="0" rIns="0" bIns="0" rtlCol="0"/>
            <a:lstStyle/>
            <a:p>
              <a:endParaRPr/>
            </a:p>
          </p:txBody>
        </p:sp>
        <p:sp>
          <p:nvSpPr>
            <p:cNvPr id="43" name="object 43"/>
            <p:cNvSpPr/>
            <p:nvPr/>
          </p:nvSpPr>
          <p:spPr>
            <a:xfrm>
              <a:off x="6899147" y="4945379"/>
              <a:ext cx="654050" cy="487680"/>
            </a:xfrm>
            <a:custGeom>
              <a:avLst/>
              <a:gdLst/>
              <a:ahLst/>
              <a:cxnLst/>
              <a:rect l="l" t="t" r="r" b="b"/>
              <a:pathLst>
                <a:path w="654050" h="487679">
                  <a:moveTo>
                    <a:pt x="0" y="121920"/>
                  </a:moveTo>
                  <a:lnTo>
                    <a:pt x="409956" y="121920"/>
                  </a:lnTo>
                  <a:lnTo>
                    <a:pt x="409956" y="0"/>
                  </a:lnTo>
                  <a:lnTo>
                    <a:pt x="653796" y="243840"/>
                  </a:lnTo>
                  <a:lnTo>
                    <a:pt x="409956" y="487680"/>
                  </a:lnTo>
                  <a:lnTo>
                    <a:pt x="409956" y="365760"/>
                  </a:lnTo>
                  <a:lnTo>
                    <a:pt x="0" y="365760"/>
                  </a:lnTo>
                  <a:lnTo>
                    <a:pt x="0" y="121920"/>
                  </a:lnTo>
                  <a:close/>
                </a:path>
              </a:pathLst>
            </a:custGeom>
            <a:ln w="12192">
              <a:solidFill>
                <a:srgbClr val="41709C"/>
              </a:solidFill>
            </a:ln>
          </p:spPr>
          <p:txBody>
            <a:bodyPr wrap="square" lIns="0" tIns="0" rIns="0" bIns="0" rtlCol="0"/>
            <a:lstStyle/>
            <a:p>
              <a:endParaRPr/>
            </a:p>
          </p:txBody>
        </p:sp>
      </p:grpSp>
      <p:sp>
        <p:nvSpPr>
          <p:cNvPr id="44" name="object 44"/>
          <p:cNvSpPr txBox="1"/>
          <p:nvPr/>
        </p:nvSpPr>
        <p:spPr>
          <a:xfrm>
            <a:off x="6999598" y="5072508"/>
            <a:ext cx="330200" cy="208279"/>
          </a:xfrm>
          <a:prstGeom prst="rect">
            <a:avLst/>
          </a:prstGeom>
        </p:spPr>
        <p:txBody>
          <a:bodyPr vert="horz" wrap="square" lIns="0" tIns="12700" rIns="0" bIns="0" rtlCol="0">
            <a:spAutoFit/>
          </a:bodyPr>
          <a:lstStyle/>
          <a:p>
            <a:pPr marL="12700">
              <a:lnSpc>
                <a:spcPct val="100000"/>
              </a:lnSpc>
              <a:spcBef>
                <a:spcPts val="100"/>
              </a:spcBef>
            </a:pPr>
            <a:r>
              <a:rPr sz="1200" spc="-25" dirty="0">
                <a:solidFill>
                  <a:srgbClr val="FFFFFF"/>
                </a:solidFill>
                <a:latin typeface="游ゴシック"/>
                <a:cs typeface="游ゴシック"/>
              </a:rPr>
              <a:t>実装</a:t>
            </a:r>
            <a:endParaRPr sz="1200">
              <a:latin typeface="游ゴシック"/>
              <a:cs typeface="游ゴシック"/>
            </a:endParaRPr>
          </a:p>
        </p:txBody>
      </p:sp>
      <p:grpSp>
        <p:nvGrpSpPr>
          <p:cNvPr id="45" name="object 45"/>
          <p:cNvGrpSpPr/>
          <p:nvPr/>
        </p:nvGrpSpPr>
        <p:grpSpPr>
          <a:xfrm>
            <a:off x="533400" y="1723644"/>
            <a:ext cx="3266440" cy="478790"/>
            <a:chOff x="533400" y="1723644"/>
            <a:chExt cx="3266440" cy="478790"/>
          </a:xfrm>
        </p:grpSpPr>
        <p:pic>
          <p:nvPicPr>
            <p:cNvPr id="46" name="object 46"/>
            <p:cNvPicPr/>
            <p:nvPr/>
          </p:nvPicPr>
          <p:blipFill>
            <a:blip r:embed="rId21" cstate="print"/>
            <a:stretch>
              <a:fillRect/>
            </a:stretch>
          </p:blipFill>
          <p:spPr>
            <a:xfrm>
              <a:off x="533400" y="1723644"/>
              <a:ext cx="3265931" cy="443483"/>
            </a:xfrm>
            <a:prstGeom prst="rect">
              <a:avLst/>
            </a:prstGeom>
          </p:spPr>
        </p:pic>
        <p:pic>
          <p:nvPicPr>
            <p:cNvPr id="47" name="object 47"/>
            <p:cNvPicPr/>
            <p:nvPr/>
          </p:nvPicPr>
          <p:blipFill>
            <a:blip r:embed="rId22" cstate="print"/>
            <a:stretch>
              <a:fillRect/>
            </a:stretch>
          </p:blipFill>
          <p:spPr>
            <a:xfrm>
              <a:off x="556260" y="1743456"/>
              <a:ext cx="3218687" cy="458723"/>
            </a:xfrm>
            <a:prstGeom prst="rect">
              <a:avLst/>
            </a:prstGeom>
          </p:spPr>
        </p:pic>
      </p:grpSp>
      <p:sp>
        <p:nvSpPr>
          <p:cNvPr id="48" name="object 48"/>
          <p:cNvSpPr txBox="1"/>
          <p:nvPr/>
        </p:nvSpPr>
        <p:spPr>
          <a:xfrm>
            <a:off x="580644" y="1748027"/>
            <a:ext cx="3171825" cy="349250"/>
          </a:xfrm>
          <a:prstGeom prst="rect">
            <a:avLst/>
          </a:prstGeom>
          <a:solidFill>
            <a:srgbClr val="000066"/>
          </a:solidFill>
          <a:ln w="9144">
            <a:solidFill>
              <a:srgbClr val="292988"/>
            </a:solidFill>
          </a:ln>
        </p:spPr>
        <p:txBody>
          <a:bodyPr vert="horz" wrap="square" lIns="0" tIns="68580" rIns="0" bIns="0" rtlCol="0">
            <a:spAutoFit/>
          </a:bodyPr>
          <a:lstStyle/>
          <a:p>
            <a:pPr marL="125095">
              <a:lnSpc>
                <a:spcPct val="100000"/>
              </a:lnSpc>
              <a:spcBef>
                <a:spcPts val="540"/>
              </a:spcBef>
            </a:pPr>
            <a:r>
              <a:rPr sz="1400" spc="-20" dirty="0">
                <a:solidFill>
                  <a:srgbClr val="FFFFFF"/>
                </a:solidFill>
                <a:latin typeface="Meiryo UI"/>
                <a:cs typeface="Meiryo UI"/>
              </a:rPr>
              <a:t>エネルギーキャリア</a:t>
            </a:r>
            <a:r>
              <a:rPr sz="1400" dirty="0">
                <a:solidFill>
                  <a:srgbClr val="FFFFFF"/>
                </a:solidFill>
                <a:latin typeface="Meiryo UI"/>
                <a:cs typeface="Meiryo UI"/>
              </a:rPr>
              <a:t>（</a:t>
            </a:r>
            <a:r>
              <a:rPr sz="1400" spc="-15" dirty="0">
                <a:solidFill>
                  <a:srgbClr val="FFFFFF"/>
                </a:solidFill>
                <a:latin typeface="Meiryo UI"/>
                <a:cs typeface="Meiryo UI"/>
              </a:rPr>
              <a:t>アンモニア燃焼</a:t>
            </a:r>
            <a:r>
              <a:rPr sz="1400" dirty="0">
                <a:solidFill>
                  <a:srgbClr val="FFFFFF"/>
                </a:solidFill>
                <a:latin typeface="Meiryo UI"/>
                <a:cs typeface="Meiryo UI"/>
              </a:rPr>
              <a:t>）</a:t>
            </a:r>
            <a:r>
              <a:rPr sz="1400" spc="-30" dirty="0">
                <a:solidFill>
                  <a:srgbClr val="FFFFFF"/>
                </a:solidFill>
                <a:latin typeface="Meiryo UI"/>
                <a:cs typeface="Meiryo UI"/>
              </a:rPr>
              <a:t>の例</a:t>
            </a:r>
            <a:endParaRPr sz="1400">
              <a:latin typeface="Meiryo UI"/>
              <a:cs typeface="Meiryo UI"/>
            </a:endParaRPr>
          </a:p>
        </p:txBody>
      </p:sp>
      <p:pic>
        <p:nvPicPr>
          <p:cNvPr id="49" name="object 49"/>
          <p:cNvPicPr/>
          <p:nvPr/>
        </p:nvPicPr>
        <p:blipFill>
          <a:blip r:embed="rId23" cstate="print"/>
          <a:stretch>
            <a:fillRect/>
          </a:stretch>
        </p:blipFill>
        <p:spPr>
          <a:xfrm>
            <a:off x="2037588" y="4024884"/>
            <a:ext cx="2380475" cy="1165859"/>
          </a:xfrm>
          <a:prstGeom prst="rect">
            <a:avLst/>
          </a:prstGeom>
        </p:spPr>
      </p:pic>
      <p:sp>
        <p:nvSpPr>
          <p:cNvPr id="50" name="object 50"/>
          <p:cNvSpPr/>
          <p:nvPr/>
        </p:nvSpPr>
        <p:spPr>
          <a:xfrm>
            <a:off x="0" y="5559552"/>
            <a:ext cx="4625340" cy="1298575"/>
          </a:xfrm>
          <a:custGeom>
            <a:avLst/>
            <a:gdLst/>
            <a:ahLst/>
            <a:cxnLst/>
            <a:rect l="l" t="t" r="r" b="b"/>
            <a:pathLst>
              <a:path w="4625340" h="1298575">
                <a:moveTo>
                  <a:pt x="4625340" y="252984"/>
                </a:moveTo>
                <a:lnTo>
                  <a:pt x="3552444" y="252984"/>
                </a:lnTo>
                <a:lnTo>
                  <a:pt x="3552444" y="0"/>
                </a:lnTo>
                <a:lnTo>
                  <a:pt x="0" y="0"/>
                </a:lnTo>
                <a:lnTo>
                  <a:pt x="0" y="252984"/>
                </a:lnTo>
                <a:lnTo>
                  <a:pt x="0" y="307848"/>
                </a:lnTo>
                <a:lnTo>
                  <a:pt x="0" y="1298448"/>
                </a:lnTo>
                <a:lnTo>
                  <a:pt x="4625340" y="1298448"/>
                </a:lnTo>
                <a:lnTo>
                  <a:pt x="4625340" y="252984"/>
                </a:lnTo>
                <a:close/>
              </a:path>
            </a:pathLst>
          </a:custGeom>
          <a:solidFill>
            <a:srgbClr val="FFFFFF"/>
          </a:solidFill>
        </p:spPr>
        <p:txBody>
          <a:bodyPr wrap="square" lIns="0" tIns="0" rIns="0" bIns="0" rtlCol="0"/>
          <a:lstStyle/>
          <a:p>
            <a:endParaRPr/>
          </a:p>
        </p:txBody>
      </p:sp>
      <p:sp>
        <p:nvSpPr>
          <p:cNvPr id="51" name="object 51"/>
          <p:cNvSpPr txBox="1"/>
          <p:nvPr/>
        </p:nvSpPr>
        <p:spPr>
          <a:xfrm>
            <a:off x="78739" y="5553598"/>
            <a:ext cx="3867150" cy="1308735"/>
          </a:xfrm>
          <a:prstGeom prst="rect">
            <a:avLst/>
          </a:prstGeom>
        </p:spPr>
        <p:txBody>
          <a:bodyPr vert="horz" wrap="square" lIns="0" tIns="52069" rIns="0" bIns="0" rtlCol="0">
            <a:spAutoFit/>
          </a:bodyPr>
          <a:lstStyle/>
          <a:p>
            <a:pPr marL="12700">
              <a:lnSpc>
                <a:spcPct val="100000"/>
              </a:lnSpc>
              <a:spcBef>
                <a:spcPts val="409"/>
              </a:spcBef>
            </a:pPr>
            <a:r>
              <a:rPr sz="1400" spc="-25" dirty="0">
                <a:latin typeface="Meiryo UI"/>
                <a:cs typeface="Meiryo UI"/>
              </a:rPr>
              <a:t>＜アンモニア燃焼関連の売上の予測＞</a:t>
            </a:r>
            <a:endParaRPr sz="1400">
              <a:latin typeface="Meiryo UI"/>
              <a:cs typeface="Meiryo UI"/>
            </a:endParaRPr>
          </a:p>
          <a:p>
            <a:pPr marL="92710">
              <a:lnSpc>
                <a:spcPct val="100000"/>
              </a:lnSpc>
              <a:spcBef>
                <a:spcPts val="315"/>
              </a:spcBef>
            </a:pPr>
            <a:r>
              <a:rPr sz="1400" spc="-20" dirty="0">
                <a:latin typeface="Meiryo UI"/>
                <a:cs typeface="Meiryo UI"/>
              </a:rPr>
              <a:t>①燃料として消費されるアンモニア、</a:t>
            </a:r>
            <a:endParaRPr sz="1400">
              <a:latin typeface="Meiryo UI"/>
              <a:cs typeface="Meiryo UI"/>
            </a:endParaRPr>
          </a:p>
          <a:p>
            <a:pPr marL="92710">
              <a:lnSpc>
                <a:spcPct val="100000"/>
              </a:lnSpc>
            </a:pPr>
            <a:r>
              <a:rPr sz="1400" spc="-25" dirty="0">
                <a:latin typeface="Meiryo UI"/>
                <a:cs typeface="Meiryo UI"/>
              </a:rPr>
              <a:t>②アンモニア燃焼に付随する設備・インフラの合計</a:t>
            </a:r>
            <a:endParaRPr sz="1400">
              <a:latin typeface="Meiryo UI"/>
              <a:cs typeface="Meiryo UI"/>
            </a:endParaRPr>
          </a:p>
          <a:p>
            <a:pPr marL="92710">
              <a:lnSpc>
                <a:spcPct val="100000"/>
              </a:lnSpc>
            </a:pPr>
            <a:r>
              <a:rPr sz="1400" b="1" dirty="0">
                <a:solidFill>
                  <a:srgbClr val="FF0000"/>
                </a:solidFill>
                <a:latin typeface="Meiryo UI"/>
                <a:cs typeface="Meiryo UI"/>
              </a:rPr>
              <a:t>売上予測</a:t>
            </a:r>
            <a:r>
              <a:rPr sz="1400" b="1" spc="-10" dirty="0">
                <a:solidFill>
                  <a:srgbClr val="FF0000"/>
                </a:solidFill>
                <a:latin typeface="Meiryo UI"/>
                <a:cs typeface="Meiryo UI"/>
              </a:rPr>
              <a:t>（2030</a:t>
            </a:r>
            <a:r>
              <a:rPr sz="1400" b="1" dirty="0">
                <a:solidFill>
                  <a:srgbClr val="FF0000"/>
                </a:solidFill>
                <a:latin typeface="Meiryo UI"/>
                <a:cs typeface="Meiryo UI"/>
              </a:rPr>
              <a:t>年）：約</a:t>
            </a:r>
            <a:r>
              <a:rPr sz="1400" b="1" spc="-10" dirty="0">
                <a:solidFill>
                  <a:srgbClr val="FF0000"/>
                </a:solidFill>
                <a:latin typeface="Meiryo UI"/>
                <a:cs typeface="Meiryo UI"/>
              </a:rPr>
              <a:t>0.2</a:t>
            </a:r>
            <a:r>
              <a:rPr sz="1400" b="1" dirty="0">
                <a:solidFill>
                  <a:srgbClr val="FF0000"/>
                </a:solidFill>
                <a:latin typeface="Meiryo UI"/>
                <a:cs typeface="Meiryo UI"/>
              </a:rPr>
              <a:t>兆円～</a:t>
            </a:r>
            <a:r>
              <a:rPr sz="1400" b="1" spc="-10" dirty="0">
                <a:solidFill>
                  <a:srgbClr val="FF0000"/>
                </a:solidFill>
                <a:latin typeface="Meiryo UI"/>
                <a:cs typeface="Meiryo UI"/>
              </a:rPr>
              <a:t>約0.4</a:t>
            </a:r>
            <a:r>
              <a:rPr sz="1400" b="1" spc="-25" dirty="0">
                <a:solidFill>
                  <a:srgbClr val="FF0000"/>
                </a:solidFill>
                <a:latin typeface="Meiryo UI"/>
                <a:cs typeface="Meiryo UI"/>
              </a:rPr>
              <a:t>兆円</a:t>
            </a:r>
            <a:endParaRPr sz="1400">
              <a:latin typeface="Meiryo UI"/>
              <a:cs typeface="Meiryo UI"/>
            </a:endParaRPr>
          </a:p>
          <a:p>
            <a:pPr marL="92710">
              <a:lnSpc>
                <a:spcPts val="1675"/>
              </a:lnSpc>
            </a:pPr>
            <a:r>
              <a:rPr sz="1400" dirty="0">
                <a:latin typeface="Meiryo UI"/>
                <a:cs typeface="Meiryo UI"/>
              </a:rPr>
              <a:t>売上予測</a:t>
            </a:r>
            <a:r>
              <a:rPr sz="1400" spc="-10" dirty="0">
                <a:latin typeface="Meiryo UI"/>
                <a:cs typeface="Meiryo UI"/>
              </a:rPr>
              <a:t>（2050</a:t>
            </a:r>
            <a:r>
              <a:rPr sz="1400" dirty="0">
                <a:latin typeface="Meiryo UI"/>
                <a:cs typeface="Meiryo UI"/>
              </a:rPr>
              <a:t>年）：約</a:t>
            </a:r>
            <a:r>
              <a:rPr sz="1400" spc="-20" dirty="0">
                <a:latin typeface="Meiryo UI"/>
                <a:cs typeface="Meiryo UI"/>
              </a:rPr>
              <a:t>1.1</a:t>
            </a:r>
            <a:r>
              <a:rPr sz="1400" spc="-10" dirty="0">
                <a:latin typeface="Meiryo UI"/>
                <a:cs typeface="Meiryo UI"/>
              </a:rPr>
              <a:t>兆円</a:t>
            </a:r>
            <a:r>
              <a:rPr sz="1400" dirty="0">
                <a:latin typeface="Meiryo UI"/>
                <a:cs typeface="Meiryo UI"/>
              </a:rPr>
              <a:t>～約</a:t>
            </a:r>
            <a:r>
              <a:rPr sz="1400" spc="-20" dirty="0">
                <a:latin typeface="Meiryo UI"/>
                <a:cs typeface="Meiryo UI"/>
              </a:rPr>
              <a:t>1.2</a:t>
            </a:r>
            <a:r>
              <a:rPr sz="1400" spc="-25" dirty="0">
                <a:latin typeface="Meiryo UI"/>
                <a:cs typeface="Meiryo UI"/>
              </a:rPr>
              <a:t>兆円</a:t>
            </a:r>
            <a:endParaRPr sz="1400">
              <a:latin typeface="Meiryo UI"/>
              <a:cs typeface="Meiryo UI"/>
            </a:endParaRPr>
          </a:p>
          <a:p>
            <a:pPr marL="92710">
              <a:lnSpc>
                <a:spcPts val="1075"/>
              </a:lnSpc>
            </a:pPr>
            <a:r>
              <a:rPr sz="900" spc="-25" dirty="0">
                <a:latin typeface="Meiryo UI"/>
                <a:cs typeface="Meiryo UI"/>
              </a:rPr>
              <a:t>※資源エネルギー庁の資料を基に試算。</a:t>
            </a:r>
            <a:endParaRPr sz="900">
              <a:latin typeface="Meiryo UI"/>
              <a:cs typeface="Meiryo UI"/>
            </a:endParaRPr>
          </a:p>
        </p:txBody>
      </p:sp>
      <p:sp>
        <p:nvSpPr>
          <p:cNvPr id="52" name="object 52"/>
          <p:cNvSpPr txBox="1"/>
          <p:nvPr/>
        </p:nvSpPr>
        <p:spPr>
          <a:xfrm>
            <a:off x="20157" y="2089186"/>
            <a:ext cx="4453890" cy="3176905"/>
          </a:xfrm>
          <a:prstGeom prst="rect">
            <a:avLst/>
          </a:prstGeom>
        </p:spPr>
        <p:txBody>
          <a:bodyPr vert="horz" wrap="square" lIns="0" tIns="74295" rIns="0" bIns="0" rtlCol="0">
            <a:spAutoFit/>
          </a:bodyPr>
          <a:lstStyle/>
          <a:p>
            <a:pPr marL="12700">
              <a:lnSpc>
                <a:spcPct val="100000"/>
              </a:lnSpc>
              <a:spcBef>
                <a:spcPts val="585"/>
              </a:spcBef>
            </a:pPr>
            <a:r>
              <a:rPr sz="1400" spc="-5" dirty="0">
                <a:latin typeface="メイリオ"/>
                <a:cs typeface="メイリオ"/>
              </a:rPr>
              <a:t>＜社会実装の進捗状況＞</a:t>
            </a:r>
            <a:endParaRPr sz="1400">
              <a:latin typeface="メイリオ"/>
              <a:cs typeface="メイリオ"/>
            </a:endParaRPr>
          </a:p>
          <a:p>
            <a:pPr marL="281305" marR="40005" indent="-171450">
              <a:lnSpc>
                <a:spcPct val="100000"/>
              </a:lnSpc>
              <a:spcBef>
                <a:spcPts val="484"/>
              </a:spcBef>
              <a:buFont typeface="Arial"/>
              <a:buChar char="•"/>
              <a:tabLst>
                <a:tab pos="282575" algn="l"/>
              </a:tabLst>
            </a:pPr>
            <a:r>
              <a:rPr sz="1400" spc="-10" dirty="0">
                <a:latin typeface="Meiryo UI"/>
                <a:cs typeface="Meiryo UI"/>
              </a:rPr>
              <a:t>SIP</a:t>
            </a:r>
            <a:r>
              <a:rPr sz="1400" spc="-15" dirty="0">
                <a:latin typeface="Meiryo UI"/>
                <a:cs typeface="Meiryo UI"/>
              </a:rPr>
              <a:t>以前は、概念自体がなかったが、</a:t>
            </a:r>
            <a:r>
              <a:rPr sz="1400" spc="-10" dirty="0">
                <a:latin typeface="Meiryo UI"/>
                <a:cs typeface="Meiryo UI"/>
              </a:rPr>
              <a:t>SIP</a:t>
            </a:r>
            <a:r>
              <a:rPr sz="1400" spc="-20" dirty="0">
                <a:latin typeface="Meiryo UI"/>
                <a:cs typeface="Meiryo UI"/>
              </a:rPr>
              <a:t>を通してアンモニア	燃焼による発電技術を確立。</a:t>
            </a:r>
            <a:endParaRPr sz="1400">
              <a:latin typeface="Meiryo UI"/>
              <a:cs typeface="Meiryo UI"/>
            </a:endParaRPr>
          </a:p>
          <a:p>
            <a:pPr marL="281305" marR="5080" indent="-171450">
              <a:lnSpc>
                <a:spcPct val="100000"/>
              </a:lnSpc>
              <a:buFont typeface="Arial"/>
              <a:buChar char="•"/>
              <a:tabLst>
                <a:tab pos="282575" algn="l"/>
              </a:tabLst>
            </a:pPr>
            <a:r>
              <a:rPr sz="1400" spc="-10" dirty="0">
                <a:latin typeface="Meiryo UI"/>
                <a:cs typeface="Meiryo UI"/>
              </a:rPr>
              <a:t>SIP</a:t>
            </a:r>
            <a:r>
              <a:rPr sz="1400" spc="-30" dirty="0">
                <a:latin typeface="Meiryo UI"/>
                <a:cs typeface="Meiryo UI"/>
              </a:rPr>
              <a:t>の参加企業等により、一般社団法人クリーン燃料アンモ	</a:t>
            </a:r>
            <a:r>
              <a:rPr sz="1400" spc="-10" dirty="0">
                <a:latin typeface="Meiryo UI"/>
                <a:cs typeface="Meiryo UI"/>
              </a:rPr>
              <a:t>ニア協会</a:t>
            </a:r>
            <a:r>
              <a:rPr sz="1400" spc="-20" dirty="0">
                <a:latin typeface="Meiryo UI"/>
                <a:cs typeface="Meiryo UI"/>
              </a:rPr>
              <a:t>（CFAA）を設立。</a:t>
            </a:r>
            <a:endParaRPr sz="1400">
              <a:latin typeface="Meiryo UI"/>
              <a:cs typeface="Meiryo UI"/>
            </a:endParaRPr>
          </a:p>
          <a:p>
            <a:pPr marL="281305" marR="139700" indent="-171450">
              <a:lnSpc>
                <a:spcPct val="100000"/>
              </a:lnSpc>
              <a:spcBef>
                <a:spcPts val="5"/>
              </a:spcBef>
              <a:buFont typeface="Arial"/>
              <a:buChar char="•"/>
              <a:tabLst>
                <a:tab pos="282575" algn="l"/>
              </a:tabLst>
            </a:pPr>
            <a:r>
              <a:rPr sz="1400" spc="-10" dirty="0">
                <a:latin typeface="Meiryo UI"/>
                <a:cs typeface="Meiryo UI"/>
              </a:rPr>
              <a:t>火力発電所において</a:t>
            </a:r>
            <a:r>
              <a:rPr sz="1400" b="1" spc="-10" dirty="0">
                <a:solidFill>
                  <a:srgbClr val="FF0000"/>
                </a:solidFill>
                <a:latin typeface="Meiryo UI"/>
                <a:cs typeface="Meiryo UI"/>
              </a:rPr>
              <a:t>アンモニア20</a:t>
            </a:r>
            <a:r>
              <a:rPr sz="1400" b="1" spc="-5" dirty="0">
                <a:solidFill>
                  <a:srgbClr val="FF0000"/>
                </a:solidFill>
                <a:latin typeface="Meiryo UI"/>
                <a:cs typeface="Meiryo UI"/>
              </a:rPr>
              <a:t>%混焼</a:t>
            </a:r>
            <a:r>
              <a:rPr sz="1400" b="1" dirty="0">
                <a:solidFill>
                  <a:srgbClr val="FF0000"/>
                </a:solidFill>
                <a:latin typeface="Meiryo UI"/>
                <a:cs typeface="Meiryo UI"/>
              </a:rPr>
              <a:t>（</a:t>
            </a:r>
            <a:r>
              <a:rPr sz="1400" b="1" spc="-10" dirty="0">
                <a:solidFill>
                  <a:srgbClr val="FF0000"/>
                </a:solidFill>
                <a:latin typeface="Meiryo UI"/>
                <a:cs typeface="Meiryo UI"/>
              </a:rPr>
              <a:t>熱量比</a:t>
            </a:r>
            <a:r>
              <a:rPr sz="1400" b="1" spc="-15" dirty="0">
                <a:solidFill>
                  <a:srgbClr val="FF0000"/>
                </a:solidFill>
                <a:latin typeface="Meiryo UI"/>
                <a:cs typeface="Meiryo UI"/>
              </a:rPr>
              <a:t>）</a:t>
            </a:r>
            <a:r>
              <a:rPr sz="1400" b="1" spc="-50" dirty="0">
                <a:solidFill>
                  <a:srgbClr val="FF0000"/>
                </a:solidFill>
                <a:latin typeface="Meiryo UI"/>
                <a:cs typeface="Meiryo UI"/>
              </a:rPr>
              <a:t>の	</a:t>
            </a:r>
            <a:r>
              <a:rPr sz="1400" b="1" spc="-5" dirty="0">
                <a:solidFill>
                  <a:srgbClr val="FF0000"/>
                </a:solidFill>
                <a:latin typeface="Meiryo UI"/>
                <a:cs typeface="Meiryo UI"/>
              </a:rPr>
              <a:t>実証段階を実施</a:t>
            </a:r>
            <a:r>
              <a:rPr sz="1400" dirty="0">
                <a:latin typeface="Meiryo UI"/>
                <a:cs typeface="Meiryo UI"/>
              </a:rPr>
              <a:t>。（</a:t>
            </a:r>
            <a:r>
              <a:rPr sz="1400" spc="-15" dirty="0">
                <a:latin typeface="Meiryo UI"/>
                <a:cs typeface="Meiryo UI"/>
              </a:rPr>
              <a:t>碧南火力発電所の</a:t>
            </a:r>
            <a:r>
              <a:rPr sz="1400" spc="-10" dirty="0">
                <a:latin typeface="Meiryo UI"/>
                <a:cs typeface="Meiryo UI"/>
              </a:rPr>
              <a:t>4号機</a:t>
            </a:r>
            <a:r>
              <a:rPr sz="1400" spc="-50" dirty="0">
                <a:latin typeface="Meiryo UI"/>
                <a:cs typeface="Meiryo UI"/>
              </a:rPr>
              <a:t>）</a:t>
            </a:r>
            <a:endParaRPr sz="1400">
              <a:latin typeface="Meiryo UI"/>
              <a:cs typeface="Meiryo UI"/>
            </a:endParaRPr>
          </a:p>
          <a:p>
            <a:pPr marL="281940" indent="-171450">
              <a:lnSpc>
                <a:spcPct val="100000"/>
              </a:lnSpc>
              <a:buFont typeface="Arial"/>
              <a:buChar char="•"/>
              <a:tabLst>
                <a:tab pos="281940" algn="l"/>
              </a:tabLst>
            </a:pPr>
            <a:r>
              <a:rPr sz="1400" b="1" spc="-10" dirty="0">
                <a:solidFill>
                  <a:srgbClr val="FF0000"/>
                </a:solidFill>
                <a:latin typeface="Meiryo UI"/>
                <a:cs typeface="Meiryo UI"/>
              </a:rPr>
              <a:t>2027年度の商業化予定</a:t>
            </a:r>
            <a:r>
              <a:rPr sz="1400" spc="-50" dirty="0">
                <a:latin typeface="Meiryo UI"/>
                <a:cs typeface="Meiryo UI"/>
              </a:rPr>
              <a:t>。</a:t>
            </a:r>
            <a:endParaRPr sz="1400">
              <a:latin typeface="Meiryo UI"/>
              <a:cs typeface="Meiryo UI"/>
            </a:endParaRPr>
          </a:p>
          <a:p>
            <a:pPr marL="281940" marR="2593975" indent="-171450" algn="just">
              <a:lnSpc>
                <a:spcPct val="100000"/>
              </a:lnSpc>
              <a:spcBef>
                <a:spcPts val="315"/>
              </a:spcBef>
              <a:buFont typeface="Arial"/>
              <a:buChar char="•"/>
              <a:tabLst>
                <a:tab pos="283210" algn="l"/>
              </a:tabLst>
            </a:pPr>
            <a:r>
              <a:rPr sz="1400" spc="-5" dirty="0">
                <a:latin typeface="Meiryo UI"/>
                <a:cs typeface="Meiryo UI"/>
              </a:rPr>
              <a:t>また、</a:t>
            </a:r>
            <a:r>
              <a:rPr sz="1400" b="1" dirty="0">
                <a:solidFill>
                  <a:srgbClr val="FF0000"/>
                </a:solidFill>
                <a:latin typeface="Meiryo UI"/>
                <a:cs typeface="Meiryo UI"/>
              </a:rPr>
              <a:t>混焼率</a:t>
            </a:r>
            <a:r>
              <a:rPr sz="1400" b="1" spc="-10" dirty="0">
                <a:solidFill>
                  <a:srgbClr val="FF0000"/>
                </a:solidFill>
                <a:latin typeface="Meiryo UI"/>
                <a:cs typeface="Meiryo UI"/>
              </a:rPr>
              <a:t>50</a:t>
            </a:r>
            <a:r>
              <a:rPr sz="1400" b="1" spc="-30" dirty="0">
                <a:solidFill>
                  <a:srgbClr val="FF0000"/>
                </a:solidFill>
                <a:latin typeface="Meiryo UI"/>
                <a:cs typeface="Meiryo UI"/>
              </a:rPr>
              <a:t>％以	</a:t>
            </a:r>
            <a:r>
              <a:rPr sz="1400" b="1" spc="-15" dirty="0">
                <a:solidFill>
                  <a:srgbClr val="FF0000"/>
                </a:solidFill>
                <a:latin typeface="Meiryo UI"/>
                <a:cs typeface="Meiryo UI"/>
              </a:rPr>
              <a:t>上の領域で研究開発	</a:t>
            </a:r>
            <a:r>
              <a:rPr sz="1400" spc="-20" dirty="0">
                <a:latin typeface="Meiryo UI"/>
                <a:cs typeface="Meiryo UI"/>
              </a:rPr>
              <a:t>が進展。</a:t>
            </a:r>
            <a:endParaRPr sz="1400">
              <a:latin typeface="Meiryo UI"/>
              <a:cs typeface="Meiryo UI"/>
            </a:endParaRPr>
          </a:p>
          <a:p>
            <a:pPr marL="281940" marR="2571115" indent="-171450" algn="just">
              <a:lnSpc>
                <a:spcPct val="100000"/>
              </a:lnSpc>
              <a:buFont typeface="Arial"/>
              <a:buChar char="•"/>
              <a:tabLst>
                <a:tab pos="283210" algn="l"/>
              </a:tabLst>
            </a:pPr>
            <a:r>
              <a:rPr sz="1400" spc="-15" dirty="0">
                <a:latin typeface="Meiryo UI"/>
                <a:cs typeface="Meiryo UI"/>
              </a:rPr>
              <a:t>石炭火力発電所での</a:t>
            </a:r>
            <a:r>
              <a:rPr sz="1400" spc="-50" dirty="0">
                <a:latin typeface="Meiryo UI"/>
                <a:cs typeface="Meiryo UI"/>
              </a:rPr>
              <a:t> 	</a:t>
            </a:r>
            <a:r>
              <a:rPr sz="1400" spc="-10" dirty="0">
                <a:latin typeface="Meiryo UI"/>
                <a:cs typeface="Meiryo UI"/>
              </a:rPr>
              <a:t>CO2</a:t>
            </a:r>
            <a:r>
              <a:rPr sz="1400" spc="-20" dirty="0">
                <a:latin typeface="Meiryo UI"/>
                <a:cs typeface="Meiryo UI"/>
              </a:rPr>
              <a:t>排出削減に向け	</a:t>
            </a:r>
            <a:r>
              <a:rPr sz="1400" b="1" spc="-15" dirty="0">
                <a:solidFill>
                  <a:srgbClr val="FF0000"/>
                </a:solidFill>
                <a:latin typeface="Meiryo UI"/>
                <a:cs typeface="Meiryo UI"/>
              </a:rPr>
              <a:t>アンモニア燃焼が世界</a:t>
            </a:r>
            <a:endParaRPr sz="1400">
              <a:latin typeface="Meiryo UI"/>
              <a:cs typeface="Meiryo UI"/>
            </a:endParaRPr>
          </a:p>
        </p:txBody>
      </p:sp>
      <p:sp>
        <p:nvSpPr>
          <p:cNvPr id="53" name="object 53"/>
          <p:cNvSpPr txBox="1"/>
          <p:nvPr/>
        </p:nvSpPr>
        <p:spPr>
          <a:xfrm>
            <a:off x="290748" y="5239999"/>
            <a:ext cx="823594" cy="239395"/>
          </a:xfrm>
          <a:prstGeom prst="rect">
            <a:avLst/>
          </a:prstGeom>
        </p:spPr>
        <p:txBody>
          <a:bodyPr vert="horz" wrap="square" lIns="0" tIns="12700" rIns="0" bIns="0" rtlCol="0">
            <a:spAutoFit/>
          </a:bodyPr>
          <a:lstStyle/>
          <a:p>
            <a:pPr marL="12700">
              <a:lnSpc>
                <a:spcPct val="100000"/>
              </a:lnSpc>
              <a:spcBef>
                <a:spcPts val="100"/>
              </a:spcBef>
            </a:pPr>
            <a:r>
              <a:rPr sz="1400" b="1" spc="-5" dirty="0">
                <a:solidFill>
                  <a:srgbClr val="FF0000"/>
                </a:solidFill>
                <a:latin typeface="Meiryo UI"/>
                <a:cs typeface="Meiryo UI"/>
              </a:rPr>
              <a:t>的に注目</a:t>
            </a:r>
            <a:r>
              <a:rPr sz="1400" spc="-50" dirty="0">
                <a:latin typeface="Meiryo UI"/>
                <a:cs typeface="Meiryo UI"/>
              </a:rPr>
              <a:t>。</a:t>
            </a:r>
            <a:endParaRPr sz="1400">
              <a:latin typeface="Meiryo UI"/>
              <a:cs typeface="Meiryo UI"/>
            </a:endParaRPr>
          </a:p>
        </p:txBody>
      </p:sp>
      <p:sp>
        <p:nvSpPr>
          <p:cNvPr id="54" name="object 54"/>
          <p:cNvSpPr txBox="1"/>
          <p:nvPr/>
        </p:nvSpPr>
        <p:spPr>
          <a:xfrm>
            <a:off x="2609842" y="5264984"/>
            <a:ext cx="1198245" cy="162560"/>
          </a:xfrm>
          <a:prstGeom prst="rect">
            <a:avLst/>
          </a:prstGeom>
        </p:spPr>
        <p:txBody>
          <a:bodyPr vert="horz" wrap="square" lIns="0" tIns="12700" rIns="0" bIns="0" rtlCol="0">
            <a:spAutoFit/>
          </a:bodyPr>
          <a:lstStyle/>
          <a:p>
            <a:pPr marL="12700">
              <a:lnSpc>
                <a:spcPct val="100000"/>
              </a:lnSpc>
              <a:spcBef>
                <a:spcPts val="100"/>
              </a:spcBef>
            </a:pPr>
            <a:r>
              <a:rPr sz="900" dirty="0">
                <a:latin typeface="Meiryo UI"/>
                <a:cs typeface="Meiryo UI"/>
              </a:rPr>
              <a:t>出典：IHI</a:t>
            </a:r>
            <a:r>
              <a:rPr sz="900" spc="20" dirty="0">
                <a:latin typeface="Meiryo UI"/>
                <a:cs typeface="Meiryo UI"/>
              </a:rPr>
              <a:t> プレスリリース</a:t>
            </a:r>
            <a:endParaRPr sz="900">
              <a:latin typeface="Meiryo UI"/>
              <a:cs typeface="Meiryo UI"/>
            </a:endParaRPr>
          </a:p>
        </p:txBody>
      </p:sp>
      <p:sp>
        <p:nvSpPr>
          <p:cNvPr id="55" name="object 55"/>
          <p:cNvSpPr/>
          <p:nvPr/>
        </p:nvSpPr>
        <p:spPr>
          <a:xfrm>
            <a:off x="4541619" y="1851660"/>
            <a:ext cx="15875" cy="5006340"/>
          </a:xfrm>
          <a:custGeom>
            <a:avLst/>
            <a:gdLst/>
            <a:ahLst/>
            <a:cxnLst/>
            <a:rect l="l" t="t" r="r" b="b"/>
            <a:pathLst>
              <a:path w="15875" h="5006340">
                <a:moveTo>
                  <a:pt x="15264" y="0"/>
                </a:moveTo>
                <a:lnTo>
                  <a:pt x="0" y="5006340"/>
                </a:lnTo>
              </a:path>
            </a:pathLst>
          </a:custGeom>
          <a:ln w="3175">
            <a:solidFill>
              <a:srgbClr val="000000"/>
            </a:solidFill>
            <a:prstDash val="lgDash"/>
          </a:ln>
        </p:spPr>
        <p:txBody>
          <a:bodyPr wrap="square" lIns="0" tIns="0" rIns="0" bIns="0" rtlCol="0"/>
          <a:lstStyle/>
          <a:p>
            <a:endParaRPr/>
          </a:p>
        </p:txBody>
      </p:sp>
    </p:spTree>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6993135" y="4479554"/>
            <a:ext cx="2120629" cy="1710918"/>
          </a:xfrm>
          <a:prstGeom prst="rect">
            <a:avLst/>
          </a:prstGeom>
        </p:spPr>
      </p:pic>
      <p:pic>
        <p:nvPicPr>
          <p:cNvPr id="3" name="object 3"/>
          <p:cNvPicPr/>
          <p:nvPr/>
        </p:nvPicPr>
        <p:blipFill>
          <a:blip r:embed="rId3" cstate="print"/>
          <a:stretch>
            <a:fillRect/>
          </a:stretch>
        </p:blipFill>
        <p:spPr>
          <a:xfrm>
            <a:off x="0" y="0"/>
            <a:ext cx="9139428" cy="528827"/>
          </a:xfrm>
          <a:prstGeom prst="rect">
            <a:avLst/>
          </a:prstGeom>
        </p:spPr>
      </p:pic>
      <p:sp>
        <p:nvSpPr>
          <p:cNvPr id="4" name="object 4"/>
          <p:cNvSpPr txBox="1">
            <a:spLocks noGrp="1"/>
          </p:cNvSpPr>
          <p:nvPr>
            <p:ph type="title"/>
          </p:nvPr>
        </p:nvSpPr>
        <p:spPr>
          <a:xfrm>
            <a:off x="2906028" y="48609"/>
            <a:ext cx="3320415" cy="452120"/>
          </a:xfrm>
          <a:prstGeom prst="rect">
            <a:avLst/>
          </a:prstGeom>
        </p:spPr>
        <p:txBody>
          <a:bodyPr vert="horz" wrap="square" lIns="0" tIns="12065" rIns="0" bIns="0" rtlCol="0">
            <a:spAutoFit/>
          </a:bodyPr>
          <a:lstStyle/>
          <a:p>
            <a:pPr marL="12700">
              <a:lnSpc>
                <a:spcPct val="100000"/>
              </a:lnSpc>
              <a:spcBef>
                <a:spcPts val="95"/>
              </a:spcBef>
            </a:pPr>
            <a:r>
              <a:rPr sz="2800" spc="-40" dirty="0"/>
              <a:t>ＳＩＰ第２期の主な成果</a:t>
            </a:r>
            <a:endParaRPr sz="2800"/>
          </a:p>
        </p:txBody>
      </p:sp>
      <p:sp>
        <p:nvSpPr>
          <p:cNvPr id="5" name="object 5"/>
          <p:cNvSpPr txBox="1"/>
          <p:nvPr/>
        </p:nvSpPr>
        <p:spPr>
          <a:xfrm>
            <a:off x="8886128" y="6347361"/>
            <a:ext cx="176530" cy="299720"/>
          </a:xfrm>
          <a:prstGeom prst="rect">
            <a:avLst/>
          </a:prstGeom>
        </p:spPr>
        <p:txBody>
          <a:bodyPr vert="horz" wrap="square" lIns="0" tIns="12700" rIns="0" bIns="0" rtlCol="0">
            <a:spAutoFit/>
          </a:bodyPr>
          <a:lstStyle/>
          <a:p>
            <a:pPr marL="12700">
              <a:lnSpc>
                <a:spcPct val="100000"/>
              </a:lnSpc>
              <a:spcBef>
                <a:spcPts val="100"/>
              </a:spcBef>
            </a:pPr>
            <a:r>
              <a:rPr sz="1800" b="1" spc="-50" dirty="0">
                <a:latin typeface="HGPｺﾞｼｯｸM"/>
                <a:cs typeface="HGPｺﾞｼｯｸM"/>
              </a:rPr>
              <a:t>５</a:t>
            </a:r>
            <a:endParaRPr sz="1800">
              <a:latin typeface="HGPｺﾞｼｯｸM"/>
              <a:cs typeface="HGPｺﾞｼｯｸM"/>
            </a:endParaRPr>
          </a:p>
        </p:txBody>
      </p:sp>
      <p:grpSp>
        <p:nvGrpSpPr>
          <p:cNvPr id="6" name="object 6"/>
          <p:cNvGrpSpPr/>
          <p:nvPr/>
        </p:nvGrpSpPr>
        <p:grpSpPr>
          <a:xfrm>
            <a:off x="100584" y="1304544"/>
            <a:ext cx="8928100" cy="2550160"/>
            <a:chOff x="100584" y="1304544"/>
            <a:chExt cx="8928100" cy="2550160"/>
          </a:xfrm>
        </p:grpSpPr>
        <p:pic>
          <p:nvPicPr>
            <p:cNvPr id="7" name="object 7"/>
            <p:cNvPicPr/>
            <p:nvPr/>
          </p:nvPicPr>
          <p:blipFill>
            <a:blip r:embed="rId4" cstate="print"/>
            <a:stretch>
              <a:fillRect/>
            </a:stretch>
          </p:blipFill>
          <p:spPr>
            <a:xfrm>
              <a:off x="2801111" y="1304544"/>
              <a:ext cx="6227063" cy="2549651"/>
            </a:xfrm>
            <a:prstGeom prst="rect">
              <a:avLst/>
            </a:prstGeom>
          </p:spPr>
        </p:pic>
        <p:sp>
          <p:nvSpPr>
            <p:cNvPr id="8" name="object 8"/>
            <p:cNvSpPr/>
            <p:nvPr/>
          </p:nvSpPr>
          <p:spPr>
            <a:xfrm>
              <a:off x="100584" y="1304544"/>
              <a:ext cx="3459479" cy="370840"/>
            </a:xfrm>
            <a:custGeom>
              <a:avLst/>
              <a:gdLst/>
              <a:ahLst/>
              <a:cxnLst/>
              <a:rect l="l" t="t" r="r" b="b"/>
              <a:pathLst>
                <a:path w="3459479" h="370839">
                  <a:moveTo>
                    <a:pt x="3459479" y="0"/>
                  </a:moveTo>
                  <a:lnTo>
                    <a:pt x="0" y="0"/>
                  </a:lnTo>
                  <a:lnTo>
                    <a:pt x="0" y="370332"/>
                  </a:lnTo>
                  <a:lnTo>
                    <a:pt x="3459479" y="370332"/>
                  </a:lnTo>
                  <a:lnTo>
                    <a:pt x="3459479" y="0"/>
                  </a:lnTo>
                  <a:close/>
                </a:path>
              </a:pathLst>
            </a:custGeom>
            <a:solidFill>
              <a:srgbClr val="FFFFFF"/>
            </a:solidFill>
          </p:spPr>
          <p:txBody>
            <a:bodyPr wrap="square" lIns="0" tIns="0" rIns="0" bIns="0" rtlCol="0"/>
            <a:lstStyle/>
            <a:p>
              <a:endParaRPr/>
            </a:p>
          </p:txBody>
        </p:sp>
      </p:grpSp>
      <p:sp>
        <p:nvSpPr>
          <p:cNvPr id="9" name="object 9"/>
          <p:cNvSpPr txBox="1"/>
          <p:nvPr/>
        </p:nvSpPr>
        <p:spPr>
          <a:xfrm>
            <a:off x="100584" y="589787"/>
            <a:ext cx="8860790" cy="510540"/>
          </a:xfrm>
          <a:prstGeom prst="rect">
            <a:avLst/>
          </a:prstGeom>
          <a:ln w="9144">
            <a:solidFill>
              <a:srgbClr val="000000"/>
            </a:solidFill>
          </a:ln>
        </p:spPr>
        <p:txBody>
          <a:bodyPr vert="horz" wrap="square" lIns="0" tIns="12065" rIns="0" bIns="0" rtlCol="0">
            <a:spAutoFit/>
          </a:bodyPr>
          <a:lstStyle/>
          <a:p>
            <a:pPr marL="270510" marR="273050" indent="-180975">
              <a:lnSpc>
                <a:spcPct val="100000"/>
              </a:lnSpc>
              <a:spcBef>
                <a:spcPts val="95"/>
              </a:spcBef>
              <a:buSzPct val="93750"/>
              <a:buChar char="○"/>
              <a:tabLst>
                <a:tab pos="270510" algn="l"/>
                <a:tab pos="292735" algn="l"/>
              </a:tabLst>
            </a:pPr>
            <a:r>
              <a:rPr sz="1600" spc="-20" dirty="0">
                <a:latin typeface="Meiryo UI"/>
                <a:cs typeface="Meiryo UI"/>
              </a:rPr>
              <a:t>	SIP</a:t>
            </a:r>
            <a:r>
              <a:rPr sz="1600" spc="-25" dirty="0">
                <a:latin typeface="Meiryo UI"/>
                <a:cs typeface="Meiryo UI"/>
              </a:rPr>
              <a:t>第</a:t>
            </a:r>
            <a:r>
              <a:rPr sz="1600" spc="-10" dirty="0">
                <a:latin typeface="Meiryo UI"/>
                <a:cs typeface="Meiryo UI"/>
              </a:rPr>
              <a:t>2</a:t>
            </a:r>
            <a:r>
              <a:rPr sz="1600" spc="-25" dirty="0">
                <a:latin typeface="Meiryo UI"/>
                <a:cs typeface="Meiryo UI"/>
              </a:rPr>
              <a:t>期は令和</a:t>
            </a:r>
            <a:r>
              <a:rPr sz="1600" spc="-10" dirty="0">
                <a:latin typeface="Meiryo UI"/>
                <a:cs typeface="Meiryo UI"/>
              </a:rPr>
              <a:t>4</a:t>
            </a:r>
            <a:r>
              <a:rPr sz="1600" spc="-30" dirty="0">
                <a:latin typeface="Meiryo UI"/>
                <a:cs typeface="Meiryo UI"/>
              </a:rPr>
              <a:t>年度が最終年度であり、第</a:t>
            </a:r>
            <a:r>
              <a:rPr sz="1600" dirty="0">
                <a:latin typeface="Meiryo UI"/>
                <a:cs typeface="Meiryo UI"/>
              </a:rPr>
              <a:t>2</a:t>
            </a:r>
            <a:r>
              <a:rPr sz="1600" spc="-25" dirty="0">
                <a:latin typeface="Meiryo UI"/>
                <a:cs typeface="Meiryo UI"/>
              </a:rPr>
              <a:t>期</a:t>
            </a:r>
            <a:r>
              <a:rPr sz="1600" spc="-10" dirty="0">
                <a:latin typeface="Meiryo UI"/>
                <a:cs typeface="Meiryo UI"/>
              </a:rPr>
              <a:t>12</a:t>
            </a:r>
            <a:r>
              <a:rPr sz="1600" spc="-30" dirty="0">
                <a:latin typeface="Meiryo UI"/>
                <a:cs typeface="Meiryo UI"/>
              </a:rPr>
              <a:t>課題についてこれまでの成果を取りまとめ、終了時評価を実施。</a:t>
            </a:r>
            <a:r>
              <a:rPr sz="1600" b="1" spc="-25" dirty="0">
                <a:solidFill>
                  <a:srgbClr val="FF0000"/>
                </a:solidFill>
                <a:latin typeface="Meiryo UI"/>
                <a:cs typeface="Meiryo UI"/>
              </a:rPr>
              <a:t>各課題において</a:t>
            </a:r>
            <a:r>
              <a:rPr sz="1600" b="1" spc="-10" dirty="0">
                <a:solidFill>
                  <a:srgbClr val="FF0000"/>
                </a:solidFill>
                <a:latin typeface="Meiryo UI"/>
                <a:cs typeface="Meiryo UI"/>
              </a:rPr>
              <a:t>SIP</a:t>
            </a:r>
            <a:r>
              <a:rPr sz="1600" b="1" spc="-35" dirty="0">
                <a:solidFill>
                  <a:srgbClr val="FF0000"/>
                </a:solidFill>
                <a:latin typeface="Meiryo UI"/>
                <a:cs typeface="Meiryo UI"/>
              </a:rPr>
              <a:t>後の社会実装に向けた体制の構築を進めた。</a:t>
            </a:r>
            <a:endParaRPr sz="1600">
              <a:latin typeface="Meiryo UI"/>
              <a:cs typeface="Meiryo UI"/>
            </a:endParaRPr>
          </a:p>
        </p:txBody>
      </p:sp>
      <p:sp>
        <p:nvSpPr>
          <p:cNvPr id="10" name="object 10"/>
          <p:cNvSpPr txBox="1"/>
          <p:nvPr/>
        </p:nvSpPr>
        <p:spPr>
          <a:xfrm>
            <a:off x="100584" y="1304544"/>
            <a:ext cx="3459479" cy="370840"/>
          </a:xfrm>
          <a:prstGeom prst="rect">
            <a:avLst/>
          </a:prstGeom>
          <a:ln w="9144">
            <a:solidFill>
              <a:srgbClr val="2C2C89"/>
            </a:solidFill>
          </a:ln>
        </p:spPr>
        <p:txBody>
          <a:bodyPr vert="horz" wrap="square" lIns="0" tIns="81915" rIns="0" bIns="0" rtlCol="0">
            <a:spAutoFit/>
          </a:bodyPr>
          <a:lstStyle/>
          <a:p>
            <a:pPr marL="125730">
              <a:lnSpc>
                <a:spcPct val="100000"/>
              </a:lnSpc>
              <a:spcBef>
                <a:spcPts val="645"/>
              </a:spcBef>
            </a:pPr>
            <a:r>
              <a:rPr sz="1400" dirty="0">
                <a:latin typeface="メイリオ"/>
                <a:cs typeface="メイリオ"/>
              </a:rPr>
              <a:t>国家レジリエンス（</a:t>
            </a:r>
            <a:r>
              <a:rPr sz="1400" spc="-15" dirty="0">
                <a:latin typeface="メイリオ"/>
                <a:cs typeface="メイリオ"/>
              </a:rPr>
              <a:t>防災・減災</a:t>
            </a:r>
            <a:r>
              <a:rPr sz="1400" dirty="0">
                <a:latin typeface="メイリオ"/>
                <a:cs typeface="メイリオ"/>
              </a:rPr>
              <a:t>）</a:t>
            </a:r>
            <a:r>
              <a:rPr sz="1400" spc="-25" dirty="0">
                <a:latin typeface="メイリオ"/>
                <a:cs typeface="メイリオ"/>
              </a:rPr>
              <a:t>の強化</a:t>
            </a:r>
            <a:endParaRPr sz="1400">
              <a:latin typeface="メイリオ"/>
              <a:cs typeface="メイリオ"/>
            </a:endParaRPr>
          </a:p>
        </p:txBody>
      </p:sp>
      <p:sp>
        <p:nvSpPr>
          <p:cNvPr id="11" name="object 11"/>
          <p:cNvSpPr txBox="1"/>
          <p:nvPr/>
        </p:nvSpPr>
        <p:spPr>
          <a:xfrm>
            <a:off x="100584" y="3936491"/>
            <a:ext cx="3610610" cy="370840"/>
          </a:xfrm>
          <a:prstGeom prst="rect">
            <a:avLst/>
          </a:prstGeom>
          <a:ln w="9144">
            <a:solidFill>
              <a:srgbClr val="2C2C89"/>
            </a:solidFill>
          </a:ln>
        </p:spPr>
        <p:txBody>
          <a:bodyPr vert="horz" wrap="square" lIns="0" tIns="82550" rIns="0" bIns="0" rtlCol="0">
            <a:spAutoFit/>
          </a:bodyPr>
          <a:lstStyle/>
          <a:p>
            <a:pPr marL="202565">
              <a:lnSpc>
                <a:spcPct val="100000"/>
              </a:lnSpc>
              <a:spcBef>
                <a:spcPts val="650"/>
              </a:spcBef>
            </a:pPr>
            <a:r>
              <a:rPr sz="1400" dirty="0">
                <a:latin typeface="メイリオ"/>
                <a:cs typeface="メイリオ"/>
              </a:rPr>
              <a:t>自動運転（</a:t>
            </a:r>
            <a:r>
              <a:rPr sz="1400" spc="-15" dirty="0">
                <a:latin typeface="メイリオ"/>
                <a:cs typeface="メイリオ"/>
              </a:rPr>
              <a:t>システムとサービスの拡張</a:t>
            </a:r>
            <a:r>
              <a:rPr sz="1400" spc="-50" dirty="0">
                <a:latin typeface="メイリオ"/>
                <a:cs typeface="メイリオ"/>
              </a:rPr>
              <a:t>）</a:t>
            </a:r>
            <a:endParaRPr sz="1400">
              <a:latin typeface="メイリオ"/>
              <a:cs typeface="メイリオ"/>
            </a:endParaRPr>
          </a:p>
        </p:txBody>
      </p:sp>
      <p:sp>
        <p:nvSpPr>
          <p:cNvPr id="12" name="object 12"/>
          <p:cNvSpPr txBox="1"/>
          <p:nvPr/>
        </p:nvSpPr>
        <p:spPr>
          <a:xfrm>
            <a:off x="263489" y="4465994"/>
            <a:ext cx="2890520" cy="482600"/>
          </a:xfrm>
          <a:prstGeom prst="rect">
            <a:avLst/>
          </a:prstGeom>
        </p:spPr>
        <p:txBody>
          <a:bodyPr vert="horz" wrap="square" lIns="0" tIns="12700" rIns="0" bIns="0" rtlCol="0">
            <a:spAutoFit/>
          </a:bodyPr>
          <a:lstStyle/>
          <a:p>
            <a:pPr marL="184785" marR="5080" indent="-172720">
              <a:lnSpc>
                <a:spcPct val="125000"/>
              </a:lnSpc>
              <a:spcBef>
                <a:spcPts val="100"/>
              </a:spcBef>
              <a:buFont typeface="Wingdings"/>
              <a:buChar char=""/>
              <a:tabLst>
                <a:tab pos="184785" algn="l"/>
              </a:tabLst>
            </a:pPr>
            <a:r>
              <a:rPr sz="1200" dirty="0">
                <a:latin typeface="メイリオ"/>
                <a:cs typeface="メイリオ"/>
              </a:rPr>
              <a:t>自動車・自動運転分野で、</a:t>
            </a:r>
            <a:r>
              <a:rPr sz="1200" b="1" spc="-10" dirty="0">
                <a:latin typeface="メイリオ"/>
                <a:cs typeface="メイリオ"/>
              </a:rPr>
              <a:t>世界最高性</a:t>
            </a:r>
            <a:r>
              <a:rPr sz="1200" b="1" dirty="0">
                <a:latin typeface="メイリオ"/>
                <a:cs typeface="メイリオ"/>
              </a:rPr>
              <a:t>能のシュミレーション技術</a:t>
            </a:r>
            <a:r>
              <a:rPr sz="1200" b="1" spc="-10" dirty="0">
                <a:latin typeface="メイリオ"/>
                <a:cs typeface="メイリオ"/>
              </a:rPr>
              <a:t>（DIVP®）</a:t>
            </a:r>
            <a:endParaRPr sz="1200">
              <a:latin typeface="メイリオ"/>
              <a:cs typeface="メイリオ"/>
            </a:endParaRPr>
          </a:p>
        </p:txBody>
      </p:sp>
      <p:sp>
        <p:nvSpPr>
          <p:cNvPr id="13" name="object 13"/>
          <p:cNvSpPr txBox="1"/>
          <p:nvPr/>
        </p:nvSpPr>
        <p:spPr>
          <a:xfrm>
            <a:off x="435701" y="4968914"/>
            <a:ext cx="2877185" cy="208279"/>
          </a:xfrm>
          <a:prstGeom prst="rect">
            <a:avLst/>
          </a:prstGeom>
        </p:spPr>
        <p:txBody>
          <a:bodyPr vert="horz" wrap="square" lIns="0" tIns="12700" rIns="0" bIns="0" rtlCol="0">
            <a:spAutoFit/>
          </a:bodyPr>
          <a:lstStyle/>
          <a:p>
            <a:pPr marL="12700">
              <a:lnSpc>
                <a:spcPct val="100000"/>
              </a:lnSpc>
              <a:spcBef>
                <a:spcPts val="100"/>
              </a:spcBef>
            </a:pPr>
            <a:r>
              <a:rPr sz="1200" b="1" dirty="0">
                <a:latin typeface="メイリオ"/>
                <a:cs typeface="メイリオ"/>
              </a:rPr>
              <a:t>を活用し、</a:t>
            </a:r>
            <a:r>
              <a:rPr sz="1200" b="1" spc="-10" dirty="0">
                <a:latin typeface="メイリオ"/>
                <a:cs typeface="メイリオ"/>
              </a:rPr>
              <a:t>2022</a:t>
            </a:r>
            <a:r>
              <a:rPr sz="1200" b="1" spc="-15" dirty="0">
                <a:latin typeface="メイリオ"/>
                <a:cs typeface="メイリオ"/>
              </a:rPr>
              <a:t>年７月に新会社を設立。</a:t>
            </a:r>
            <a:endParaRPr sz="1200">
              <a:latin typeface="メイリオ"/>
              <a:cs typeface="メイリオ"/>
            </a:endParaRPr>
          </a:p>
        </p:txBody>
      </p:sp>
      <p:sp>
        <p:nvSpPr>
          <p:cNvPr id="14" name="object 14"/>
          <p:cNvSpPr txBox="1"/>
          <p:nvPr/>
        </p:nvSpPr>
        <p:spPr>
          <a:xfrm>
            <a:off x="263489" y="5380394"/>
            <a:ext cx="2788920" cy="711200"/>
          </a:xfrm>
          <a:prstGeom prst="rect">
            <a:avLst/>
          </a:prstGeom>
        </p:spPr>
        <p:txBody>
          <a:bodyPr vert="horz" wrap="square" lIns="0" tIns="12700" rIns="0" bIns="0" rtlCol="0">
            <a:spAutoFit/>
          </a:bodyPr>
          <a:lstStyle/>
          <a:p>
            <a:pPr marL="184785" marR="5080" indent="-172720">
              <a:lnSpc>
                <a:spcPct val="125000"/>
              </a:lnSpc>
              <a:spcBef>
                <a:spcPts val="100"/>
              </a:spcBef>
              <a:buFont typeface="Wingdings"/>
              <a:buChar char=""/>
              <a:tabLst>
                <a:tab pos="184785" algn="l"/>
              </a:tabLst>
            </a:pPr>
            <a:r>
              <a:rPr sz="1200" spc="-5" dirty="0">
                <a:latin typeface="メイリオ"/>
                <a:cs typeface="メイリオ"/>
              </a:rPr>
              <a:t>ツールチェーン構築を軸に各社との互恵的なパートナーシップを築き、</a:t>
            </a:r>
            <a:endParaRPr sz="1200">
              <a:latin typeface="メイリオ"/>
              <a:cs typeface="メイリオ"/>
            </a:endParaRPr>
          </a:p>
          <a:p>
            <a:pPr marL="184785">
              <a:lnSpc>
                <a:spcPct val="100000"/>
              </a:lnSpc>
              <a:spcBef>
                <a:spcPts val="360"/>
              </a:spcBef>
            </a:pPr>
            <a:r>
              <a:rPr sz="1200" spc="-10" dirty="0">
                <a:latin typeface="メイリオ"/>
                <a:cs typeface="メイリオ"/>
              </a:rPr>
              <a:t>AD</a:t>
            </a:r>
            <a:r>
              <a:rPr sz="1200" spc="-5" dirty="0">
                <a:latin typeface="メイリオ"/>
                <a:cs typeface="メイリオ"/>
              </a:rPr>
              <a:t>安全性評価の基盤確立を目指す。</a:t>
            </a:r>
            <a:endParaRPr sz="1200">
              <a:latin typeface="メイリオ"/>
              <a:cs typeface="メイリオ"/>
            </a:endParaRPr>
          </a:p>
        </p:txBody>
      </p:sp>
      <p:sp>
        <p:nvSpPr>
          <p:cNvPr id="15" name="object 15"/>
          <p:cNvSpPr txBox="1"/>
          <p:nvPr/>
        </p:nvSpPr>
        <p:spPr>
          <a:xfrm>
            <a:off x="6092242" y="4470658"/>
            <a:ext cx="2823845" cy="156845"/>
          </a:xfrm>
          <a:prstGeom prst="rect">
            <a:avLst/>
          </a:prstGeom>
        </p:spPr>
        <p:txBody>
          <a:bodyPr vert="horz" wrap="square" lIns="0" tIns="13970" rIns="0" bIns="0" rtlCol="0">
            <a:spAutoFit/>
          </a:bodyPr>
          <a:lstStyle/>
          <a:p>
            <a:pPr marL="818515">
              <a:lnSpc>
                <a:spcPct val="100000"/>
              </a:lnSpc>
              <a:spcBef>
                <a:spcPts val="110"/>
              </a:spcBef>
            </a:pPr>
            <a:r>
              <a:rPr sz="850" b="1" i="1" spc="-10" dirty="0">
                <a:solidFill>
                  <a:srgbClr val="006FC0"/>
                </a:solidFill>
                <a:latin typeface="Meiryo UI"/>
                <a:cs typeface="Meiryo UI"/>
              </a:rPr>
              <a:t>バーチャル評価</a:t>
            </a:r>
            <a:endParaRPr sz="850">
              <a:latin typeface="Meiryo UI"/>
              <a:cs typeface="Meiryo UI"/>
            </a:endParaRPr>
          </a:p>
        </p:txBody>
      </p:sp>
      <p:sp>
        <p:nvSpPr>
          <p:cNvPr id="16" name="object 16"/>
          <p:cNvSpPr txBox="1"/>
          <p:nvPr/>
        </p:nvSpPr>
        <p:spPr>
          <a:xfrm>
            <a:off x="3264280" y="4470658"/>
            <a:ext cx="2821940" cy="156845"/>
          </a:xfrm>
          <a:prstGeom prst="rect">
            <a:avLst/>
          </a:prstGeom>
        </p:spPr>
        <p:txBody>
          <a:bodyPr vert="horz" wrap="square" lIns="0" tIns="13970" rIns="0" bIns="0" rtlCol="0">
            <a:spAutoFit/>
          </a:bodyPr>
          <a:lstStyle/>
          <a:p>
            <a:pPr marR="184150" algn="ctr">
              <a:lnSpc>
                <a:spcPct val="100000"/>
              </a:lnSpc>
              <a:spcBef>
                <a:spcPts val="110"/>
              </a:spcBef>
            </a:pPr>
            <a:r>
              <a:rPr sz="850" b="1" spc="-15" dirty="0">
                <a:latin typeface="Meiryo UI"/>
                <a:cs typeface="Meiryo UI"/>
              </a:rPr>
              <a:t>実験評価</a:t>
            </a:r>
            <a:endParaRPr sz="850">
              <a:latin typeface="Meiryo UI"/>
              <a:cs typeface="Meiryo UI"/>
            </a:endParaRPr>
          </a:p>
        </p:txBody>
      </p:sp>
      <p:sp>
        <p:nvSpPr>
          <p:cNvPr id="17" name="object 17"/>
          <p:cNvSpPr/>
          <p:nvPr/>
        </p:nvSpPr>
        <p:spPr>
          <a:xfrm>
            <a:off x="6090053" y="5849121"/>
            <a:ext cx="2834640" cy="295275"/>
          </a:xfrm>
          <a:custGeom>
            <a:avLst/>
            <a:gdLst/>
            <a:ahLst/>
            <a:cxnLst/>
            <a:rect l="l" t="t" r="r" b="b"/>
            <a:pathLst>
              <a:path w="2834640" h="295275">
                <a:moveTo>
                  <a:pt x="2834528" y="295120"/>
                </a:moveTo>
                <a:lnTo>
                  <a:pt x="0" y="295120"/>
                </a:lnTo>
                <a:lnTo>
                  <a:pt x="0" y="0"/>
                </a:lnTo>
                <a:lnTo>
                  <a:pt x="2834528" y="0"/>
                </a:lnTo>
                <a:lnTo>
                  <a:pt x="2834528" y="295120"/>
                </a:lnTo>
                <a:close/>
              </a:path>
            </a:pathLst>
          </a:custGeom>
          <a:solidFill>
            <a:srgbClr val="006FC0"/>
          </a:solidFill>
        </p:spPr>
        <p:txBody>
          <a:bodyPr wrap="square" lIns="0" tIns="0" rIns="0" bIns="0" rtlCol="0"/>
          <a:lstStyle/>
          <a:p>
            <a:endParaRPr/>
          </a:p>
        </p:txBody>
      </p:sp>
      <p:sp>
        <p:nvSpPr>
          <p:cNvPr id="18" name="object 18"/>
          <p:cNvSpPr txBox="1"/>
          <p:nvPr/>
        </p:nvSpPr>
        <p:spPr>
          <a:xfrm>
            <a:off x="6092242" y="5918025"/>
            <a:ext cx="2823845" cy="156845"/>
          </a:xfrm>
          <a:prstGeom prst="rect">
            <a:avLst/>
          </a:prstGeom>
        </p:spPr>
        <p:txBody>
          <a:bodyPr vert="horz" wrap="square" lIns="0" tIns="13970" rIns="0" bIns="0" rtlCol="0">
            <a:spAutoFit/>
          </a:bodyPr>
          <a:lstStyle/>
          <a:p>
            <a:pPr marL="630555">
              <a:lnSpc>
                <a:spcPct val="100000"/>
              </a:lnSpc>
              <a:spcBef>
                <a:spcPts val="110"/>
              </a:spcBef>
            </a:pPr>
            <a:r>
              <a:rPr sz="850" b="1" spc="-5" dirty="0">
                <a:solidFill>
                  <a:srgbClr val="FFFFFF"/>
                </a:solidFill>
                <a:latin typeface="Meiryo UI"/>
                <a:cs typeface="Meiryo UI"/>
              </a:rPr>
              <a:t>実現象と一致性の高いセンサモデル</a:t>
            </a:r>
            <a:endParaRPr sz="850">
              <a:latin typeface="Meiryo UI"/>
              <a:cs typeface="Meiryo UI"/>
            </a:endParaRPr>
          </a:p>
        </p:txBody>
      </p:sp>
      <p:grpSp>
        <p:nvGrpSpPr>
          <p:cNvPr id="19" name="object 19"/>
          <p:cNvGrpSpPr/>
          <p:nvPr/>
        </p:nvGrpSpPr>
        <p:grpSpPr>
          <a:xfrm>
            <a:off x="3249996" y="5722256"/>
            <a:ext cx="2790190" cy="426720"/>
            <a:chOff x="3249996" y="5722256"/>
            <a:chExt cx="2790190" cy="426720"/>
          </a:xfrm>
        </p:grpSpPr>
        <p:sp>
          <p:nvSpPr>
            <p:cNvPr id="20" name="object 20"/>
            <p:cNvSpPr/>
            <p:nvPr/>
          </p:nvSpPr>
          <p:spPr>
            <a:xfrm>
              <a:off x="3254441" y="5726701"/>
              <a:ext cx="2781300" cy="417830"/>
            </a:xfrm>
            <a:custGeom>
              <a:avLst/>
              <a:gdLst/>
              <a:ahLst/>
              <a:cxnLst/>
              <a:rect l="l" t="t" r="r" b="b"/>
              <a:pathLst>
                <a:path w="2781300" h="417829">
                  <a:moveTo>
                    <a:pt x="2780901" y="417537"/>
                  </a:moveTo>
                  <a:lnTo>
                    <a:pt x="0" y="417537"/>
                  </a:lnTo>
                  <a:lnTo>
                    <a:pt x="0" y="0"/>
                  </a:lnTo>
                  <a:lnTo>
                    <a:pt x="2780901" y="0"/>
                  </a:lnTo>
                  <a:lnTo>
                    <a:pt x="2780901" y="417537"/>
                  </a:lnTo>
                  <a:close/>
                </a:path>
              </a:pathLst>
            </a:custGeom>
            <a:solidFill>
              <a:srgbClr val="F1F1F1"/>
            </a:solidFill>
          </p:spPr>
          <p:txBody>
            <a:bodyPr wrap="square" lIns="0" tIns="0" rIns="0" bIns="0" rtlCol="0"/>
            <a:lstStyle/>
            <a:p>
              <a:endParaRPr/>
            </a:p>
          </p:txBody>
        </p:sp>
        <p:sp>
          <p:nvSpPr>
            <p:cNvPr id="21" name="object 21"/>
            <p:cNvSpPr/>
            <p:nvPr/>
          </p:nvSpPr>
          <p:spPr>
            <a:xfrm>
              <a:off x="3254441" y="5726701"/>
              <a:ext cx="2781300" cy="417830"/>
            </a:xfrm>
            <a:custGeom>
              <a:avLst/>
              <a:gdLst/>
              <a:ahLst/>
              <a:cxnLst/>
              <a:rect l="l" t="t" r="r" b="b"/>
              <a:pathLst>
                <a:path w="2781300" h="417829">
                  <a:moveTo>
                    <a:pt x="0" y="0"/>
                  </a:moveTo>
                  <a:lnTo>
                    <a:pt x="2780901" y="0"/>
                  </a:lnTo>
                  <a:lnTo>
                    <a:pt x="2780901" y="417537"/>
                  </a:lnTo>
                  <a:lnTo>
                    <a:pt x="0" y="417537"/>
                  </a:lnTo>
                  <a:lnTo>
                    <a:pt x="0" y="0"/>
                  </a:lnTo>
                  <a:close/>
                </a:path>
              </a:pathLst>
            </a:custGeom>
            <a:ln w="8744">
              <a:solidFill>
                <a:srgbClr val="7E7E7E"/>
              </a:solidFill>
            </a:ln>
          </p:spPr>
          <p:txBody>
            <a:bodyPr wrap="square" lIns="0" tIns="0" rIns="0" bIns="0" rtlCol="0"/>
            <a:lstStyle/>
            <a:p>
              <a:endParaRPr/>
            </a:p>
          </p:txBody>
        </p:sp>
      </p:grpSp>
      <p:sp>
        <p:nvSpPr>
          <p:cNvPr id="22" name="object 22"/>
          <p:cNvSpPr txBox="1"/>
          <p:nvPr/>
        </p:nvSpPr>
        <p:spPr>
          <a:xfrm>
            <a:off x="3661167" y="5736944"/>
            <a:ext cx="424180" cy="156845"/>
          </a:xfrm>
          <a:prstGeom prst="rect">
            <a:avLst/>
          </a:prstGeom>
        </p:spPr>
        <p:txBody>
          <a:bodyPr vert="horz" wrap="square" lIns="0" tIns="13970" rIns="0" bIns="0" rtlCol="0">
            <a:spAutoFit/>
          </a:bodyPr>
          <a:lstStyle/>
          <a:p>
            <a:pPr>
              <a:lnSpc>
                <a:spcPct val="100000"/>
              </a:lnSpc>
              <a:spcBef>
                <a:spcPts val="110"/>
              </a:spcBef>
            </a:pPr>
            <a:r>
              <a:rPr sz="850" spc="-10" dirty="0">
                <a:latin typeface="Meiryo UI"/>
                <a:cs typeface="Meiryo UI"/>
              </a:rPr>
              <a:t>Camera</a:t>
            </a:r>
            <a:endParaRPr sz="850">
              <a:latin typeface="Meiryo UI"/>
              <a:cs typeface="Meiryo UI"/>
            </a:endParaRPr>
          </a:p>
        </p:txBody>
      </p:sp>
      <p:sp>
        <p:nvSpPr>
          <p:cNvPr id="23" name="object 23"/>
          <p:cNvSpPr txBox="1"/>
          <p:nvPr/>
        </p:nvSpPr>
        <p:spPr>
          <a:xfrm>
            <a:off x="4599146" y="5741700"/>
            <a:ext cx="325120" cy="156845"/>
          </a:xfrm>
          <a:prstGeom prst="rect">
            <a:avLst/>
          </a:prstGeom>
        </p:spPr>
        <p:txBody>
          <a:bodyPr vert="horz" wrap="square" lIns="0" tIns="13970" rIns="0" bIns="0" rtlCol="0">
            <a:spAutoFit/>
          </a:bodyPr>
          <a:lstStyle/>
          <a:p>
            <a:pPr>
              <a:lnSpc>
                <a:spcPct val="100000"/>
              </a:lnSpc>
              <a:spcBef>
                <a:spcPts val="110"/>
              </a:spcBef>
            </a:pPr>
            <a:r>
              <a:rPr sz="850" spc="-10" dirty="0">
                <a:latin typeface="Meiryo UI"/>
                <a:cs typeface="Meiryo UI"/>
              </a:rPr>
              <a:t>Radar</a:t>
            </a:r>
            <a:endParaRPr sz="850">
              <a:latin typeface="Meiryo UI"/>
              <a:cs typeface="Meiryo UI"/>
            </a:endParaRPr>
          </a:p>
        </p:txBody>
      </p:sp>
      <p:sp>
        <p:nvSpPr>
          <p:cNvPr id="24" name="object 24"/>
          <p:cNvSpPr txBox="1"/>
          <p:nvPr/>
        </p:nvSpPr>
        <p:spPr>
          <a:xfrm>
            <a:off x="5411872" y="5736944"/>
            <a:ext cx="332740" cy="156845"/>
          </a:xfrm>
          <a:prstGeom prst="rect">
            <a:avLst/>
          </a:prstGeom>
        </p:spPr>
        <p:txBody>
          <a:bodyPr vert="horz" wrap="square" lIns="0" tIns="13970" rIns="0" bIns="0" rtlCol="0">
            <a:spAutoFit/>
          </a:bodyPr>
          <a:lstStyle/>
          <a:p>
            <a:pPr>
              <a:lnSpc>
                <a:spcPct val="100000"/>
              </a:lnSpc>
              <a:spcBef>
                <a:spcPts val="110"/>
              </a:spcBef>
            </a:pPr>
            <a:r>
              <a:rPr sz="850" spc="-10" dirty="0">
                <a:latin typeface="Meiryo UI"/>
                <a:cs typeface="Meiryo UI"/>
              </a:rPr>
              <a:t>LiDAR</a:t>
            </a:r>
            <a:endParaRPr sz="850">
              <a:latin typeface="Meiryo UI"/>
              <a:cs typeface="Meiryo UI"/>
            </a:endParaRPr>
          </a:p>
        </p:txBody>
      </p:sp>
      <p:grpSp>
        <p:nvGrpSpPr>
          <p:cNvPr id="25" name="object 25"/>
          <p:cNvGrpSpPr/>
          <p:nvPr/>
        </p:nvGrpSpPr>
        <p:grpSpPr>
          <a:xfrm>
            <a:off x="3259842" y="4642337"/>
            <a:ext cx="5668645" cy="24130"/>
            <a:chOff x="3259842" y="4642337"/>
            <a:chExt cx="5668645" cy="24130"/>
          </a:xfrm>
        </p:grpSpPr>
        <p:sp>
          <p:nvSpPr>
            <p:cNvPr id="26" name="object 26"/>
            <p:cNvSpPr/>
            <p:nvPr/>
          </p:nvSpPr>
          <p:spPr>
            <a:xfrm>
              <a:off x="3264287" y="4646782"/>
              <a:ext cx="2821940" cy="15240"/>
            </a:xfrm>
            <a:custGeom>
              <a:avLst/>
              <a:gdLst/>
              <a:ahLst/>
              <a:cxnLst/>
              <a:rect l="l" t="t" r="r" b="b"/>
              <a:pathLst>
                <a:path w="2821940" h="15239">
                  <a:moveTo>
                    <a:pt x="0" y="0"/>
                  </a:moveTo>
                  <a:lnTo>
                    <a:pt x="2821766" y="14774"/>
                  </a:lnTo>
                </a:path>
              </a:pathLst>
            </a:custGeom>
            <a:ln w="8744">
              <a:solidFill>
                <a:srgbClr val="1F487C"/>
              </a:solidFill>
            </a:ln>
          </p:spPr>
          <p:txBody>
            <a:bodyPr wrap="square" lIns="0" tIns="0" rIns="0" bIns="0" rtlCol="0"/>
            <a:lstStyle/>
            <a:p>
              <a:endParaRPr/>
            </a:p>
          </p:txBody>
        </p:sp>
        <p:sp>
          <p:nvSpPr>
            <p:cNvPr id="27" name="object 27"/>
            <p:cNvSpPr/>
            <p:nvPr/>
          </p:nvSpPr>
          <p:spPr>
            <a:xfrm>
              <a:off x="6088940" y="4656619"/>
              <a:ext cx="2835275" cy="0"/>
            </a:xfrm>
            <a:custGeom>
              <a:avLst/>
              <a:gdLst/>
              <a:ahLst/>
              <a:cxnLst/>
              <a:rect l="l" t="t" r="r" b="b"/>
              <a:pathLst>
                <a:path w="2835275">
                  <a:moveTo>
                    <a:pt x="2835072" y="0"/>
                  </a:moveTo>
                  <a:lnTo>
                    <a:pt x="0" y="0"/>
                  </a:lnTo>
                </a:path>
              </a:pathLst>
            </a:custGeom>
            <a:ln w="8744">
              <a:solidFill>
                <a:srgbClr val="006FC0"/>
              </a:solidFill>
            </a:ln>
          </p:spPr>
          <p:txBody>
            <a:bodyPr wrap="square" lIns="0" tIns="0" rIns="0" bIns="0" rtlCol="0"/>
            <a:lstStyle/>
            <a:p>
              <a:endParaRPr/>
            </a:p>
          </p:txBody>
        </p:sp>
      </p:grpSp>
      <p:sp>
        <p:nvSpPr>
          <p:cNvPr id="28" name="object 28"/>
          <p:cNvSpPr txBox="1"/>
          <p:nvPr/>
        </p:nvSpPr>
        <p:spPr>
          <a:xfrm>
            <a:off x="5166838" y="6169849"/>
            <a:ext cx="3690620" cy="75565"/>
          </a:xfrm>
          <a:prstGeom prst="rect">
            <a:avLst/>
          </a:prstGeom>
        </p:spPr>
        <p:txBody>
          <a:bodyPr vert="horz" wrap="square" lIns="0" tIns="15875" rIns="0" bIns="0" rtlCol="0">
            <a:spAutoFit/>
          </a:bodyPr>
          <a:lstStyle/>
          <a:p>
            <a:pPr marL="12700">
              <a:lnSpc>
                <a:spcPct val="100000"/>
              </a:lnSpc>
              <a:spcBef>
                <a:spcPts val="125"/>
              </a:spcBef>
            </a:pPr>
            <a:r>
              <a:rPr sz="300" dirty="0">
                <a:latin typeface="Meiryo UI"/>
                <a:cs typeface="Meiryo UI"/>
              </a:rPr>
              <a:t>Source</a:t>
            </a:r>
            <a:r>
              <a:rPr sz="300" spc="60" dirty="0">
                <a:latin typeface="Meiryo UI"/>
                <a:cs typeface="Meiryo UI"/>
              </a:rPr>
              <a:t> </a:t>
            </a:r>
            <a:r>
              <a:rPr sz="300" dirty="0">
                <a:latin typeface="Meiryo UI"/>
                <a:cs typeface="Meiryo UI"/>
              </a:rPr>
              <a:t>:</a:t>
            </a:r>
            <a:r>
              <a:rPr sz="300" spc="110" dirty="0">
                <a:latin typeface="Meiryo UI"/>
                <a:cs typeface="Meiryo UI"/>
              </a:rPr>
              <a:t> </a:t>
            </a:r>
            <a:r>
              <a:rPr sz="300" dirty="0">
                <a:latin typeface="Meiryo UI"/>
                <a:cs typeface="Meiryo UI"/>
              </a:rPr>
              <a:t>Kanagawa</a:t>
            </a:r>
            <a:r>
              <a:rPr sz="300" spc="80" dirty="0">
                <a:latin typeface="Meiryo UI"/>
                <a:cs typeface="Meiryo UI"/>
              </a:rPr>
              <a:t> </a:t>
            </a:r>
            <a:r>
              <a:rPr sz="300" dirty="0">
                <a:latin typeface="Meiryo UI"/>
                <a:cs typeface="Meiryo UI"/>
              </a:rPr>
              <a:t>Institute</a:t>
            </a:r>
            <a:r>
              <a:rPr sz="300" spc="120" dirty="0">
                <a:latin typeface="Meiryo UI"/>
                <a:cs typeface="Meiryo UI"/>
              </a:rPr>
              <a:t> </a:t>
            </a:r>
            <a:r>
              <a:rPr sz="300" dirty="0">
                <a:latin typeface="Meiryo UI"/>
                <a:cs typeface="Meiryo UI"/>
              </a:rPr>
              <a:t>of</a:t>
            </a:r>
            <a:r>
              <a:rPr sz="300" spc="90" dirty="0">
                <a:latin typeface="Meiryo UI"/>
                <a:cs typeface="Meiryo UI"/>
              </a:rPr>
              <a:t> </a:t>
            </a:r>
            <a:r>
              <a:rPr sz="300" dirty="0">
                <a:latin typeface="Meiryo UI"/>
                <a:cs typeface="Meiryo UI"/>
              </a:rPr>
              <a:t>technology,</a:t>
            </a:r>
            <a:r>
              <a:rPr sz="300" spc="65" dirty="0">
                <a:latin typeface="Meiryo UI"/>
                <a:cs typeface="Meiryo UI"/>
              </a:rPr>
              <a:t> </a:t>
            </a:r>
            <a:r>
              <a:rPr sz="300" dirty="0">
                <a:latin typeface="Meiryo UI"/>
                <a:cs typeface="Meiryo UI"/>
              </a:rPr>
              <a:t>MITSUBISHI</a:t>
            </a:r>
            <a:r>
              <a:rPr sz="300" spc="90" dirty="0">
                <a:latin typeface="Meiryo UI"/>
                <a:cs typeface="Meiryo UI"/>
              </a:rPr>
              <a:t> </a:t>
            </a:r>
            <a:r>
              <a:rPr sz="300" dirty="0">
                <a:latin typeface="Meiryo UI"/>
                <a:cs typeface="Meiryo UI"/>
              </a:rPr>
              <a:t>PRECISION</a:t>
            </a:r>
            <a:r>
              <a:rPr sz="300" spc="80" dirty="0">
                <a:latin typeface="Meiryo UI"/>
                <a:cs typeface="Meiryo UI"/>
              </a:rPr>
              <a:t> </a:t>
            </a:r>
            <a:r>
              <a:rPr sz="300" dirty="0">
                <a:latin typeface="Meiryo UI"/>
                <a:cs typeface="Meiryo UI"/>
              </a:rPr>
              <a:t>CO.,LTD.,</a:t>
            </a:r>
            <a:r>
              <a:rPr sz="300" spc="90" dirty="0">
                <a:latin typeface="Meiryo UI"/>
                <a:cs typeface="Meiryo UI"/>
              </a:rPr>
              <a:t> </a:t>
            </a:r>
            <a:r>
              <a:rPr sz="300" dirty="0">
                <a:latin typeface="Meiryo UI"/>
                <a:cs typeface="Meiryo UI"/>
              </a:rPr>
              <a:t>DENSO</a:t>
            </a:r>
            <a:r>
              <a:rPr sz="300" spc="100" dirty="0">
                <a:latin typeface="Meiryo UI"/>
                <a:cs typeface="Meiryo UI"/>
              </a:rPr>
              <a:t> </a:t>
            </a:r>
            <a:r>
              <a:rPr sz="300" dirty="0">
                <a:latin typeface="Meiryo UI"/>
                <a:cs typeface="Meiryo UI"/>
              </a:rPr>
              <a:t>Corporation,</a:t>
            </a:r>
            <a:r>
              <a:rPr sz="300" spc="65" dirty="0">
                <a:latin typeface="Meiryo UI"/>
                <a:cs typeface="Meiryo UI"/>
              </a:rPr>
              <a:t> </a:t>
            </a:r>
            <a:r>
              <a:rPr sz="300" dirty="0">
                <a:latin typeface="Meiryo UI"/>
                <a:cs typeface="Meiryo UI"/>
              </a:rPr>
              <a:t>Pioneer</a:t>
            </a:r>
            <a:r>
              <a:rPr sz="300" spc="50" dirty="0">
                <a:latin typeface="Meiryo UI"/>
                <a:cs typeface="Meiryo UI"/>
              </a:rPr>
              <a:t> </a:t>
            </a:r>
            <a:r>
              <a:rPr sz="300" dirty="0">
                <a:latin typeface="Meiryo UI"/>
                <a:cs typeface="Meiryo UI"/>
              </a:rPr>
              <a:t>Smart</a:t>
            </a:r>
            <a:r>
              <a:rPr sz="300" spc="110" dirty="0">
                <a:latin typeface="Meiryo UI"/>
                <a:cs typeface="Meiryo UI"/>
              </a:rPr>
              <a:t> </a:t>
            </a:r>
            <a:r>
              <a:rPr sz="300" dirty="0">
                <a:latin typeface="Meiryo UI"/>
                <a:cs typeface="Meiryo UI"/>
              </a:rPr>
              <a:t>Sensing</a:t>
            </a:r>
            <a:r>
              <a:rPr sz="300" spc="80" dirty="0">
                <a:latin typeface="Meiryo UI"/>
                <a:cs typeface="Meiryo UI"/>
              </a:rPr>
              <a:t> </a:t>
            </a:r>
            <a:r>
              <a:rPr sz="300" dirty="0">
                <a:latin typeface="Meiryo UI"/>
                <a:cs typeface="Meiryo UI"/>
              </a:rPr>
              <a:t>Innovations</a:t>
            </a:r>
            <a:r>
              <a:rPr sz="300" spc="50" dirty="0">
                <a:latin typeface="Meiryo UI"/>
                <a:cs typeface="Meiryo UI"/>
              </a:rPr>
              <a:t> </a:t>
            </a:r>
            <a:r>
              <a:rPr sz="300" dirty="0">
                <a:latin typeface="Meiryo UI"/>
                <a:cs typeface="Meiryo UI"/>
              </a:rPr>
              <a:t>Corporation,</a:t>
            </a:r>
            <a:r>
              <a:rPr sz="300" spc="60" dirty="0">
                <a:latin typeface="Meiryo UI"/>
                <a:cs typeface="Meiryo UI"/>
              </a:rPr>
              <a:t> </a:t>
            </a:r>
            <a:r>
              <a:rPr sz="300" dirty="0">
                <a:latin typeface="Meiryo UI"/>
                <a:cs typeface="Meiryo UI"/>
              </a:rPr>
              <a:t>Hitachi</a:t>
            </a:r>
            <a:r>
              <a:rPr sz="300" spc="95" dirty="0">
                <a:latin typeface="Meiryo UI"/>
                <a:cs typeface="Meiryo UI"/>
              </a:rPr>
              <a:t> </a:t>
            </a:r>
            <a:r>
              <a:rPr sz="300" dirty="0">
                <a:latin typeface="Meiryo UI"/>
                <a:cs typeface="Meiryo UI"/>
              </a:rPr>
              <a:t>Automotive</a:t>
            </a:r>
            <a:r>
              <a:rPr sz="300" spc="50" dirty="0">
                <a:latin typeface="Meiryo UI"/>
                <a:cs typeface="Meiryo UI"/>
              </a:rPr>
              <a:t> </a:t>
            </a:r>
            <a:r>
              <a:rPr sz="300" dirty="0">
                <a:latin typeface="Meiryo UI"/>
                <a:cs typeface="Meiryo UI"/>
              </a:rPr>
              <a:t>Systems,</a:t>
            </a:r>
            <a:r>
              <a:rPr sz="300" spc="90" dirty="0">
                <a:latin typeface="Meiryo UI"/>
                <a:cs typeface="Meiryo UI"/>
              </a:rPr>
              <a:t> </a:t>
            </a:r>
            <a:r>
              <a:rPr sz="300" spc="-20" dirty="0">
                <a:latin typeface="Meiryo UI"/>
                <a:cs typeface="Meiryo UI"/>
              </a:rPr>
              <a:t>Ltd.</a:t>
            </a:r>
            <a:endParaRPr sz="300">
              <a:latin typeface="Meiryo UI"/>
              <a:cs typeface="Meiryo UI"/>
            </a:endParaRPr>
          </a:p>
        </p:txBody>
      </p:sp>
      <p:grpSp>
        <p:nvGrpSpPr>
          <p:cNvPr id="29" name="object 29"/>
          <p:cNvGrpSpPr/>
          <p:nvPr/>
        </p:nvGrpSpPr>
        <p:grpSpPr>
          <a:xfrm>
            <a:off x="3538808" y="4474083"/>
            <a:ext cx="4901565" cy="1644014"/>
            <a:chOff x="3538808" y="4474083"/>
            <a:chExt cx="4901565" cy="1644014"/>
          </a:xfrm>
        </p:grpSpPr>
        <p:pic>
          <p:nvPicPr>
            <p:cNvPr id="30" name="object 30"/>
            <p:cNvPicPr/>
            <p:nvPr/>
          </p:nvPicPr>
          <p:blipFill>
            <a:blip r:embed="rId5" cstate="print"/>
            <a:stretch>
              <a:fillRect/>
            </a:stretch>
          </p:blipFill>
          <p:spPr>
            <a:xfrm>
              <a:off x="3774084" y="5885192"/>
              <a:ext cx="206763" cy="205486"/>
            </a:xfrm>
            <a:prstGeom prst="rect">
              <a:avLst/>
            </a:prstGeom>
          </p:spPr>
        </p:pic>
        <p:pic>
          <p:nvPicPr>
            <p:cNvPr id="31" name="object 31"/>
            <p:cNvPicPr/>
            <p:nvPr/>
          </p:nvPicPr>
          <p:blipFill>
            <a:blip r:embed="rId6" cstate="print"/>
            <a:stretch>
              <a:fillRect/>
            </a:stretch>
          </p:blipFill>
          <p:spPr>
            <a:xfrm>
              <a:off x="4635055" y="5879731"/>
              <a:ext cx="240673" cy="210947"/>
            </a:xfrm>
            <a:prstGeom prst="rect">
              <a:avLst/>
            </a:prstGeom>
          </p:spPr>
        </p:pic>
        <p:pic>
          <p:nvPicPr>
            <p:cNvPr id="32" name="object 32"/>
            <p:cNvPicPr/>
            <p:nvPr/>
          </p:nvPicPr>
          <p:blipFill>
            <a:blip r:embed="rId7" cstate="print"/>
            <a:stretch>
              <a:fillRect/>
            </a:stretch>
          </p:blipFill>
          <p:spPr>
            <a:xfrm>
              <a:off x="5464293" y="5872075"/>
              <a:ext cx="214410" cy="245933"/>
            </a:xfrm>
            <a:prstGeom prst="rect">
              <a:avLst/>
            </a:prstGeom>
          </p:spPr>
        </p:pic>
        <p:pic>
          <p:nvPicPr>
            <p:cNvPr id="33" name="object 33"/>
            <p:cNvPicPr/>
            <p:nvPr/>
          </p:nvPicPr>
          <p:blipFill>
            <a:blip r:embed="rId8" cstate="print"/>
            <a:stretch>
              <a:fillRect/>
            </a:stretch>
          </p:blipFill>
          <p:spPr>
            <a:xfrm>
              <a:off x="7898414" y="4474083"/>
              <a:ext cx="541510" cy="149745"/>
            </a:xfrm>
            <a:prstGeom prst="rect">
              <a:avLst/>
            </a:prstGeom>
          </p:spPr>
        </p:pic>
        <p:pic>
          <p:nvPicPr>
            <p:cNvPr id="34" name="object 34"/>
            <p:cNvPicPr/>
            <p:nvPr/>
          </p:nvPicPr>
          <p:blipFill>
            <a:blip r:embed="rId9" cstate="print"/>
            <a:stretch>
              <a:fillRect/>
            </a:stretch>
          </p:blipFill>
          <p:spPr>
            <a:xfrm>
              <a:off x="6861314" y="4890529"/>
              <a:ext cx="1403896" cy="807744"/>
            </a:xfrm>
            <a:prstGeom prst="rect">
              <a:avLst/>
            </a:prstGeom>
          </p:spPr>
        </p:pic>
        <p:sp>
          <p:nvSpPr>
            <p:cNvPr id="35" name="object 35"/>
            <p:cNvSpPr/>
            <p:nvPr/>
          </p:nvSpPr>
          <p:spPr>
            <a:xfrm>
              <a:off x="6858032" y="4887250"/>
              <a:ext cx="1412875" cy="814705"/>
            </a:xfrm>
            <a:custGeom>
              <a:avLst/>
              <a:gdLst/>
              <a:ahLst/>
              <a:cxnLst/>
              <a:rect l="l" t="t" r="r" b="b"/>
              <a:pathLst>
                <a:path w="1412875" h="814704">
                  <a:moveTo>
                    <a:pt x="0" y="0"/>
                  </a:moveTo>
                  <a:lnTo>
                    <a:pt x="1412339" y="0"/>
                  </a:lnTo>
                  <a:lnTo>
                    <a:pt x="1412339" y="814321"/>
                  </a:lnTo>
                  <a:lnTo>
                    <a:pt x="0" y="814321"/>
                  </a:lnTo>
                  <a:lnTo>
                    <a:pt x="0" y="0"/>
                  </a:lnTo>
                  <a:close/>
                </a:path>
              </a:pathLst>
            </a:custGeom>
            <a:ln w="6559">
              <a:solidFill>
                <a:srgbClr val="7E7E7E"/>
              </a:solidFill>
            </a:ln>
          </p:spPr>
          <p:txBody>
            <a:bodyPr wrap="square" lIns="0" tIns="0" rIns="0" bIns="0" rtlCol="0"/>
            <a:lstStyle/>
            <a:p>
              <a:endParaRPr/>
            </a:p>
          </p:txBody>
        </p:sp>
        <p:sp>
          <p:nvSpPr>
            <p:cNvPr id="36" name="object 36"/>
            <p:cNvSpPr/>
            <p:nvPr/>
          </p:nvSpPr>
          <p:spPr>
            <a:xfrm>
              <a:off x="3543254" y="4949553"/>
              <a:ext cx="932180" cy="151130"/>
            </a:xfrm>
            <a:custGeom>
              <a:avLst/>
              <a:gdLst/>
              <a:ahLst/>
              <a:cxnLst/>
              <a:rect l="l" t="t" r="r" b="b"/>
              <a:pathLst>
                <a:path w="932179" h="151129">
                  <a:moveTo>
                    <a:pt x="932063" y="150837"/>
                  </a:moveTo>
                  <a:lnTo>
                    <a:pt x="0" y="150837"/>
                  </a:lnTo>
                  <a:lnTo>
                    <a:pt x="0" y="0"/>
                  </a:lnTo>
                  <a:lnTo>
                    <a:pt x="932063" y="0"/>
                  </a:lnTo>
                  <a:lnTo>
                    <a:pt x="932063" y="150837"/>
                  </a:lnTo>
                  <a:close/>
                </a:path>
              </a:pathLst>
            </a:custGeom>
            <a:solidFill>
              <a:srgbClr val="FFCD00"/>
            </a:solidFill>
          </p:spPr>
          <p:txBody>
            <a:bodyPr wrap="square" lIns="0" tIns="0" rIns="0" bIns="0" rtlCol="0"/>
            <a:lstStyle/>
            <a:p>
              <a:endParaRPr/>
            </a:p>
          </p:txBody>
        </p:sp>
        <p:sp>
          <p:nvSpPr>
            <p:cNvPr id="37" name="object 37"/>
            <p:cNvSpPr/>
            <p:nvPr/>
          </p:nvSpPr>
          <p:spPr>
            <a:xfrm>
              <a:off x="3543253" y="4949553"/>
              <a:ext cx="932180" cy="151130"/>
            </a:xfrm>
            <a:custGeom>
              <a:avLst/>
              <a:gdLst/>
              <a:ahLst/>
              <a:cxnLst/>
              <a:rect l="l" t="t" r="r" b="b"/>
              <a:pathLst>
                <a:path w="932179" h="151129">
                  <a:moveTo>
                    <a:pt x="0" y="0"/>
                  </a:moveTo>
                  <a:lnTo>
                    <a:pt x="932063" y="0"/>
                  </a:lnTo>
                  <a:lnTo>
                    <a:pt x="932063" y="150837"/>
                  </a:lnTo>
                  <a:lnTo>
                    <a:pt x="0" y="150837"/>
                  </a:lnTo>
                  <a:lnTo>
                    <a:pt x="0" y="0"/>
                  </a:lnTo>
                  <a:close/>
                </a:path>
              </a:pathLst>
            </a:custGeom>
            <a:ln w="8744">
              <a:solidFill>
                <a:srgbClr val="BABBBB"/>
              </a:solidFill>
            </a:ln>
          </p:spPr>
          <p:txBody>
            <a:bodyPr wrap="square" lIns="0" tIns="0" rIns="0" bIns="0" rtlCol="0"/>
            <a:lstStyle/>
            <a:p>
              <a:endParaRPr/>
            </a:p>
          </p:txBody>
        </p:sp>
      </p:grpSp>
      <p:sp>
        <p:nvSpPr>
          <p:cNvPr id="38" name="object 38"/>
          <p:cNvSpPr txBox="1"/>
          <p:nvPr/>
        </p:nvSpPr>
        <p:spPr>
          <a:xfrm>
            <a:off x="3735632" y="4912293"/>
            <a:ext cx="547370" cy="245110"/>
          </a:xfrm>
          <a:prstGeom prst="rect">
            <a:avLst/>
          </a:prstGeom>
        </p:spPr>
        <p:txBody>
          <a:bodyPr vert="horz" wrap="square" lIns="0" tIns="0" rIns="0" bIns="0" rtlCol="0">
            <a:spAutoFit/>
          </a:bodyPr>
          <a:lstStyle/>
          <a:p>
            <a:pPr algn="ctr">
              <a:lnSpc>
                <a:spcPts val="885"/>
              </a:lnSpc>
            </a:pPr>
            <a:r>
              <a:rPr sz="850" spc="-10" dirty="0">
                <a:latin typeface="ＭＳ Ｐゴシック"/>
                <a:cs typeface="ＭＳ Ｐゴシック"/>
              </a:rPr>
              <a:t>要写真変更</a:t>
            </a:r>
            <a:endParaRPr sz="850">
              <a:latin typeface="ＭＳ Ｐゴシック"/>
              <a:cs typeface="ＭＳ Ｐゴシック"/>
            </a:endParaRPr>
          </a:p>
          <a:p>
            <a:pPr marL="635" algn="ctr">
              <a:lnSpc>
                <a:spcPts val="994"/>
              </a:lnSpc>
            </a:pPr>
            <a:r>
              <a:rPr sz="850" spc="-10" dirty="0">
                <a:latin typeface="ＭＳ Ｐゴシック"/>
                <a:cs typeface="ＭＳ Ｐゴシック"/>
              </a:rPr>
              <a:t>（</a:t>
            </a:r>
            <a:r>
              <a:rPr sz="850" spc="-10" dirty="0">
                <a:latin typeface="Calibri"/>
                <a:cs typeface="Calibri"/>
              </a:rPr>
              <a:t>Adobe</a:t>
            </a:r>
            <a:r>
              <a:rPr sz="850" spc="-10" dirty="0">
                <a:latin typeface="ＭＳ Ｐゴシック"/>
                <a:cs typeface="ＭＳ Ｐゴシック"/>
              </a:rPr>
              <a:t>）</a:t>
            </a:r>
            <a:endParaRPr sz="850">
              <a:latin typeface="ＭＳ Ｐゴシック"/>
              <a:cs typeface="ＭＳ Ｐゴシック"/>
            </a:endParaRPr>
          </a:p>
        </p:txBody>
      </p:sp>
      <p:grpSp>
        <p:nvGrpSpPr>
          <p:cNvPr id="39" name="object 39"/>
          <p:cNvGrpSpPr/>
          <p:nvPr/>
        </p:nvGrpSpPr>
        <p:grpSpPr>
          <a:xfrm>
            <a:off x="6660086" y="4939903"/>
            <a:ext cx="2202815" cy="930275"/>
            <a:chOff x="6660086" y="4939903"/>
            <a:chExt cx="2202815" cy="930275"/>
          </a:xfrm>
        </p:grpSpPr>
        <p:pic>
          <p:nvPicPr>
            <p:cNvPr id="40" name="object 40"/>
            <p:cNvPicPr/>
            <p:nvPr/>
          </p:nvPicPr>
          <p:blipFill>
            <a:blip r:embed="rId10" cstate="print"/>
            <a:stretch>
              <a:fillRect/>
            </a:stretch>
          </p:blipFill>
          <p:spPr>
            <a:xfrm>
              <a:off x="8120494" y="5148491"/>
              <a:ext cx="735164" cy="627397"/>
            </a:xfrm>
            <a:prstGeom prst="rect">
              <a:avLst/>
            </a:prstGeom>
          </p:spPr>
        </p:pic>
        <p:sp>
          <p:nvSpPr>
            <p:cNvPr id="41" name="object 41"/>
            <p:cNvSpPr/>
            <p:nvPr/>
          </p:nvSpPr>
          <p:spPr>
            <a:xfrm>
              <a:off x="8117211" y="5145206"/>
              <a:ext cx="742315" cy="634365"/>
            </a:xfrm>
            <a:custGeom>
              <a:avLst/>
              <a:gdLst/>
              <a:ahLst/>
              <a:cxnLst/>
              <a:rect l="l" t="t" r="r" b="b"/>
              <a:pathLst>
                <a:path w="742315" h="634364">
                  <a:moveTo>
                    <a:pt x="0" y="0"/>
                  </a:moveTo>
                  <a:lnTo>
                    <a:pt x="741736" y="0"/>
                  </a:lnTo>
                  <a:lnTo>
                    <a:pt x="741736" y="633962"/>
                  </a:lnTo>
                  <a:lnTo>
                    <a:pt x="0" y="633962"/>
                  </a:lnTo>
                  <a:lnTo>
                    <a:pt x="0" y="0"/>
                  </a:lnTo>
                  <a:close/>
                </a:path>
              </a:pathLst>
            </a:custGeom>
            <a:ln w="6560">
              <a:solidFill>
                <a:srgbClr val="FFFFFF"/>
              </a:solidFill>
            </a:ln>
          </p:spPr>
          <p:txBody>
            <a:bodyPr wrap="square" lIns="0" tIns="0" rIns="0" bIns="0" rtlCol="0"/>
            <a:lstStyle/>
            <a:p>
              <a:endParaRPr/>
            </a:p>
          </p:txBody>
        </p:sp>
        <p:sp>
          <p:nvSpPr>
            <p:cNvPr id="42" name="object 42"/>
            <p:cNvSpPr/>
            <p:nvPr/>
          </p:nvSpPr>
          <p:spPr>
            <a:xfrm>
              <a:off x="7479417" y="5681887"/>
              <a:ext cx="256540" cy="184150"/>
            </a:xfrm>
            <a:custGeom>
              <a:avLst/>
              <a:gdLst/>
              <a:ahLst/>
              <a:cxnLst/>
              <a:rect l="l" t="t" r="r" b="b"/>
              <a:pathLst>
                <a:path w="256540" h="184150">
                  <a:moveTo>
                    <a:pt x="191990" y="183622"/>
                  </a:moveTo>
                  <a:lnTo>
                    <a:pt x="63996" y="183622"/>
                  </a:lnTo>
                  <a:lnTo>
                    <a:pt x="63996" y="91811"/>
                  </a:lnTo>
                  <a:lnTo>
                    <a:pt x="0" y="91811"/>
                  </a:lnTo>
                  <a:lnTo>
                    <a:pt x="127993" y="0"/>
                  </a:lnTo>
                  <a:lnTo>
                    <a:pt x="255986" y="91811"/>
                  </a:lnTo>
                  <a:lnTo>
                    <a:pt x="191990" y="91811"/>
                  </a:lnTo>
                  <a:lnTo>
                    <a:pt x="191990" y="183622"/>
                  </a:lnTo>
                  <a:close/>
                </a:path>
              </a:pathLst>
            </a:custGeom>
            <a:solidFill>
              <a:srgbClr val="001F5F"/>
            </a:solidFill>
          </p:spPr>
          <p:txBody>
            <a:bodyPr wrap="square" lIns="0" tIns="0" rIns="0" bIns="0" rtlCol="0"/>
            <a:lstStyle/>
            <a:p>
              <a:endParaRPr/>
            </a:p>
          </p:txBody>
        </p:sp>
        <p:sp>
          <p:nvSpPr>
            <p:cNvPr id="43" name="object 43"/>
            <p:cNvSpPr/>
            <p:nvPr/>
          </p:nvSpPr>
          <p:spPr>
            <a:xfrm>
              <a:off x="7479416" y="5681887"/>
              <a:ext cx="256540" cy="184150"/>
            </a:xfrm>
            <a:custGeom>
              <a:avLst/>
              <a:gdLst/>
              <a:ahLst/>
              <a:cxnLst/>
              <a:rect l="l" t="t" r="r" b="b"/>
              <a:pathLst>
                <a:path w="256540" h="184150">
                  <a:moveTo>
                    <a:pt x="0" y="91811"/>
                  </a:moveTo>
                  <a:lnTo>
                    <a:pt x="127993" y="0"/>
                  </a:lnTo>
                  <a:lnTo>
                    <a:pt x="255986" y="91811"/>
                  </a:lnTo>
                  <a:lnTo>
                    <a:pt x="191990" y="91811"/>
                  </a:lnTo>
                  <a:lnTo>
                    <a:pt x="191990" y="183622"/>
                  </a:lnTo>
                  <a:lnTo>
                    <a:pt x="63996" y="183622"/>
                  </a:lnTo>
                  <a:lnTo>
                    <a:pt x="63996" y="91811"/>
                  </a:lnTo>
                  <a:lnTo>
                    <a:pt x="0" y="91811"/>
                  </a:lnTo>
                  <a:close/>
                </a:path>
              </a:pathLst>
            </a:custGeom>
            <a:ln w="8746">
              <a:solidFill>
                <a:srgbClr val="FFFFFF"/>
              </a:solidFill>
            </a:ln>
          </p:spPr>
          <p:txBody>
            <a:bodyPr wrap="square" lIns="0" tIns="0" rIns="0" bIns="0" rtlCol="0"/>
            <a:lstStyle/>
            <a:p>
              <a:endParaRPr/>
            </a:p>
          </p:txBody>
        </p:sp>
        <p:pic>
          <p:nvPicPr>
            <p:cNvPr id="44" name="object 44"/>
            <p:cNvPicPr/>
            <p:nvPr/>
          </p:nvPicPr>
          <p:blipFill>
            <a:blip r:embed="rId11" cstate="print"/>
            <a:stretch>
              <a:fillRect/>
            </a:stretch>
          </p:blipFill>
          <p:spPr>
            <a:xfrm>
              <a:off x="6660086" y="4939903"/>
              <a:ext cx="184858" cy="191172"/>
            </a:xfrm>
            <a:prstGeom prst="rect">
              <a:avLst/>
            </a:prstGeom>
          </p:spPr>
        </p:pic>
        <p:pic>
          <p:nvPicPr>
            <p:cNvPr id="45" name="object 45"/>
            <p:cNvPicPr/>
            <p:nvPr/>
          </p:nvPicPr>
          <p:blipFill>
            <a:blip r:embed="rId12" cstate="print"/>
            <a:stretch>
              <a:fillRect/>
            </a:stretch>
          </p:blipFill>
          <p:spPr>
            <a:xfrm>
              <a:off x="8279796" y="4947409"/>
              <a:ext cx="197158" cy="193710"/>
            </a:xfrm>
            <a:prstGeom prst="rect">
              <a:avLst/>
            </a:prstGeom>
          </p:spPr>
        </p:pic>
      </p:grpSp>
      <p:sp>
        <p:nvSpPr>
          <p:cNvPr id="46" name="object 46"/>
          <p:cNvSpPr txBox="1"/>
          <p:nvPr/>
        </p:nvSpPr>
        <p:spPr>
          <a:xfrm>
            <a:off x="6650879" y="4967655"/>
            <a:ext cx="189865" cy="123825"/>
          </a:xfrm>
          <a:prstGeom prst="rect">
            <a:avLst/>
          </a:prstGeom>
        </p:spPr>
        <p:txBody>
          <a:bodyPr vert="horz" wrap="square" lIns="0" tIns="12065" rIns="0" bIns="0" rtlCol="0">
            <a:spAutoFit/>
          </a:bodyPr>
          <a:lstStyle/>
          <a:p>
            <a:pPr marL="12700">
              <a:lnSpc>
                <a:spcPct val="100000"/>
              </a:lnSpc>
              <a:spcBef>
                <a:spcPts val="95"/>
              </a:spcBef>
            </a:pPr>
            <a:r>
              <a:rPr sz="650" spc="-30" dirty="0">
                <a:solidFill>
                  <a:srgbClr val="75787A"/>
                </a:solidFill>
                <a:latin typeface="ＭＳ Ｐゴシック"/>
                <a:cs typeface="ＭＳ Ｐゴシック"/>
              </a:rPr>
              <a:t>接続</a:t>
            </a:r>
            <a:endParaRPr sz="650">
              <a:latin typeface="ＭＳ Ｐゴシック"/>
              <a:cs typeface="ＭＳ Ｐゴシック"/>
            </a:endParaRPr>
          </a:p>
        </p:txBody>
      </p:sp>
      <p:sp>
        <p:nvSpPr>
          <p:cNvPr id="47" name="object 47"/>
          <p:cNvSpPr txBox="1"/>
          <p:nvPr/>
        </p:nvSpPr>
        <p:spPr>
          <a:xfrm>
            <a:off x="8283085" y="4973919"/>
            <a:ext cx="189865" cy="123825"/>
          </a:xfrm>
          <a:prstGeom prst="rect">
            <a:avLst/>
          </a:prstGeom>
        </p:spPr>
        <p:txBody>
          <a:bodyPr vert="horz" wrap="square" lIns="0" tIns="12065" rIns="0" bIns="0" rtlCol="0">
            <a:spAutoFit/>
          </a:bodyPr>
          <a:lstStyle/>
          <a:p>
            <a:pPr marL="12700">
              <a:lnSpc>
                <a:spcPct val="100000"/>
              </a:lnSpc>
              <a:spcBef>
                <a:spcPts val="95"/>
              </a:spcBef>
            </a:pPr>
            <a:r>
              <a:rPr sz="650" spc="-30" dirty="0">
                <a:solidFill>
                  <a:srgbClr val="75787A"/>
                </a:solidFill>
                <a:latin typeface="ＭＳ Ｐゴシック"/>
                <a:cs typeface="ＭＳ Ｐゴシック"/>
              </a:rPr>
              <a:t>接続</a:t>
            </a:r>
            <a:endParaRPr sz="650">
              <a:latin typeface="ＭＳ Ｐゴシック"/>
              <a:cs typeface="ＭＳ Ｐゴシック"/>
            </a:endParaRPr>
          </a:p>
        </p:txBody>
      </p:sp>
      <p:sp>
        <p:nvSpPr>
          <p:cNvPr id="48" name="object 48"/>
          <p:cNvSpPr/>
          <p:nvPr/>
        </p:nvSpPr>
        <p:spPr>
          <a:xfrm>
            <a:off x="8120493" y="5591165"/>
            <a:ext cx="732155" cy="187325"/>
          </a:xfrm>
          <a:custGeom>
            <a:avLst/>
            <a:gdLst/>
            <a:ahLst/>
            <a:cxnLst/>
            <a:rect l="l" t="t" r="r" b="b"/>
            <a:pathLst>
              <a:path w="732154" h="187325">
                <a:moveTo>
                  <a:pt x="731896" y="186906"/>
                </a:moveTo>
                <a:lnTo>
                  <a:pt x="0" y="186906"/>
                </a:lnTo>
                <a:lnTo>
                  <a:pt x="0" y="0"/>
                </a:lnTo>
                <a:lnTo>
                  <a:pt x="731896" y="0"/>
                </a:lnTo>
                <a:lnTo>
                  <a:pt x="731896" y="186906"/>
                </a:lnTo>
                <a:close/>
              </a:path>
            </a:pathLst>
          </a:custGeom>
          <a:solidFill>
            <a:srgbClr val="00AFEF"/>
          </a:solidFill>
        </p:spPr>
        <p:txBody>
          <a:bodyPr wrap="square" lIns="0" tIns="0" rIns="0" bIns="0" rtlCol="0"/>
          <a:lstStyle/>
          <a:p>
            <a:endParaRPr/>
          </a:p>
        </p:txBody>
      </p:sp>
      <p:sp>
        <p:nvSpPr>
          <p:cNvPr id="49" name="object 49"/>
          <p:cNvSpPr txBox="1"/>
          <p:nvPr/>
        </p:nvSpPr>
        <p:spPr>
          <a:xfrm>
            <a:off x="8120491" y="5591165"/>
            <a:ext cx="146685" cy="183515"/>
          </a:xfrm>
          <a:prstGeom prst="rect">
            <a:avLst/>
          </a:prstGeom>
          <a:solidFill>
            <a:srgbClr val="00AFEF"/>
          </a:solidFill>
        </p:spPr>
        <p:txBody>
          <a:bodyPr vert="horz" wrap="square" lIns="0" tIns="18415" rIns="0" bIns="0" rtlCol="0">
            <a:spAutoFit/>
          </a:bodyPr>
          <a:lstStyle/>
          <a:p>
            <a:pPr>
              <a:lnSpc>
                <a:spcPct val="100000"/>
              </a:lnSpc>
              <a:spcBef>
                <a:spcPts val="145"/>
              </a:spcBef>
            </a:pPr>
            <a:endParaRPr sz="550">
              <a:latin typeface="Times New Roman"/>
              <a:cs typeface="Times New Roman"/>
            </a:endParaRPr>
          </a:p>
          <a:p>
            <a:pPr marL="59055">
              <a:lnSpc>
                <a:spcPct val="100000"/>
              </a:lnSpc>
            </a:pPr>
            <a:r>
              <a:rPr sz="550" b="1" spc="-25" dirty="0">
                <a:solidFill>
                  <a:srgbClr val="FFFFFF"/>
                </a:solidFill>
                <a:latin typeface="ＭＳ Ｐゴシック"/>
                <a:cs typeface="ＭＳ Ｐゴシック"/>
              </a:rPr>
              <a:t>（</a:t>
            </a:r>
            <a:r>
              <a:rPr sz="550" b="1" spc="-25" dirty="0">
                <a:solidFill>
                  <a:srgbClr val="FFFFFF"/>
                </a:solidFill>
                <a:latin typeface="Calibri"/>
                <a:cs typeface="Calibri"/>
              </a:rPr>
              <a:t>V</a:t>
            </a:r>
            <a:endParaRPr sz="550">
              <a:latin typeface="Calibri"/>
              <a:cs typeface="Calibri"/>
            </a:endParaRPr>
          </a:p>
        </p:txBody>
      </p:sp>
      <p:sp>
        <p:nvSpPr>
          <p:cNvPr id="50" name="object 50"/>
          <p:cNvSpPr txBox="1"/>
          <p:nvPr/>
        </p:nvSpPr>
        <p:spPr>
          <a:xfrm>
            <a:off x="8273651" y="5591165"/>
            <a:ext cx="582295" cy="183515"/>
          </a:xfrm>
          <a:prstGeom prst="rect">
            <a:avLst/>
          </a:prstGeom>
          <a:solidFill>
            <a:srgbClr val="00AFEF"/>
          </a:solidFill>
        </p:spPr>
        <p:txBody>
          <a:bodyPr vert="horz" wrap="square" lIns="0" tIns="0" rIns="0" bIns="0" rtlCol="0">
            <a:spAutoFit/>
          </a:bodyPr>
          <a:lstStyle/>
          <a:p>
            <a:pPr marL="116205">
              <a:lnSpc>
                <a:spcPts val="844"/>
              </a:lnSpc>
            </a:pPr>
            <a:r>
              <a:rPr sz="850" b="1" spc="-20" dirty="0">
                <a:solidFill>
                  <a:srgbClr val="FFFFFF"/>
                </a:solidFill>
                <a:latin typeface="Calibri"/>
                <a:cs typeface="Calibri"/>
              </a:rPr>
              <a:t>VILS</a:t>
            </a:r>
            <a:endParaRPr sz="850">
              <a:latin typeface="Calibri"/>
              <a:cs typeface="Calibri"/>
            </a:endParaRPr>
          </a:p>
          <a:p>
            <a:pPr>
              <a:lnSpc>
                <a:spcPts val="595"/>
              </a:lnSpc>
            </a:pPr>
            <a:r>
              <a:rPr sz="550" b="1" spc="-10" dirty="0">
                <a:solidFill>
                  <a:srgbClr val="FFFFFF"/>
                </a:solidFill>
                <a:latin typeface="Calibri"/>
                <a:cs typeface="Calibri"/>
              </a:rPr>
              <a:t>ehicle</a:t>
            </a:r>
            <a:r>
              <a:rPr sz="550" b="1" spc="-25" dirty="0">
                <a:solidFill>
                  <a:srgbClr val="FFFFFF"/>
                </a:solidFill>
                <a:latin typeface="Calibri"/>
                <a:cs typeface="Calibri"/>
              </a:rPr>
              <a:t> </a:t>
            </a:r>
            <a:r>
              <a:rPr sz="550" b="1" dirty="0">
                <a:solidFill>
                  <a:srgbClr val="FFFFFF"/>
                </a:solidFill>
                <a:latin typeface="Calibri"/>
                <a:cs typeface="Calibri"/>
              </a:rPr>
              <a:t>in</a:t>
            </a:r>
            <a:r>
              <a:rPr sz="550" b="1" spc="-5" dirty="0">
                <a:solidFill>
                  <a:srgbClr val="FFFFFF"/>
                </a:solidFill>
                <a:latin typeface="Calibri"/>
                <a:cs typeface="Calibri"/>
              </a:rPr>
              <a:t> </a:t>
            </a:r>
            <a:r>
              <a:rPr sz="550" b="1" dirty="0">
                <a:solidFill>
                  <a:srgbClr val="FFFFFF"/>
                </a:solidFill>
                <a:latin typeface="Calibri"/>
                <a:cs typeface="Calibri"/>
              </a:rPr>
              <a:t>the</a:t>
            </a:r>
            <a:r>
              <a:rPr sz="550" b="1" spc="-20" dirty="0">
                <a:solidFill>
                  <a:srgbClr val="FFFFFF"/>
                </a:solidFill>
                <a:latin typeface="Calibri"/>
                <a:cs typeface="Calibri"/>
              </a:rPr>
              <a:t> </a:t>
            </a:r>
            <a:r>
              <a:rPr sz="550" b="1" spc="-10" dirty="0">
                <a:solidFill>
                  <a:srgbClr val="FFFFFF"/>
                </a:solidFill>
                <a:latin typeface="Calibri"/>
                <a:cs typeface="Calibri"/>
              </a:rPr>
              <a:t>Loop</a:t>
            </a:r>
            <a:r>
              <a:rPr sz="550" b="1" spc="-10" dirty="0">
                <a:solidFill>
                  <a:srgbClr val="FFFFFF"/>
                </a:solidFill>
                <a:latin typeface="ＭＳ Ｐゴシック"/>
                <a:cs typeface="ＭＳ Ｐゴシック"/>
              </a:rPr>
              <a:t>）</a:t>
            </a:r>
            <a:endParaRPr sz="550">
              <a:latin typeface="ＭＳ Ｐゴシック"/>
              <a:cs typeface="ＭＳ Ｐゴシック"/>
            </a:endParaRPr>
          </a:p>
        </p:txBody>
      </p:sp>
      <p:grpSp>
        <p:nvGrpSpPr>
          <p:cNvPr id="51" name="object 51"/>
          <p:cNvGrpSpPr/>
          <p:nvPr/>
        </p:nvGrpSpPr>
        <p:grpSpPr>
          <a:xfrm>
            <a:off x="3468865" y="4822761"/>
            <a:ext cx="3524250" cy="958850"/>
            <a:chOff x="3468865" y="4822761"/>
            <a:chExt cx="3524250" cy="958850"/>
          </a:xfrm>
        </p:grpSpPr>
        <p:pic>
          <p:nvPicPr>
            <p:cNvPr id="52" name="object 52"/>
            <p:cNvPicPr/>
            <p:nvPr/>
          </p:nvPicPr>
          <p:blipFill>
            <a:blip r:embed="rId13" cstate="print"/>
            <a:stretch>
              <a:fillRect/>
            </a:stretch>
          </p:blipFill>
          <p:spPr>
            <a:xfrm>
              <a:off x="3468865" y="4843528"/>
              <a:ext cx="1085227" cy="843823"/>
            </a:xfrm>
            <a:prstGeom prst="rect">
              <a:avLst/>
            </a:prstGeom>
          </p:spPr>
        </p:pic>
        <p:pic>
          <p:nvPicPr>
            <p:cNvPr id="53" name="object 53"/>
            <p:cNvPicPr/>
            <p:nvPr/>
          </p:nvPicPr>
          <p:blipFill>
            <a:blip r:embed="rId14" cstate="print"/>
            <a:stretch>
              <a:fillRect/>
            </a:stretch>
          </p:blipFill>
          <p:spPr>
            <a:xfrm>
              <a:off x="4853851" y="4822761"/>
              <a:ext cx="1078661" cy="859125"/>
            </a:xfrm>
            <a:prstGeom prst="rect">
              <a:avLst/>
            </a:prstGeom>
          </p:spPr>
        </p:pic>
        <p:pic>
          <p:nvPicPr>
            <p:cNvPr id="54" name="object 54"/>
            <p:cNvPicPr/>
            <p:nvPr/>
          </p:nvPicPr>
          <p:blipFill>
            <a:blip r:embed="rId15" cstate="print"/>
            <a:stretch>
              <a:fillRect/>
            </a:stretch>
          </p:blipFill>
          <p:spPr>
            <a:xfrm>
              <a:off x="6188511" y="5141927"/>
              <a:ext cx="797515" cy="632863"/>
            </a:xfrm>
            <a:prstGeom prst="rect">
              <a:avLst/>
            </a:prstGeom>
          </p:spPr>
        </p:pic>
        <p:sp>
          <p:nvSpPr>
            <p:cNvPr id="55" name="object 55"/>
            <p:cNvSpPr/>
            <p:nvPr/>
          </p:nvSpPr>
          <p:spPr>
            <a:xfrm>
              <a:off x="6185231" y="5138648"/>
              <a:ext cx="804545" cy="639445"/>
            </a:xfrm>
            <a:custGeom>
              <a:avLst/>
              <a:gdLst/>
              <a:ahLst/>
              <a:cxnLst/>
              <a:rect l="l" t="t" r="r" b="b"/>
              <a:pathLst>
                <a:path w="804545" h="639445">
                  <a:moveTo>
                    <a:pt x="0" y="0"/>
                  </a:moveTo>
                  <a:lnTo>
                    <a:pt x="804079" y="0"/>
                  </a:lnTo>
                  <a:lnTo>
                    <a:pt x="804079" y="639415"/>
                  </a:lnTo>
                  <a:lnTo>
                    <a:pt x="0" y="639415"/>
                  </a:lnTo>
                  <a:lnTo>
                    <a:pt x="0" y="0"/>
                  </a:lnTo>
                  <a:close/>
                </a:path>
              </a:pathLst>
            </a:custGeom>
            <a:ln w="6560">
              <a:solidFill>
                <a:srgbClr val="FFFFFF"/>
              </a:solidFill>
            </a:ln>
          </p:spPr>
          <p:txBody>
            <a:bodyPr wrap="square" lIns="0" tIns="0" rIns="0" bIns="0" rtlCol="0"/>
            <a:lstStyle/>
            <a:p>
              <a:endParaRPr/>
            </a:p>
          </p:txBody>
        </p:sp>
        <p:sp>
          <p:nvSpPr>
            <p:cNvPr id="56" name="object 56"/>
            <p:cNvSpPr/>
            <p:nvPr/>
          </p:nvSpPr>
          <p:spPr>
            <a:xfrm>
              <a:off x="6195076" y="5591165"/>
              <a:ext cx="791210" cy="184785"/>
            </a:xfrm>
            <a:custGeom>
              <a:avLst/>
              <a:gdLst/>
              <a:ahLst/>
              <a:cxnLst/>
              <a:rect l="l" t="t" r="r" b="b"/>
              <a:pathLst>
                <a:path w="791209" h="184785">
                  <a:moveTo>
                    <a:pt x="790953" y="184725"/>
                  </a:moveTo>
                  <a:lnTo>
                    <a:pt x="0" y="184725"/>
                  </a:lnTo>
                  <a:lnTo>
                    <a:pt x="0" y="0"/>
                  </a:lnTo>
                  <a:lnTo>
                    <a:pt x="790953" y="0"/>
                  </a:lnTo>
                  <a:lnTo>
                    <a:pt x="790953" y="184725"/>
                  </a:lnTo>
                  <a:close/>
                </a:path>
              </a:pathLst>
            </a:custGeom>
            <a:solidFill>
              <a:srgbClr val="00AFEF"/>
            </a:solidFill>
          </p:spPr>
          <p:txBody>
            <a:bodyPr wrap="square" lIns="0" tIns="0" rIns="0" bIns="0" rtlCol="0"/>
            <a:lstStyle/>
            <a:p>
              <a:endParaRPr/>
            </a:p>
          </p:txBody>
        </p:sp>
      </p:grpSp>
      <p:sp>
        <p:nvSpPr>
          <p:cNvPr id="57" name="object 57"/>
          <p:cNvSpPr txBox="1"/>
          <p:nvPr/>
        </p:nvSpPr>
        <p:spPr>
          <a:xfrm>
            <a:off x="6195076" y="5591165"/>
            <a:ext cx="697865" cy="186690"/>
          </a:xfrm>
          <a:prstGeom prst="rect">
            <a:avLst/>
          </a:prstGeom>
          <a:solidFill>
            <a:srgbClr val="00AFEF"/>
          </a:solidFill>
        </p:spPr>
        <p:txBody>
          <a:bodyPr vert="horz" wrap="square" lIns="0" tIns="0" rIns="0" bIns="0" rtlCol="0">
            <a:spAutoFit/>
          </a:bodyPr>
          <a:lstStyle/>
          <a:p>
            <a:pPr marL="296545" marR="21590">
              <a:lnSpc>
                <a:spcPts val="835"/>
              </a:lnSpc>
            </a:pPr>
            <a:r>
              <a:rPr sz="850" b="1" spc="-20" dirty="0">
                <a:solidFill>
                  <a:srgbClr val="FFFFFF"/>
                </a:solidFill>
                <a:latin typeface="Calibri"/>
                <a:cs typeface="Calibri"/>
              </a:rPr>
              <a:t>HILS</a:t>
            </a:r>
            <a:endParaRPr sz="850">
              <a:latin typeface="Calibri"/>
              <a:cs typeface="Calibri"/>
            </a:endParaRPr>
          </a:p>
          <a:p>
            <a:pPr marL="35560">
              <a:lnSpc>
                <a:spcPts val="590"/>
              </a:lnSpc>
            </a:pPr>
            <a:r>
              <a:rPr sz="550" b="1" dirty="0">
                <a:solidFill>
                  <a:srgbClr val="FFFFFF"/>
                </a:solidFill>
                <a:latin typeface="ＭＳ Ｐゴシック"/>
                <a:cs typeface="ＭＳ Ｐゴシック"/>
              </a:rPr>
              <a:t>（</a:t>
            </a:r>
            <a:r>
              <a:rPr sz="550" b="1" dirty="0">
                <a:solidFill>
                  <a:srgbClr val="FFFFFF"/>
                </a:solidFill>
                <a:latin typeface="Calibri"/>
                <a:cs typeface="Calibri"/>
              </a:rPr>
              <a:t>Hardware in</a:t>
            </a:r>
            <a:r>
              <a:rPr sz="550" b="1" spc="5" dirty="0">
                <a:solidFill>
                  <a:srgbClr val="FFFFFF"/>
                </a:solidFill>
                <a:latin typeface="Calibri"/>
                <a:cs typeface="Calibri"/>
              </a:rPr>
              <a:t> </a:t>
            </a:r>
            <a:r>
              <a:rPr sz="550" b="1" dirty="0">
                <a:solidFill>
                  <a:srgbClr val="FFFFFF"/>
                </a:solidFill>
                <a:latin typeface="Calibri"/>
                <a:cs typeface="Calibri"/>
              </a:rPr>
              <a:t>the</a:t>
            </a:r>
            <a:r>
              <a:rPr sz="550" b="1" spc="30" dirty="0">
                <a:solidFill>
                  <a:srgbClr val="FFFFFF"/>
                </a:solidFill>
                <a:latin typeface="Calibri"/>
                <a:cs typeface="Calibri"/>
              </a:rPr>
              <a:t> </a:t>
            </a:r>
            <a:r>
              <a:rPr sz="550" b="1" spc="-25" dirty="0">
                <a:solidFill>
                  <a:srgbClr val="FFFFFF"/>
                </a:solidFill>
                <a:latin typeface="Calibri"/>
                <a:cs typeface="Calibri"/>
              </a:rPr>
              <a:t>Loo</a:t>
            </a:r>
            <a:endParaRPr sz="550">
              <a:latin typeface="Calibri"/>
              <a:cs typeface="Calibri"/>
            </a:endParaRPr>
          </a:p>
        </p:txBody>
      </p:sp>
      <p:sp>
        <p:nvSpPr>
          <p:cNvPr id="58" name="object 58"/>
          <p:cNvSpPr txBox="1"/>
          <p:nvPr/>
        </p:nvSpPr>
        <p:spPr>
          <a:xfrm>
            <a:off x="6861312" y="5591165"/>
            <a:ext cx="125095" cy="186690"/>
          </a:xfrm>
          <a:prstGeom prst="rect">
            <a:avLst/>
          </a:prstGeom>
          <a:solidFill>
            <a:srgbClr val="00AFEF"/>
          </a:solidFill>
        </p:spPr>
        <p:txBody>
          <a:bodyPr vert="horz" wrap="square" lIns="0" tIns="16510" rIns="0" bIns="0" rtlCol="0">
            <a:spAutoFit/>
          </a:bodyPr>
          <a:lstStyle/>
          <a:p>
            <a:pPr>
              <a:lnSpc>
                <a:spcPct val="100000"/>
              </a:lnSpc>
              <a:spcBef>
                <a:spcPts val="130"/>
              </a:spcBef>
            </a:pPr>
            <a:endParaRPr sz="550">
              <a:latin typeface="Times New Roman"/>
              <a:cs typeface="Times New Roman"/>
            </a:endParaRPr>
          </a:p>
          <a:p>
            <a:pPr marL="12065">
              <a:lnSpc>
                <a:spcPct val="100000"/>
              </a:lnSpc>
            </a:pPr>
            <a:r>
              <a:rPr sz="550" b="1" spc="-25" dirty="0">
                <a:solidFill>
                  <a:srgbClr val="FFFFFF"/>
                </a:solidFill>
                <a:latin typeface="Calibri"/>
                <a:cs typeface="Calibri"/>
              </a:rPr>
              <a:t>p</a:t>
            </a:r>
            <a:r>
              <a:rPr sz="550" b="1" spc="-25" dirty="0">
                <a:solidFill>
                  <a:srgbClr val="FFFFFF"/>
                </a:solidFill>
                <a:latin typeface="ＭＳ Ｐゴシック"/>
                <a:cs typeface="ＭＳ Ｐゴシック"/>
              </a:rPr>
              <a:t>）</a:t>
            </a:r>
            <a:endParaRPr sz="550">
              <a:latin typeface="ＭＳ Ｐゴシック"/>
              <a:cs typeface="ＭＳ Ｐゴシック"/>
            </a:endParaRPr>
          </a:p>
        </p:txBody>
      </p:sp>
      <p:sp>
        <p:nvSpPr>
          <p:cNvPr id="59" name="object 59"/>
          <p:cNvSpPr txBox="1"/>
          <p:nvPr/>
        </p:nvSpPr>
        <p:spPr>
          <a:xfrm>
            <a:off x="6861314" y="4689410"/>
            <a:ext cx="1405890" cy="201295"/>
          </a:xfrm>
          <a:prstGeom prst="rect">
            <a:avLst/>
          </a:prstGeom>
          <a:solidFill>
            <a:srgbClr val="00AFEF"/>
          </a:solidFill>
        </p:spPr>
        <p:txBody>
          <a:bodyPr vert="horz" wrap="square" lIns="0" tIns="0" rIns="0" bIns="0" rtlCol="0">
            <a:spAutoFit/>
          </a:bodyPr>
          <a:lstStyle/>
          <a:p>
            <a:pPr algn="ctr">
              <a:lnSpc>
                <a:spcPts val="900"/>
              </a:lnSpc>
            </a:pPr>
            <a:r>
              <a:rPr sz="850" b="1" spc="-10" dirty="0">
                <a:solidFill>
                  <a:srgbClr val="FFFFFF"/>
                </a:solidFill>
                <a:latin typeface="Calibri"/>
                <a:cs typeface="Calibri"/>
              </a:rPr>
              <a:t>SILS</a:t>
            </a:r>
            <a:r>
              <a:rPr sz="850" b="1" spc="-10" dirty="0">
                <a:solidFill>
                  <a:srgbClr val="FFFFFF"/>
                </a:solidFill>
                <a:latin typeface="Meiryo UI"/>
                <a:cs typeface="Meiryo UI"/>
              </a:rPr>
              <a:t>／</a:t>
            </a:r>
            <a:r>
              <a:rPr sz="850" b="1" spc="-10" dirty="0">
                <a:solidFill>
                  <a:srgbClr val="FFFFFF"/>
                </a:solidFill>
                <a:latin typeface="Calibri"/>
                <a:cs typeface="Calibri"/>
              </a:rPr>
              <a:t>MILS</a:t>
            </a:r>
            <a:endParaRPr sz="850">
              <a:latin typeface="Calibri"/>
              <a:cs typeface="Calibri"/>
            </a:endParaRPr>
          </a:p>
          <a:p>
            <a:pPr algn="ctr">
              <a:lnSpc>
                <a:spcPts val="590"/>
              </a:lnSpc>
            </a:pPr>
            <a:r>
              <a:rPr sz="550" b="1" dirty="0">
                <a:solidFill>
                  <a:srgbClr val="FFFFFF"/>
                </a:solidFill>
                <a:latin typeface="ＭＳ Ｐゴシック"/>
                <a:cs typeface="ＭＳ Ｐゴシック"/>
              </a:rPr>
              <a:t>（</a:t>
            </a:r>
            <a:r>
              <a:rPr sz="550" b="1" dirty="0">
                <a:solidFill>
                  <a:srgbClr val="FFFFFF"/>
                </a:solidFill>
                <a:latin typeface="Calibri"/>
                <a:cs typeface="Calibri"/>
              </a:rPr>
              <a:t>Software</a:t>
            </a:r>
            <a:r>
              <a:rPr sz="550" b="1" spc="5" dirty="0">
                <a:solidFill>
                  <a:srgbClr val="FFFFFF"/>
                </a:solidFill>
                <a:latin typeface="Calibri"/>
                <a:cs typeface="Calibri"/>
              </a:rPr>
              <a:t> </a:t>
            </a:r>
            <a:r>
              <a:rPr sz="550" b="1" dirty="0">
                <a:solidFill>
                  <a:srgbClr val="FFFFFF"/>
                </a:solidFill>
                <a:latin typeface="Calibri"/>
                <a:cs typeface="Calibri"/>
              </a:rPr>
              <a:t>in</a:t>
            </a:r>
            <a:r>
              <a:rPr sz="550" b="1" spc="10" dirty="0">
                <a:solidFill>
                  <a:srgbClr val="FFFFFF"/>
                </a:solidFill>
                <a:latin typeface="Calibri"/>
                <a:cs typeface="Calibri"/>
              </a:rPr>
              <a:t> </a:t>
            </a:r>
            <a:r>
              <a:rPr sz="550" b="1" dirty="0">
                <a:solidFill>
                  <a:srgbClr val="FFFFFF"/>
                </a:solidFill>
                <a:latin typeface="Calibri"/>
                <a:cs typeface="Calibri"/>
              </a:rPr>
              <a:t>the</a:t>
            </a:r>
            <a:r>
              <a:rPr sz="550" b="1" spc="30" dirty="0">
                <a:solidFill>
                  <a:srgbClr val="FFFFFF"/>
                </a:solidFill>
                <a:latin typeface="Calibri"/>
                <a:cs typeface="Calibri"/>
              </a:rPr>
              <a:t> </a:t>
            </a:r>
            <a:r>
              <a:rPr sz="550" b="1" dirty="0">
                <a:solidFill>
                  <a:srgbClr val="FFFFFF"/>
                </a:solidFill>
                <a:latin typeface="Calibri"/>
                <a:cs typeface="Calibri"/>
              </a:rPr>
              <a:t>Loop</a:t>
            </a:r>
            <a:r>
              <a:rPr sz="550" b="1" dirty="0">
                <a:solidFill>
                  <a:srgbClr val="FFFFFF"/>
                </a:solidFill>
                <a:latin typeface="ＭＳ Ｐゴシック"/>
                <a:cs typeface="ＭＳ Ｐゴシック"/>
              </a:rPr>
              <a:t>／</a:t>
            </a:r>
            <a:r>
              <a:rPr sz="550" b="1" dirty="0">
                <a:solidFill>
                  <a:srgbClr val="FFFFFF"/>
                </a:solidFill>
                <a:latin typeface="Calibri"/>
                <a:cs typeface="Calibri"/>
              </a:rPr>
              <a:t>Model</a:t>
            </a:r>
            <a:r>
              <a:rPr sz="550" b="1" spc="10" dirty="0">
                <a:solidFill>
                  <a:srgbClr val="FFFFFF"/>
                </a:solidFill>
                <a:latin typeface="Calibri"/>
                <a:cs typeface="Calibri"/>
              </a:rPr>
              <a:t> </a:t>
            </a:r>
            <a:r>
              <a:rPr sz="550" b="1" dirty="0">
                <a:solidFill>
                  <a:srgbClr val="FFFFFF"/>
                </a:solidFill>
                <a:latin typeface="Calibri"/>
                <a:cs typeface="Calibri"/>
              </a:rPr>
              <a:t>in</a:t>
            </a:r>
            <a:r>
              <a:rPr sz="550" b="1" spc="20" dirty="0">
                <a:solidFill>
                  <a:srgbClr val="FFFFFF"/>
                </a:solidFill>
                <a:latin typeface="Calibri"/>
                <a:cs typeface="Calibri"/>
              </a:rPr>
              <a:t> </a:t>
            </a:r>
            <a:r>
              <a:rPr sz="550" b="1" dirty="0">
                <a:solidFill>
                  <a:srgbClr val="FFFFFF"/>
                </a:solidFill>
                <a:latin typeface="Calibri"/>
                <a:cs typeface="Calibri"/>
              </a:rPr>
              <a:t>the</a:t>
            </a:r>
            <a:r>
              <a:rPr sz="550" b="1" spc="20" dirty="0">
                <a:solidFill>
                  <a:srgbClr val="FFFFFF"/>
                </a:solidFill>
                <a:latin typeface="Calibri"/>
                <a:cs typeface="Calibri"/>
              </a:rPr>
              <a:t> </a:t>
            </a:r>
            <a:r>
              <a:rPr sz="550" b="1" spc="-20" dirty="0">
                <a:solidFill>
                  <a:srgbClr val="FFFFFF"/>
                </a:solidFill>
                <a:latin typeface="Calibri"/>
                <a:cs typeface="Calibri"/>
              </a:rPr>
              <a:t>Loop</a:t>
            </a:r>
            <a:r>
              <a:rPr sz="550" b="1" spc="-20" dirty="0">
                <a:solidFill>
                  <a:srgbClr val="FFFFFF"/>
                </a:solidFill>
                <a:latin typeface="ＭＳ Ｐゴシック"/>
                <a:cs typeface="ＭＳ Ｐゴシック"/>
              </a:rPr>
              <a:t>）</a:t>
            </a:r>
            <a:endParaRPr sz="550">
              <a:latin typeface="ＭＳ Ｐゴシック"/>
              <a:cs typeface="ＭＳ Ｐゴシック"/>
            </a:endParaRPr>
          </a:p>
        </p:txBody>
      </p:sp>
      <p:sp>
        <p:nvSpPr>
          <p:cNvPr id="60" name="object 60"/>
          <p:cNvSpPr txBox="1"/>
          <p:nvPr/>
        </p:nvSpPr>
        <p:spPr>
          <a:xfrm>
            <a:off x="4853849" y="4682852"/>
            <a:ext cx="1078865" cy="177165"/>
          </a:xfrm>
          <a:prstGeom prst="rect">
            <a:avLst/>
          </a:prstGeom>
          <a:solidFill>
            <a:srgbClr val="BEBEBE"/>
          </a:solidFill>
        </p:spPr>
        <p:txBody>
          <a:bodyPr vert="horz" wrap="square" lIns="0" tIns="17780" rIns="0" bIns="0" rtlCol="0">
            <a:spAutoFit/>
          </a:bodyPr>
          <a:lstStyle/>
          <a:p>
            <a:pPr marL="180975">
              <a:lnSpc>
                <a:spcPct val="100000"/>
              </a:lnSpc>
              <a:spcBef>
                <a:spcPts val="140"/>
              </a:spcBef>
            </a:pPr>
            <a:r>
              <a:rPr sz="850" b="1" dirty="0">
                <a:solidFill>
                  <a:srgbClr val="FFFFFF"/>
                </a:solidFill>
                <a:latin typeface="Calibri"/>
                <a:cs typeface="Calibri"/>
              </a:rPr>
              <a:t>Proving</a:t>
            </a:r>
            <a:r>
              <a:rPr sz="850" b="1" spc="10" dirty="0">
                <a:solidFill>
                  <a:srgbClr val="FFFFFF"/>
                </a:solidFill>
                <a:latin typeface="Calibri"/>
                <a:cs typeface="Calibri"/>
              </a:rPr>
              <a:t> </a:t>
            </a:r>
            <a:r>
              <a:rPr sz="850" b="1" spc="-10" dirty="0">
                <a:solidFill>
                  <a:srgbClr val="FFFFFF"/>
                </a:solidFill>
                <a:latin typeface="Calibri"/>
                <a:cs typeface="Calibri"/>
              </a:rPr>
              <a:t>Ground</a:t>
            </a:r>
            <a:endParaRPr sz="850">
              <a:latin typeface="Calibri"/>
              <a:cs typeface="Calibri"/>
            </a:endParaRPr>
          </a:p>
        </p:txBody>
      </p:sp>
      <p:sp>
        <p:nvSpPr>
          <p:cNvPr id="61" name="object 61"/>
          <p:cNvSpPr txBox="1"/>
          <p:nvPr/>
        </p:nvSpPr>
        <p:spPr>
          <a:xfrm>
            <a:off x="3469957" y="4678480"/>
            <a:ext cx="1080135" cy="177165"/>
          </a:xfrm>
          <a:prstGeom prst="rect">
            <a:avLst/>
          </a:prstGeom>
          <a:solidFill>
            <a:srgbClr val="BEBEBE"/>
          </a:solidFill>
        </p:spPr>
        <p:txBody>
          <a:bodyPr vert="horz" wrap="square" lIns="0" tIns="17145" rIns="0" bIns="0" rtlCol="0">
            <a:spAutoFit/>
          </a:bodyPr>
          <a:lstStyle/>
          <a:p>
            <a:pPr marL="273050">
              <a:lnSpc>
                <a:spcPct val="100000"/>
              </a:lnSpc>
              <a:spcBef>
                <a:spcPts val="135"/>
              </a:spcBef>
            </a:pPr>
            <a:r>
              <a:rPr sz="850" b="1" dirty="0">
                <a:solidFill>
                  <a:srgbClr val="FFFFFF"/>
                </a:solidFill>
                <a:latin typeface="Calibri"/>
                <a:cs typeface="Calibri"/>
              </a:rPr>
              <a:t>Public</a:t>
            </a:r>
            <a:r>
              <a:rPr sz="850" b="1" spc="25" dirty="0">
                <a:solidFill>
                  <a:srgbClr val="FFFFFF"/>
                </a:solidFill>
                <a:latin typeface="Calibri"/>
                <a:cs typeface="Calibri"/>
              </a:rPr>
              <a:t> </a:t>
            </a:r>
            <a:r>
              <a:rPr sz="850" b="1" spc="-20" dirty="0">
                <a:solidFill>
                  <a:srgbClr val="FFFFFF"/>
                </a:solidFill>
                <a:latin typeface="Calibri"/>
                <a:cs typeface="Calibri"/>
              </a:rPr>
              <a:t>Road</a:t>
            </a:r>
            <a:endParaRPr sz="850">
              <a:latin typeface="Calibri"/>
              <a:cs typeface="Calibri"/>
            </a:endParaRPr>
          </a:p>
        </p:txBody>
      </p:sp>
      <p:grpSp>
        <p:nvGrpSpPr>
          <p:cNvPr id="62" name="object 62"/>
          <p:cNvGrpSpPr/>
          <p:nvPr/>
        </p:nvGrpSpPr>
        <p:grpSpPr>
          <a:xfrm>
            <a:off x="3245697" y="4408499"/>
            <a:ext cx="5688965" cy="1745614"/>
            <a:chOff x="3245697" y="4408499"/>
            <a:chExt cx="5688965" cy="1745614"/>
          </a:xfrm>
        </p:grpSpPr>
        <p:sp>
          <p:nvSpPr>
            <p:cNvPr id="63" name="object 63"/>
            <p:cNvSpPr/>
            <p:nvPr/>
          </p:nvSpPr>
          <p:spPr>
            <a:xfrm>
              <a:off x="3254988" y="4417791"/>
              <a:ext cx="5670550" cy="1727200"/>
            </a:xfrm>
            <a:custGeom>
              <a:avLst/>
              <a:gdLst/>
              <a:ahLst/>
              <a:cxnLst/>
              <a:rect l="l" t="t" r="r" b="b"/>
              <a:pathLst>
                <a:path w="5670550" h="1727200">
                  <a:moveTo>
                    <a:pt x="0" y="0"/>
                  </a:moveTo>
                  <a:lnTo>
                    <a:pt x="5670149" y="0"/>
                  </a:lnTo>
                  <a:lnTo>
                    <a:pt x="5670149" y="1726993"/>
                  </a:lnTo>
                  <a:lnTo>
                    <a:pt x="0" y="1726993"/>
                  </a:lnTo>
                  <a:lnTo>
                    <a:pt x="0" y="0"/>
                  </a:lnTo>
                  <a:close/>
                </a:path>
              </a:pathLst>
            </a:custGeom>
            <a:ln w="18582">
              <a:solidFill>
                <a:srgbClr val="385D89"/>
              </a:solidFill>
            </a:ln>
          </p:spPr>
          <p:txBody>
            <a:bodyPr wrap="square" lIns="0" tIns="0" rIns="0" bIns="0" rtlCol="0"/>
            <a:lstStyle/>
            <a:p>
              <a:endParaRPr/>
            </a:p>
          </p:txBody>
        </p:sp>
        <p:sp>
          <p:nvSpPr>
            <p:cNvPr id="64" name="object 64"/>
            <p:cNvSpPr/>
            <p:nvPr/>
          </p:nvSpPr>
          <p:spPr>
            <a:xfrm>
              <a:off x="6088960" y="4417244"/>
              <a:ext cx="0" cy="1727200"/>
            </a:xfrm>
            <a:custGeom>
              <a:avLst/>
              <a:gdLst/>
              <a:ahLst/>
              <a:cxnLst/>
              <a:rect l="l" t="t" r="r" b="b"/>
              <a:pathLst>
                <a:path h="1727200">
                  <a:moveTo>
                    <a:pt x="0" y="0"/>
                  </a:moveTo>
                  <a:lnTo>
                    <a:pt x="0" y="1726909"/>
                  </a:lnTo>
                </a:path>
              </a:pathLst>
            </a:custGeom>
            <a:ln w="6563">
              <a:solidFill>
                <a:srgbClr val="497DBA"/>
              </a:solidFill>
            </a:ln>
          </p:spPr>
          <p:txBody>
            <a:bodyPr wrap="square" lIns="0" tIns="0" rIns="0" bIns="0" rtlCol="0"/>
            <a:lstStyle/>
            <a:p>
              <a:endParaRPr/>
            </a:p>
          </p:txBody>
        </p:sp>
        <p:sp>
          <p:nvSpPr>
            <p:cNvPr id="65" name="object 65"/>
            <p:cNvSpPr/>
            <p:nvPr/>
          </p:nvSpPr>
          <p:spPr>
            <a:xfrm>
              <a:off x="5874549" y="5907052"/>
              <a:ext cx="382270" cy="201295"/>
            </a:xfrm>
            <a:custGeom>
              <a:avLst/>
              <a:gdLst/>
              <a:ahLst/>
              <a:cxnLst/>
              <a:rect l="l" t="t" r="r" b="b"/>
              <a:pathLst>
                <a:path w="382270" h="201295">
                  <a:moveTo>
                    <a:pt x="100643" y="0"/>
                  </a:moveTo>
                  <a:lnTo>
                    <a:pt x="100643" y="50279"/>
                  </a:lnTo>
                  <a:lnTo>
                    <a:pt x="281146" y="50279"/>
                  </a:lnTo>
                  <a:lnTo>
                    <a:pt x="281146" y="0"/>
                  </a:lnTo>
                  <a:lnTo>
                    <a:pt x="381789" y="100559"/>
                  </a:lnTo>
                  <a:lnTo>
                    <a:pt x="281146" y="201118"/>
                  </a:lnTo>
                  <a:lnTo>
                    <a:pt x="281146" y="150838"/>
                  </a:lnTo>
                  <a:lnTo>
                    <a:pt x="100643" y="150838"/>
                  </a:lnTo>
                  <a:lnTo>
                    <a:pt x="100643" y="201118"/>
                  </a:lnTo>
                  <a:lnTo>
                    <a:pt x="0" y="100559"/>
                  </a:lnTo>
                  <a:lnTo>
                    <a:pt x="100643" y="0"/>
                  </a:lnTo>
                  <a:close/>
                </a:path>
              </a:pathLst>
            </a:custGeom>
            <a:solidFill>
              <a:srgbClr val="001F5F"/>
            </a:solidFill>
          </p:spPr>
          <p:txBody>
            <a:bodyPr wrap="square" lIns="0" tIns="0" rIns="0" bIns="0" rtlCol="0"/>
            <a:lstStyle/>
            <a:p>
              <a:endParaRPr/>
            </a:p>
          </p:txBody>
        </p:sp>
        <p:sp>
          <p:nvSpPr>
            <p:cNvPr id="66" name="object 66"/>
            <p:cNvSpPr/>
            <p:nvPr/>
          </p:nvSpPr>
          <p:spPr>
            <a:xfrm>
              <a:off x="5874549" y="5907052"/>
              <a:ext cx="382270" cy="201295"/>
            </a:xfrm>
            <a:custGeom>
              <a:avLst/>
              <a:gdLst/>
              <a:ahLst/>
              <a:cxnLst/>
              <a:rect l="l" t="t" r="r" b="b"/>
              <a:pathLst>
                <a:path w="382270" h="201295">
                  <a:moveTo>
                    <a:pt x="381789" y="100559"/>
                  </a:moveTo>
                  <a:lnTo>
                    <a:pt x="281146" y="201118"/>
                  </a:lnTo>
                  <a:lnTo>
                    <a:pt x="281146" y="150838"/>
                  </a:lnTo>
                  <a:lnTo>
                    <a:pt x="100643" y="150838"/>
                  </a:lnTo>
                  <a:lnTo>
                    <a:pt x="100643" y="201118"/>
                  </a:lnTo>
                  <a:lnTo>
                    <a:pt x="0" y="100559"/>
                  </a:lnTo>
                  <a:lnTo>
                    <a:pt x="100643" y="0"/>
                  </a:lnTo>
                  <a:lnTo>
                    <a:pt x="100643" y="50279"/>
                  </a:lnTo>
                  <a:lnTo>
                    <a:pt x="281146" y="50279"/>
                  </a:lnTo>
                  <a:lnTo>
                    <a:pt x="281146" y="0"/>
                  </a:lnTo>
                  <a:lnTo>
                    <a:pt x="381789" y="100559"/>
                  </a:lnTo>
                  <a:close/>
                </a:path>
              </a:pathLst>
            </a:custGeom>
            <a:ln w="8745">
              <a:solidFill>
                <a:srgbClr val="FFFFFF"/>
              </a:solidFill>
            </a:ln>
          </p:spPr>
          <p:txBody>
            <a:bodyPr wrap="square" lIns="0" tIns="0" rIns="0" bIns="0" rtlCol="0"/>
            <a:lstStyle/>
            <a:p>
              <a:endParaRPr/>
            </a:p>
          </p:txBody>
        </p:sp>
      </p:grpSp>
      <p:sp>
        <p:nvSpPr>
          <p:cNvPr id="67" name="object 67"/>
          <p:cNvSpPr txBox="1"/>
          <p:nvPr/>
        </p:nvSpPr>
        <p:spPr>
          <a:xfrm>
            <a:off x="263489" y="1948617"/>
            <a:ext cx="2484120" cy="1397000"/>
          </a:xfrm>
          <a:prstGeom prst="rect">
            <a:avLst/>
          </a:prstGeom>
        </p:spPr>
        <p:txBody>
          <a:bodyPr vert="horz" wrap="square" lIns="0" tIns="58419" rIns="0" bIns="0" rtlCol="0">
            <a:spAutoFit/>
          </a:bodyPr>
          <a:lstStyle/>
          <a:p>
            <a:pPr marL="184785" indent="-172085">
              <a:lnSpc>
                <a:spcPct val="100000"/>
              </a:lnSpc>
              <a:spcBef>
                <a:spcPts val="459"/>
              </a:spcBef>
              <a:buFont typeface="Wingdings"/>
              <a:buChar char=""/>
              <a:tabLst>
                <a:tab pos="184785" algn="l"/>
              </a:tabLst>
            </a:pPr>
            <a:r>
              <a:rPr sz="1200" dirty="0">
                <a:latin typeface="メイリオ"/>
                <a:cs typeface="メイリオ"/>
              </a:rPr>
              <a:t>線状降水帯自動検出技術の</a:t>
            </a:r>
            <a:r>
              <a:rPr sz="1200" b="1" spc="-20" dirty="0">
                <a:latin typeface="メイリオ"/>
                <a:cs typeface="メイリオ"/>
              </a:rPr>
              <a:t>気象庁</a:t>
            </a:r>
            <a:endParaRPr sz="1200">
              <a:latin typeface="メイリオ"/>
              <a:cs typeface="メイリオ"/>
            </a:endParaRPr>
          </a:p>
          <a:p>
            <a:pPr marL="184785" marR="5080">
              <a:lnSpc>
                <a:spcPct val="125000"/>
              </a:lnSpc>
            </a:pPr>
            <a:r>
              <a:rPr sz="1200" b="1" spc="-5" dirty="0">
                <a:latin typeface="メイリオ"/>
                <a:cs typeface="メイリオ"/>
              </a:rPr>
              <a:t>「顕著な大雨に関する気象情報」</a:t>
            </a:r>
            <a:r>
              <a:rPr sz="1200" b="1" dirty="0">
                <a:latin typeface="メイリオ"/>
                <a:cs typeface="メイリオ"/>
              </a:rPr>
              <a:t>への実装</a:t>
            </a:r>
            <a:r>
              <a:rPr sz="1200" spc="-50" dirty="0">
                <a:latin typeface="メイリオ"/>
                <a:cs typeface="メイリオ"/>
              </a:rPr>
              <a:t>。</a:t>
            </a:r>
            <a:endParaRPr sz="1200">
              <a:latin typeface="メイリオ"/>
              <a:cs typeface="メイリオ"/>
            </a:endParaRPr>
          </a:p>
          <a:p>
            <a:pPr marL="184785" marR="5080" indent="-172720">
              <a:lnSpc>
                <a:spcPct val="125000"/>
              </a:lnSpc>
              <a:spcBef>
                <a:spcPts val="1800"/>
              </a:spcBef>
              <a:buFont typeface="Wingdings"/>
              <a:buChar char=""/>
              <a:tabLst>
                <a:tab pos="184785" algn="l"/>
              </a:tabLst>
            </a:pPr>
            <a:r>
              <a:rPr sz="1200" spc="-5" dirty="0">
                <a:latin typeface="メイリオ"/>
                <a:cs typeface="メイリオ"/>
              </a:rPr>
              <a:t>線状降水帯予測精度の向上による自治体避難判断への活用。</a:t>
            </a:r>
            <a:endParaRPr sz="1200">
              <a:latin typeface="メイリオ"/>
              <a:cs typeface="メイリオ"/>
            </a:endParaRPr>
          </a:p>
        </p:txBody>
      </p:sp>
    </p:spTree>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6993135" y="4479554"/>
            <a:ext cx="2120629" cy="1710918"/>
          </a:xfrm>
          <a:prstGeom prst="rect">
            <a:avLst/>
          </a:prstGeom>
        </p:spPr>
      </p:pic>
      <p:sp>
        <p:nvSpPr>
          <p:cNvPr id="3" name="object 3"/>
          <p:cNvSpPr txBox="1"/>
          <p:nvPr/>
        </p:nvSpPr>
        <p:spPr>
          <a:xfrm>
            <a:off x="8881155" y="6424387"/>
            <a:ext cx="176530" cy="299720"/>
          </a:xfrm>
          <a:prstGeom prst="rect">
            <a:avLst/>
          </a:prstGeom>
        </p:spPr>
        <p:txBody>
          <a:bodyPr vert="horz" wrap="square" lIns="0" tIns="12700" rIns="0" bIns="0" rtlCol="0">
            <a:spAutoFit/>
          </a:bodyPr>
          <a:lstStyle/>
          <a:p>
            <a:pPr marL="12700">
              <a:lnSpc>
                <a:spcPct val="100000"/>
              </a:lnSpc>
              <a:spcBef>
                <a:spcPts val="100"/>
              </a:spcBef>
            </a:pPr>
            <a:r>
              <a:rPr sz="1800" b="1" spc="-50" dirty="0">
                <a:latin typeface="HGPｺﾞｼｯｸM"/>
                <a:cs typeface="HGPｺﾞｼｯｸM"/>
              </a:rPr>
              <a:t>６</a:t>
            </a:r>
            <a:endParaRPr sz="1800">
              <a:latin typeface="HGPｺﾞｼｯｸM"/>
              <a:cs typeface="HGPｺﾞｼｯｸM"/>
            </a:endParaRPr>
          </a:p>
        </p:txBody>
      </p:sp>
      <p:pic>
        <p:nvPicPr>
          <p:cNvPr id="4" name="object 4"/>
          <p:cNvPicPr/>
          <p:nvPr/>
        </p:nvPicPr>
        <p:blipFill>
          <a:blip r:embed="rId3" cstate="print"/>
          <a:stretch>
            <a:fillRect/>
          </a:stretch>
        </p:blipFill>
        <p:spPr>
          <a:xfrm>
            <a:off x="0" y="0"/>
            <a:ext cx="9139428" cy="528827"/>
          </a:xfrm>
          <a:prstGeom prst="rect">
            <a:avLst/>
          </a:prstGeom>
        </p:spPr>
      </p:pic>
      <p:sp>
        <p:nvSpPr>
          <p:cNvPr id="5" name="object 5"/>
          <p:cNvSpPr txBox="1">
            <a:spLocks noGrp="1"/>
          </p:cNvSpPr>
          <p:nvPr>
            <p:ph type="title"/>
          </p:nvPr>
        </p:nvSpPr>
        <p:spPr>
          <a:prstGeom prst="rect">
            <a:avLst/>
          </a:prstGeom>
        </p:spPr>
        <p:txBody>
          <a:bodyPr vert="horz" wrap="square" lIns="0" tIns="12700" rIns="0" bIns="0" rtlCol="0">
            <a:spAutoFit/>
          </a:bodyPr>
          <a:lstStyle/>
          <a:p>
            <a:pPr marL="12700">
              <a:lnSpc>
                <a:spcPct val="100000"/>
              </a:lnSpc>
              <a:spcBef>
                <a:spcPts val="100"/>
              </a:spcBef>
            </a:pPr>
            <a:r>
              <a:rPr spc="-15" dirty="0"/>
              <a:t>戦略的イノベーションプログラム第３期</a:t>
            </a:r>
            <a:r>
              <a:rPr spc="-10" dirty="0"/>
              <a:t>（</a:t>
            </a:r>
            <a:r>
              <a:rPr spc="-15" dirty="0"/>
              <a:t>ＳＩＰ第３期</a:t>
            </a:r>
            <a:r>
              <a:rPr dirty="0"/>
              <a:t>）</a:t>
            </a:r>
            <a:r>
              <a:rPr spc="-30" dirty="0"/>
              <a:t>の１４課題</a:t>
            </a:r>
          </a:p>
        </p:txBody>
      </p:sp>
      <p:sp>
        <p:nvSpPr>
          <p:cNvPr id="6" name="object 6"/>
          <p:cNvSpPr txBox="1"/>
          <p:nvPr/>
        </p:nvSpPr>
        <p:spPr>
          <a:xfrm>
            <a:off x="175260" y="548640"/>
            <a:ext cx="8863965" cy="1203960"/>
          </a:xfrm>
          <a:prstGeom prst="rect">
            <a:avLst/>
          </a:prstGeom>
          <a:ln w="12192">
            <a:solidFill>
              <a:srgbClr val="000000"/>
            </a:solidFill>
          </a:ln>
        </p:spPr>
        <p:txBody>
          <a:bodyPr vert="horz" wrap="square" lIns="0" tIns="31115" rIns="0" bIns="0" rtlCol="0">
            <a:spAutoFit/>
          </a:bodyPr>
          <a:lstStyle/>
          <a:p>
            <a:pPr marL="273050" marR="452755" indent="-181610">
              <a:lnSpc>
                <a:spcPct val="100000"/>
              </a:lnSpc>
              <a:spcBef>
                <a:spcPts val="245"/>
              </a:spcBef>
            </a:pPr>
            <a:r>
              <a:rPr sz="1400" b="1" spc="120" dirty="0">
                <a:latin typeface="Meiryo UI"/>
                <a:cs typeface="Meiryo UI"/>
              </a:rPr>
              <a:t>〇 令和</a:t>
            </a:r>
            <a:r>
              <a:rPr sz="1400" b="1" spc="-10" dirty="0">
                <a:latin typeface="Meiryo UI"/>
                <a:cs typeface="Meiryo UI"/>
              </a:rPr>
              <a:t>5年度のSIP</a:t>
            </a:r>
            <a:r>
              <a:rPr sz="1400" b="1" dirty="0">
                <a:latin typeface="Meiryo UI"/>
                <a:cs typeface="Meiryo UI"/>
              </a:rPr>
              <a:t>第</a:t>
            </a:r>
            <a:r>
              <a:rPr sz="1400" b="1" spc="-10" dirty="0">
                <a:latin typeface="Meiryo UI"/>
                <a:cs typeface="Meiryo UI"/>
              </a:rPr>
              <a:t>3期の開始に向けて、</a:t>
            </a:r>
            <a:r>
              <a:rPr sz="1400" b="1" dirty="0">
                <a:solidFill>
                  <a:srgbClr val="FF0000"/>
                </a:solidFill>
                <a:latin typeface="Meiryo UI"/>
                <a:cs typeface="Meiryo UI"/>
              </a:rPr>
              <a:t>Society</a:t>
            </a:r>
            <a:r>
              <a:rPr sz="1400" b="1" spc="-35" dirty="0">
                <a:solidFill>
                  <a:srgbClr val="FF0000"/>
                </a:solidFill>
                <a:latin typeface="Meiryo UI"/>
                <a:cs typeface="Meiryo UI"/>
              </a:rPr>
              <a:t> </a:t>
            </a:r>
            <a:r>
              <a:rPr sz="1400" b="1" spc="-10" dirty="0">
                <a:solidFill>
                  <a:srgbClr val="FF0000"/>
                </a:solidFill>
                <a:latin typeface="Meiryo UI"/>
                <a:cs typeface="Meiryo UI"/>
              </a:rPr>
              <a:t>5.0</a:t>
            </a:r>
            <a:r>
              <a:rPr sz="1400" b="1" spc="-20" dirty="0">
                <a:solidFill>
                  <a:srgbClr val="FF0000"/>
                </a:solidFill>
                <a:latin typeface="Meiryo UI"/>
                <a:cs typeface="Meiryo UI"/>
              </a:rPr>
              <a:t>からバックキャストで課題候補を選定し、令和４年度にフィージビリティスタディ</a:t>
            </a:r>
            <a:r>
              <a:rPr sz="1400" b="1" spc="-10" dirty="0">
                <a:solidFill>
                  <a:srgbClr val="FF0000"/>
                </a:solidFill>
                <a:latin typeface="Meiryo UI"/>
                <a:cs typeface="Meiryo UI"/>
              </a:rPr>
              <a:t>（FS）</a:t>
            </a:r>
            <a:r>
              <a:rPr sz="1400" b="1" spc="-20" dirty="0">
                <a:solidFill>
                  <a:srgbClr val="FF0000"/>
                </a:solidFill>
                <a:latin typeface="Meiryo UI"/>
                <a:cs typeface="Meiryo UI"/>
              </a:rPr>
              <a:t>を実施。</a:t>
            </a:r>
            <a:endParaRPr sz="1400" dirty="0">
              <a:latin typeface="Meiryo UI"/>
              <a:cs typeface="Meiryo UI"/>
            </a:endParaRPr>
          </a:p>
          <a:p>
            <a:pPr marL="273050" marR="141605" indent="-181610">
              <a:lnSpc>
                <a:spcPct val="100000"/>
              </a:lnSpc>
              <a:spcBef>
                <a:spcPts val="300"/>
              </a:spcBef>
            </a:pPr>
            <a:r>
              <a:rPr sz="1400" b="1" spc="250" dirty="0">
                <a:latin typeface="Meiryo UI"/>
                <a:cs typeface="Meiryo UI"/>
              </a:rPr>
              <a:t>〇 </a:t>
            </a:r>
            <a:r>
              <a:rPr sz="1400" b="1" spc="-10" dirty="0">
                <a:solidFill>
                  <a:srgbClr val="FF0000"/>
                </a:solidFill>
                <a:latin typeface="Meiryo UI"/>
                <a:cs typeface="Meiryo UI"/>
              </a:rPr>
              <a:t>FS</a:t>
            </a:r>
            <a:r>
              <a:rPr sz="1400" b="1" spc="-15" dirty="0">
                <a:solidFill>
                  <a:srgbClr val="FF0000"/>
                </a:solidFill>
                <a:latin typeface="Meiryo UI"/>
                <a:cs typeface="Meiryo UI"/>
              </a:rPr>
              <a:t>の結果を踏まえ、事前評価を実施し、令和５年</a:t>
            </a:r>
            <a:r>
              <a:rPr sz="1400" b="1" spc="-10" dirty="0">
                <a:solidFill>
                  <a:srgbClr val="FF0000"/>
                </a:solidFill>
                <a:latin typeface="Meiryo UI"/>
                <a:cs typeface="Meiryo UI"/>
              </a:rPr>
              <a:t>1月に14</a:t>
            </a:r>
            <a:r>
              <a:rPr sz="1400" b="1" spc="-15" dirty="0">
                <a:solidFill>
                  <a:srgbClr val="FF0000"/>
                </a:solidFill>
                <a:latin typeface="Meiryo UI"/>
                <a:cs typeface="Meiryo UI"/>
              </a:rPr>
              <a:t>の課題を決定</a:t>
            </a:r>
            <a:r>
              <a:rPr sz="1400" b="1" spc="-25" dirty="0">
                <a:latin typeface="Meiryo UI"/>
                <a:cs typeface="Meiryo UI"/>
              </a:rPr>
              <a:t>するとともに、それらの「社会実装に向けた</a:t>
            </a:r>
            <a:r>
              <a:rPr sz="1400" b="1" spc="-5" dirty="0">
                <a:latin typeface="Meiryo UI"/>
                <a:cs typeface="Meiryo UI"/>
              </a:rPr>
              <a:t>戦略及び研究開発計画</a:t>
            </a:r>
            <a:r>
              <a:rPr sz="1400" b="1" dirty="0">
                <a:latin typeface="Meiryo UI"/>
                <a:cs typeface="Meiryo UI"/>
              </a:rPr>
              <a:t>（</a:t>
            </a:r>
            <a:r>
              <a:rPr sz="1400" b="1" spc="-15" dirty="0">
                <a:latin typeface="Meiryo UI"/>
                <a:cs typeface="Meiryo UI"/>
              </a:rPr>
              <a:t>戦略及び計画</a:t>
            </a:r>
            <a:r>
              <a:rPr sz="1400" b="1" dirty="0">
                <a:latin typeface="Meiryo UI"/>
                <a:cs typeface="Meiryo UI"/>
              </a:rPr>
              <a:t>）</a:t>
            </a:r>
            <a:r>
              <a:rPr sz="1400" b="1" spc="-20" dirty="0">
                <a:latin typeface="Meiryo UI"/>
                <a:cs typeface="Meiryo UI"/>
              </a:rPr>
              <a:t>」案を作成。</a:t>
            </a:r>
            <a:endParaRPr sz="1400" dirty="0">
              <a:latin typeface="Meiryo UI"/>
              <a:cs typeface="Meiryo UI"/>
            </a:endParaRPr>
          </a:p>
          <a:p>
            <a:pPr marL="385445" indent="-294005">
              <a:lnSpc>
                <a:spcPct val="100000"/>
              </a:lnSpc>
              <a:spcBef>
                <a:spcPts val="300"/>
              </a:spcBef>
              <a:buChar char="○"/>
              <a:tabLst>
                <a:tab pos="385445" algn="l"/>
              </a:tabLst>
            </a:pPr>
            <a:r>
              <a:rPr sz="1400" b="1" spc="-15" dirty="0">
                <a:latin typeface="Meiryo UI"/>
                <a:cs typeface="Meiryo UI"/>
              </a:rPr>
              <a:t>戦略及び計画案のパブコメ、</a:t>
            </a:r>
            <a:r>
              <a:rPr sz="1400" b="1" spc="-10" dirty="0">
                <a:latin typeface="Meiryo UI"/>
                <a:cs typeface="Meiryo UI"/>
              </a:rPr>
              <a:t>PDの公募を経て、</a:t>
            </a:r>
            <a:r>
              <a:rPr sz="1400" b="1" spc="-10" dirty="0">
                <a:solidFill>
                  <a:srgbClr val="FF0000"/>
                </a:solidFill>
                <a:latin typeface="Meiryo UI"/>
                <a:cs typeface="Meiryo UI"/>
              </a:rPr>
              <a:t>令和５年3</a:t>
            </a:r>
            <a:r>
              <a:rPr sz="1400" b="1" spc="-15" dirty="0">
                <a:solidFill>
                  <a:srgbClr val="FF0000"/>
                </a:solidFill>
                <a:latin typeface="Meiryo UI"/>
                <a:cs typeface="Meiryo UI"/>
              </a:rPr>
              <a:t>月に戦略及び計画と</a:t>
            </a:r>
            <a:r>
              <a:rPr sz="1400" b="1" spc="-10" dirty="0">
                <a:solidFill>
                  <a:srgbClr val="FF0000"/>
                </a:solidFill>
                <a:latin typeface="Meiryo UI"/>
                <a:cs typeface="Meiryo UI"/>
              </a:rPr>
              <a:t>PDを決定</a:t>
            </a:r>
            <a:r>
              <a:rPr sz="1400" b="1" spc="-50" dirty="0">
                <a:latin typeface="Meiryo UI"/>
                <a:cs typeface="Meiryo UI"/>
              </a:rPr>
              <a:t>。</a:t>
            </a:r>
            <a:endParaRPr sz="1400" dirty="0">
              <a:latin typeface="Meiryo UI"/>
              <a:cs typeface="Meiryo UI"/>
            </a:endParaRPr>
          </a:p>
        </p:txBody>
      </p:sp>
      <p:sp>
        <p:nvSpPr>
          <p:cNvPr id="7" name="object 7"/>
          <p:cNvSpPr/>
          <p:nvPr/>
        </p:nvSpPr>
        <p:spPr>
          <a:xfrm>
            <a:off x="4505837" y="2448073"/>
            <a:ext cx="0" cy="3184525"/>
          </a:xfrm>
          <a:custGeom>
            <a:avLst/>
            <a:gdLst/>
            <a:ahLst/>
            <a:cxnLst/>
            <a:rect l="l" t="t" r="r" b="b"/>
            <a:pathLst>
              <a:path h="3184525">
                <a:moveTo>
                  <a:pt x="0" y="0"/>
                </a:moveTo>
                <a:lnTo>
                  <a:pt x="0" y="3184220"/>
                </a:lnTo>
              </a:path>
            </a:pathLst>
          </a:custGeom>
          <a:ln w="33447">
            <a:solidFill>
              <a:srgbClr val="E6E6E6"/>
            </a:solidFill>
          </a:ln>
        </p:spPr>
        <p:txBody>
          <a:bodyPr wrap="square" lIns="0" tIns="0" rIns="0" bIns="0" rtlCol="0"/>
          <a:lstStyle/>
          <a:p>
            <a:endParaRPr/>
          </a:p>
        </p:txBody>
      </p:sp>
      <p:grpSp>
        <p:nvGrpSpPr>
          <p:cNvPr id="8" name="object 8"/>
          <p:cNvGrpSpPr/>
          <p:nvPr/>
        </p:nvGrpSpPr>
        <p:grpSpPr>
          <a:xfrm>
            <a:off x="1859031" y="2259847"/>
            <a:ext cx="5255260" cy="3596004"/>
            <a:chOff x="1859031" y="2259847"/>
            <a:chExt cx="5255260" cy="3596004"/>
          </a:xfrm>
        </p:grpSpPr>
        <p:sp>
          <p:nvSpPr>
            <p:cNvPr id="9" name="object 9"/>
            <p:cNvSpPr/>
            <p:nvPr/>
          </p:nvSpPr>
          <p:spPr>
            <a:xfrm>
              <a:off x="1894762" y="2294417"/>
              <a:ext cx="5201920" cy="1040765"/>
            </a:xfrm>
            <a:custGeom>
              <a:avLst/>
              <a:gdLst/>
              <a:ahLst/>
              <a:cxnLst/>
              <a:rect l="l" t="t" r="r" b="b"/>
              <a:pathLst>
                <a:path w="5201920" h="1040764">
                  <a:moveTo>
                    <a:pt x="0" y="1040390"/>
                  </a:moveTo>
                  <a:lnTo>
                    <a:pt x="23531" y="1009363"/>
                  </a:lnTo>
                  <a:lnTo>
                    <a:pt x="47892" y="978743"/>
                  </a:lnTo>
                  <a:lnTo>
                    <a:pt x="73071" y="948534"/>
                  </a:lnTo>
                  <a:lnTo>
                    <a:pt x="99056" y="918739"/>
                  </a:lnTo>
                  <a:lnTo>
                    <a:pt x="125834" y="889360"/>
                  </a:lnTo>
                  <a:lnTo>
                    <a:pt x="153393" y="860400"/>
                  </a:lnTo>
                  <a:lnTo>
                    <a:pt x="181721" y="831864"/>
                  </a:lnTo>
                  <a:lnTo>
                    <a:pt x="210806" y="803752"/>
                  </a:lnTo>
                  <a:lnTo>
                    <a:pt x="240635" y="776070"/>
                  </a:lnTo>
                  <a:lnTo>
                    <a:pt x="271197" y="748818"/>
                  </a:lnTo>
                  <a:lnTo>
                    <a:pt x="302479" y="722001"/>
                  </a:lnTo>
                  <a:lnTo>
                    <a:pt x="334468" y="695622"/>
                  </a:lnTo>
                  <a:lnTo>
                    <a:pt x="367154" y="669683"/>
                  </a:lnTo>
                  <a:lnTo>
                    <a:pt x="400522" y="644187"/>
                  </a:lnTo>
                  <a:lnTo>
                    <a:pt x="434562" y="619137"/>
                  </a:lnTo>
                  <a:lnTo>
                    <a:pt x="469261" y="594537"/>
                  </a:lnTo>
                  <a:lnTo>
                    <a:pt x="504606" y="570390"/>
                  </a:lnTo>
                  <a:lnTo>
                    <a:pt x="540586" y="546697"/>
                  </a:lnTo>
                  <a:lnTo>
                    <a:pt x="577188" y="523463"/>
                  </a:lnTo>
                  <a:lnTo>
                    <a:pt x="614401" y="500690"/>
                  </a:lnTo>
                  <a:lnTo>
                    <a:pt x="652211" y="478381"/>
                  </a:lnTo>
                  <a:lnTo>
                    <a:pt x="690607" y="456539"/>
                  </a:lnTo>
                  <a:lnTo>
                    <a:pt x="729576" y="435168"/>
                  </a:lnTo>
                  <a:lnTo>
                    <a:pt x="769106" y="414269"/>
                  </a:lnTo>
                  <a:lnTo>
                    <a:pt x="809186" y="393847"/>
                  </a:lnTo>
                  <a:lnTo>
                    <a:pt x="849802" y="373904"/>
                  </a:lnTo>
                  <a:lnTo>
                    <a:pt x="890942" y="354443"/>
                  </a:lnTo>
                  <a:lnTo>
                    <a:pt x="932595" y="335467"/>
                  </a:lnTo>
                  <a:lnTo>
                    <a:pt x="974748" y="316978"/>
                  </a:lnTo>
                  <a:lnTo>
                    <a:pt x="1017389" y="298981"/>
                  </a:lnTo>
                  <a:lnTo>
                    <a:pt x="1060506" y="281478"/>
                  </a:lnTo>
                  <a:lnTo>
                    <a:pt x="1104085" y="264472"/>
                  </a:lnTo>
                  <a:lnTo>
                    <a:pt x="1148117" y="247966"/>
                  </a:lnTo>
                  <a:lnTo>
                    <a:pt x="1192587" y="231962"/>
                  </a:lnTo>
                  <a:lnTo>
                    <a:pt x="1237483" y="216465"/>
                  </a:lnTo>
                  <a:lnTo>
                    <a:pt x="1282795" y="201476"/>
                  </a:lnTo>
                  <a:lnTo>
                    <a:pt x="1328509" y="186999"/>
                  </a:lnTo>
                  <a:lnTo>
                    <a:pt x="1374612" y="173037"/>
                  </a:lnTo>
                  <a:lnTo>
                    <a:pt x="1421094" y="159593"/>
                  </a:lnTo>
                  <a:lnTo>
                    <a:pt x="1467941" y="146669"/>
                  </a:lnTo>
                  <a:lnTo>
                    <a:pt x="1515142" y="134269"/>
                  </a:lnTo>
                  <a:lnTo>
                    <a:pt x="1562684" y="122396"/>
                  </a:lnTo>
                  <a:lnTo>
                    <a:pt x="1610555" y="111053"/>
                  </a:lnTo>
                  <a:lnTo>
                    <a:pt x="1658742" y="100242"/>
                  </a:lnTo>
                  <a:lnTo>
                    <a:pt x="1707235" y="89967"/>
                  </a:lnTo>
                  <a:lnTo>
                    <a:pt x="1756019" y="80230"/>
                  </a:lnTo>
                  <a:lnTo>
                    <a:pt x="1805084" y="71035"/>
                  </a:lnTo>
                  <a:lnTo>
                    <a:pt x="1854416" y="62385"/>
                  </a:lnTo>
                  <a:lnTo>
                    <a:pt x="1904005" y="54282"/>
                  </a:lnTo>
                  <a:lnTo>
                    <a:pt x="1953836" y="46730"/>
                  </a:lnTo>
                  <a:lnTo>
                    <a:pt x="2003899" y="39731"/>
                  </a:lnTo>
                  <a:lnTo>
                    <a:pt x="2054181" y="33288"/>
                  </a:lnTo>
                  <a:lnTo>
                    <a:pt x="2104670" y="27405"/>
                  </a:lnTo>
                  <a:lnTo>
                    <a:pt x="2155353" y="22085"/>
                  </a:lnTo>
                  <a:lnTo>
                    <a:pt x="2206218" y="17330"/>
                  </a:lnTo>
                  <a:lnTo>
                    <a:pt x="2257254" y="13143"/>
                  </a:lnTo>
                  <a:lnTo>
                    <a:pt x="2308447" y="9527"/>
                  </a:lnTo>
                  <a:lnTo>
                    <a:pt x="2359787" y="6486"/>
                  </a:lnTo>
                  <a:lnTo>
                    <a:pt x="2411259" y="4022"/>
                  </a:lnTo>
                  <a:lnTo>
                    <a:pt x="2462853" y="2139"/>
                  </a:lnTo>
                  <a:lnTo>
                    <a:pt x="2514556" y="838"/>
                  </a:lnTo>
                  <a:lnTo>
                    <a:pt x="2566355" y="124"/>
                  </a:lnTo>
                  <a:lnTo>
                    <a:pt x="2618240" y="0"/>
                  </a:lnTo>
                  <a:lnTo>
                    <a:pt x="2670196" y="467"/>
                  </a:lnTo>
                  <a:lnTo>
                    <a:pt x="2722213" y="1529"/>
                  </a:lnTo>
                  <a:lnTo>
                    <a:pt x="2774277" y="3190"/>
                  </a:lnTo>
                  <a:lnTo>
                    <a:pt x="2826378" y="5451"/>
                  </a:lnTo>
                  <a:lnTo>
                    <a:pt x="2878501" y="8317"/>
                  </a:lnTo>
                  <a:lnTo>
                    <a:pt x="2930636" y="11790"/>
                  </a:lnTo>
                  <a:lnTo>
                    <a:pt x="2982770" y="15873"/>
                  </a:lnTo>
                  <a:lnTo>
                    <a:pt x="3034891" y="20569"/>
                  </a:lnTo>
                  <a:lnTo>
                    <a:pt x="3086987" y="25881"/>
                  </a:lnTo>
                  <a:lnTo>
                    <a:pt x="3139044" y="31812"/>
                  </a:lnTo>
                  <a:lnTo>
                    <a:pt x="3191052" y="38364"/>
                  </a:lnTo>
                  <a:lnTo>
                    <a:pt x="3242998" y="45542"/>
                  </a:lnTo>
                  <a:lnTo>
                    <a:pt x="3294869" y="53348"/>
                  </a:lnTo>
                  <a:lnTo>
                    <a:pt x="3346654" y="61784"/>
                  </a:lnTo>
                  <a:lnTo>
                    <a:pt x="3398340" y="70854"/>
                  </a:lnTo>
                  <a:lnTo>
                    <a:pt x="3449915" y="80561"/>
                  </a:lnTo>
                  <a:lnTo>
                    <a:pt x="3501367" y="90908"/>
                  </a:lnTo>
                  <a:lnTo>
                    <a:pt x="3552684" y="101898"/>
                  </a:lnTo>
                  <a:lnTo>
                    <a:pt x="3603853" y="113534"/>
                  </a:lnTo>
                  <a:lnTo>
                    <a:pt x="3654862" y="125818"/>
                  </a:lnTo>
                  <a:lnTo>
                    <a:pt x="3705699" y="138754"/>
                  </a:lnTo>
                  <a:lnTo>
                    <a:pt x="3756352" y="152344"/>
                  </a:lnTo>
                  <a:lnTo>
                    <a:pt x="3810747" y="167744"/>
                  </a:lnTo>
                  <a:lnTo>
                    <a:pt x="3864519" y="183819"/>
                  </a:lnTo>
                  <a:lnTo>
                    <a:pt x="3917652" y="200559"/>
                  </a:lnTo>
                  <a:lnTo>
                    <a:pt x="3970135" y="217957"/>
                  </a:lnTo>
                  <a:lnTo>
                    <a:pt x="4021954" y="236004"/>
                  </a:lnTo>
                  <a:lnTo>
                    <a:pt x="4073096" y="254691"/>
                  </a:lnTo>
                  <a:lnTo>
                    <a:pt x="4123547" y="274012"/>
                  </a:lnTo>
                  <a:lnTo>
                    <a:pt x="4173294" y="293956"/>
                  </a:lnTo>
                  <a:lnTo>
                    <a:pt x="4222323" y="314516"/>
                  </a:lnTo>
                  <a:lnTo>
                    <a:pt x="4270622" y="335684"/>
                  </a:lnTo>
                  <a:lnTo>
                    <a:pt x="4318177" y="357451"/>
                  </a:lnTo>
                  <a:lnTo>
                    <a:pt x="4364975" y="379810"/>
                  </a:lnTo>
                  <a:lnTo>
                    <a:pt x="4411002" y="402750"/>
                  </a:lnTo>
                  <a:lnTo>
                    <a:pt x="4456246" y="426266"/>
                  </a:lnTo>
                  <a:lnTo>
                    <a:pt x="4500692" y="450347"/>
                  </a:lnTo>
                  <a:lnTo>
                    <a:pt x="4544328" y="474985"/>
                  </a:lnTo>
                  <a:lnTo>
                    <a:pt x="4587140" y="500174"/>
                  </a:lnTo>
                  <a:lnTo>
                    <a:pt x="4629115" y="525903"/>
                  </a:lnTo>
                  <a:lnTo>
                    <a:pt x="4670239" y="552165"/>
                  </a:lnTo>
                  <a:lnTo>
                    <a:pt x="4710500" y="578951"/>
                  </a:lnTo>
                  <a:lnTo>
                    <a:pt x="4749884" y="606254"/>
                  </a:lnTo>
                  <a:lnTo>
                    <a:pt x="4788377" y="634064"/>
                  </a:lnTo>
                  <a:lnTo>
                    <a:pt x="4825967" y="662374"/>
                  </a:lnTo>
                  <a:lnTo>
                    <a:pt x="4862640" y="691175"/>
                  </a:lnTo>
                  <a:lnTo>
                    <a:pt x="4898383" y="720459"/>
                  </a:lnTo>
                  <a:lnTo>
                    <a:pt x="4933182" y="750217"/>
                  </a:lnTo>
                  <a:lnTo>
                    <a:pt x="4967024" y="780442"/>
                  </a:lnTo>
                  <a:lnTo>
                    <a:pt x="4999896" y="811124"/>
                  </a:lnTo>
                  <a:lnTo>
                    <a:pt x="5031785" y="842257"/>
                  </a:lnTo>
                  <a:lnTo>
                    <a:pt x="5062677" y="873830"/>
                  </a:lnTo>
                  <a:lnTo>
                    <a:pt x="5092558" y="905836"/>
                  </a:lnTo>
                  <a:lnTo>
                    <a:pt x="5121417" y="938267"/>
                  </a:lnTo>
                  <a:lnTo>
                    <a:pt x="5149238" y="971115"/>
                  </a:lnTo>
                  <a:lnTo>
                    <a:pt x="5176010" y="1004370"/>
                  </a:lnTo>
                  <a:lnTo>
                    <a:pt x="5201718" y="1038025"/>
                  </a:lnTo>
                </a:path>
              </a:pathLst>
            </a:custGeom>
            <a:ln w="33446">
              <a:solidFill>
                <a:srgbClr val="FFD966"/>
              </a:solidFill>
            </a:ln>
          </p:spPr>
          <p:txBody>
            <a:bodyPr wrap="square" lIns="0" tIns="0" rIns="0" bIns="0" rtlCol="0"/>
            <a:lstStyle/>
            <a:p>
              <a:endParaRPr/>
            </a:p>
          </p:txBody>
        </p:sp>
        <p:sp>
          <p:nvSpPr>
            <p:cNvPr id="10" name="object 10"/>
            <p:cNvSpPr/>
            <p:nvPr/>
          </p:nvSpPr>
          <p:spPr>
            <a:xfrm>
              <a:off x="6973348" y="3198656"/>
              <a:ext cx="123825" cy="134620"/>
            </a:xfrm>
            <a:custGeom>
              <a:avLst/>
              <a:gdLst/>
              <a:ahLst/>
              <a:cxnLst/>
              <a:rect l="l" t="t" r="r" b="b"/>
              <a:pathLst>
                <a:path w="123825" h="134620">
                  <a:moveTo>
                    <a:pt x="110219" y="0"/>
                  </a:moveTo>
                  <a:lnTo>
                    <a:pt x="123574" y="134406"/>
                  </a:lnTo>
                  <a:lnTo>
                    <a:pt x="0" y="79872"/>
                  </a:lnTo>
                </a:path>
              </a:pathLst>
            </a:custGeom>
            <a:ln w="33447">
              <a:solidFill>
                <a:srgbClr val="FFD966"/>
              </a:solidFill>
            </a:ln>
          </p:spPr>
          <p:txBody>
            <a:bodyPr wrap="square" lIns="0" tIns="0" rIns="0" bIns="0" rtlCol="0"/>
            <a:lstStyle/>
            <a:p>
              <a:endParaRPr/>
            </a:p>
          </p:txBody>
        </p:sp>
        <p:sp>
          <p:nvSpPr>
            <p:cNvPr id="11" name="object 11"/>
            <p:cNvSpPr/>
            <p:nvPr/>
          </p:nvSpPr>
          <p:spPr>
            <a:xfrm>
              <a:off x="1893876" y="3201609"/>
              <a:ext cx="123825" cy="134620"/>
            </a:xfrm>
            <a:custGeom>
              <a:avLst/>
              <a:gdLst/>
              <a:ahLst/>
              <a:cxnLst/>
              <a:rect l="l" t="t" r="r" b="b"/>
              <a:pathLst>
                <a:path w="123825" h="134620">
                  <a:moveTo>
                    <a:pt x="123449" y="79617"/>
                  </a:moveTo>
                  <a:lnTo>
                    <a:pt x="0" y="134439"/>
                  </a:lnTo>
                  <a:lnTo>
                    <a:pt x="13042" y="0"/>
                  </a:lnTo>
                </a:path>
              </a:pathLst>
            </a:custGeom>
            <a:ln w="33447">
              <a:solidFill>
                <a:srgbClr val="FFD966"/>
              </a:solidFill>
            </a:ln>
          </p:spPr>
          <p:txBody>
            <a:bodyPr wrap="square" lIns="0" tIns="0" rIns="0" bIns="0" rtlCol="0"/>
            <a:lstStyle/>
            <a:p>
              <a:endParaRPr/>
            </a:p>
          </p:txBody>
        </p:sp>
        <p:sp>
          <p:nvSpPr>
            <p:cNvPr id="12" name="object 12"/>
            <p:cNvSpPr/>
            <p:nvPr/>
          </p:nvSpPr>
          <p:spPr>
            <a:xfrm>
              <a:off x="1876301" y="4798522"/>
              <a:ext cx="5201920" cy="1040765"/>
            </a:xfrm>
            <a:custGeom>
              <a:avLst/>
              <a:gdLst/>
              <a:ahLst/>
              <a:cxnLst/>
              <a:rect l="l" t="t" r="r" b="b"/>
              <a:pathLst>
                <a:path w="5201920" h="1040764">
                  <a:moveTo>
                    <a:pt x="5201718" y="0"/>
                  </a:moveTo>
                  <a:lnTo>
                    <a:pt x="5178187" y="31027"/>
                  </a:lnTo>
                  <a:lnTo>
                    <a:pt x="5153826" y="61647"/>
                  </a:lnTo>
                  <a:lnTo>
                    <a:pt x="5128647" y="91856"/>
                  </a:lnTo>
                  <a:lnTo>
                    <a:pt x="5102662" y="121651"/>
                  </a:lnTo>
                  <a:lnTo>
                    <a:pt x="5075884" y="151030"/>
                  </a:lnTo>
                  <a:lnTo>
                    <a:pt x="5048325" y="179989"/>
                  </a:lnTo>
                  <a:lnTo>
                    <a:pt x="5019997" y="208526"/>
                  </a:lnTo>
                  <a:lnTo>
                    <a:pt x="4990912" y="236638"/>
                  </a:lnTo>
                  <a:lnTo>
                    <a:pt x="4961082" y="264320"/>
                  </a:lnTo>
                  <a:lnTo>
                    <a:pt x="4930521" y="291572"/>
                  </a:lnTo>
                  <a:lnTo>
                    <a:pt x="4899239" y="318389"/>
                  </a:lnTo>
                  <a:lnTo>
                    <a:pt x="4867249" y="344768"/>
                  </a:lnTo>
                  <a:lnTo>
                    <a:pt x="4834564" y="370707"/>
                  </a:lnTo>
                  <a:lnTo>
                    <a:pt x="4801196" y="396203"/>
                  </a:lnTo>
                  <a:lnTo>
                    <a:pt x="4767156" y="421252"/>
                  </a:lnTo>
                  <a:lnTo>
                    <a:pt x="4732457" y="445852"/>
                  </a:lnTo>
                  <a:lnTo>
                    <a:pt x="4697112" y="470000"/>
                  </a:lnTo>
                  <a:lnTo>
                    <a:pt x="4661132" y="493693"/>
                  </a:lnTo>
                  <a:lnTo>
                    <a:pt x="4624529" y="516927"/>
                  </a:lnTo>
                  <a:lnTo>
                    <a:pt x="4587317" y="539700"/>
                  </a:lnTo>
                  <a:lnTo>
                    <a:pt x="4549507" y="562009"/>
                  </a:lnTo>
                  <a:lnTo>
                    <a:pt x="4511111" y="583851"/>
                  </a:lnTo>
                  <a:lnTo>
                    <a:pt x="4472142" y="605222"/>
                  </a:lnTo>
                  <a:lnTo>
                    <a:pt x="4432612" y="626121"/>
                  </a:lnTo>
                  <a:lnTo>
                    <a:pt x="4392532" y="646543"/>
                  </a:lnTo>
                  <a:lnTo>
                    <a:pt x="4351916" y="666486"/>
                  </a:lnTo>
                  <a:lnTo>
                    <a:pt x="4310775" y="685947"/>
                  </a:lnTo>
                  <a:lnTo>
                    <a:pt x="4269123" y="704923"/>
                  </a:lnTo>
                  <a:lnTo>
                    <a:pt x="4226970" y="723411"/>
                  </a:lnTo>
                  <a:lnTo>
                    <a:pt x="4184329" y="741408"/>
                  </a:lnTo>
                  <a:lnTo>
                    <a:pt x="4141212" y="758912"/>
                  </a:lnTo>
                  <a:lnTo>
                    <a:pt x="4097632" y="775918"/>
                  </a:lnTo>
                  <a:lnTo>
                    <a:pt x="4053601" y="792424"/>
                  </a:lnTo>
                  <a:lnTo>
                    <a:pt x="4009131" y="808428"/>
                  </a:lnTo>
                  <a:lnTo>
                    <a:pt x="3964234" y="823925"/>
                  </a:lnTo>
                  <a:lnTo>
                    <a:pt x="3918923" y="838914"/>
                  </a:lnTo>
                  <a:lnTo>
                    <a:pt x="3873209" y="853391"/>
                  </a:lnTo>
                  <a:lnTo>
                    <a:pt x="3827105" y="867353"/>
                  </a:lnTo>
                  <a:lnTo>
                    <a:pt x="3780624" y="880797"/>
                  </a:lnTo>
                  <a:lnTo>
                    <a:pt x="3733776" y="893721"/>
                  </a:lnTo>
                  <a:lnTo>
                    <a:pt x="3686576" y="906120"/>
                  </a:lnTo>
                  <a:lnTo>
                    <a:pt x="3639034" y="917994"/>
                  </a:lnTo>
                  <a:lnTo>
                    <a:pt x="3591163" y="929337"/>
                  </a:lnTo>
                  <a:lnTo>
                    <a:pt x="3542975" y="940148"/>
                  </a:lnTo>
                  <a:lnTo>
                    <a:pt x="3494483" y="950423"/>
                  </a:lnTo>
                  <a:lnTo>
                    <a:pt x="3445698" y="960160"/>
                  </a:lnTo>
                  <a:lnTo>
                    <a:pt x="3396634" y="969355"/>
                  </a:lnTo>
                  <a:lnTo>
                    <a:pt x="3347301" y="978005"/>
                  </a:lnTo>
                  <a:lnTo>
                    <a:pt x="3297713" y="986108"/>
                  </a:lnTo>
                  <a:lnTo>
                    <a:pt x="3247881" y="993660"/>
                  </a:lnTo>
                  <a:lnTo>
                    <a:pt x="3197819" y="1000659"/>
                  </a:lnTo>
                  <a:lnTo>
                    <a:pt x="3147537" y="1007102"/>
                  </a:lnTo>
                  <a:lnTo>
                    <a:pt x="3097048" y="1012985"/>
                  </a:lnTo>
                  <a:lnTo>
                    <a:pt x="3046365" y="1018305"/>
                  </a:lnTo>
                  <a:lnTo>
                    <a:pt x="2995500" y="1023060"/>
                  </a:lnTo>
                  <a:lnTo>
                    <a:pt x="2944464" y="1027247"/>
                  </a:lnTo>
                  <a:lnTo>
                    <a:pt x="2893270" y="1030863"/>
                  </a:lnTo>
                  <a:lnTo>
                    <a:pt x="2841931" y="1033904"/>
                  </a:lnTo>
                  <a:lnTo>
                    <a:pt x="2790459" y="1036367"/>
                  </a:lnTo>
                  <a:lnTo>
                    <a:pt x="2738865" y="1038251"/>
                  </a:lnTo>
                  <a:lnTo>
                    <a:pt x="2687162" y="1039551"/>
                  </a:lnTo>
                  <a:lnTo>
                    <a:pt x="2635362" y="1040265"/>
                  </a:lnTo>
                  <a:lnTo>
                    <a:pt x="2583478" y="1040390"/>
                  </a:lnTo>
                  <a:lnTo>
                    <a:pt x="2531521" y="1039923"/>
                  </a:lnTo>
                  <a:lnTo>
                    <a:pt x="2479505" y="1038861"/>
                  </a:lnTo>
                  <a:lnTo>
                    <a:pt x="2427440" y="1037200"/>
                  </a:lnTo>
                  <a:lnTo>
                    <a:pt x="2375340" y="1034938"/>
                  </a:lnTo>
                  <a:lnTo>
                    <a:pt x="2323216" y="1032073"/>
                  </a:lnTo>
                  <a:lnTo>
                    <a:pt x="2271081" y="1028600"/>
                  </a:lnTo>
                  <a:lnTo>
                    <a:pt x="2218947" y="1024517"/>
                  </a:lnTo>
                  <a:lnTo>
                    <a:pt x="2166827" y="1019821"/>
                  </a:lnTo>
                  <a:lnTo>
                    <a:pt x="2114731" y="1014509"/>
                  </a:lnTo>
                  <a:lnTo>
                    <a:pt x="2062674" y="1008578"/>
                  </a:lnTo>
                  <a:lnTo>
                    <a:pt x="2010666" y="1002026"/>
                  </a:lnTo>
                  <a:lnTo>
                    <a:pt x="1958720" y="994848"/>
                  </a:lnTo>
                  <a:lnTo>
                    <a:pt x="1906848" y="987042"/>
                  </a:lnTo>
                  <a:lnTo>
                    <a:pt x="1855064" y="978606"/>
                  </a:lnTo>
                  <a:lnTo>
                    <a:pt x="1803377" y="969536"/>
                  </a:lnTo>
                  <a:lnTo>
                    <a:pt x="1751802" y="959828"/>
                  </a:lnTo>
                  <a:lnTo>
                    <a:pt x="1700350" y="949481"/>
                  </a:lnTo>
                  <a:lnTo>
                    <a:pt x="1649034" y="938492"/>
                  </a:lnTo>
                  <a:lnTo>
                    <a:pt x="1597865" y="926856"/>
                  </a:lnTo>
                  <a:lnTo>
                    <a:pt x="1546856" y="914572"/>
                  </a:lnTo>
                  <a:lnTo>
                    <a:pt x="1496019" y="901636"/>
                  </a:lnTo>
                  <a:lnTo>
                    <a:pt x="1445366" y="888046"/>
                  </a:lnTo>
                  <a:lnTo>
                    <a:pt x="1390970" y="872645"/>
                  </a:lnTo>
                  <a:lnTo>
                    <a:pt x="1337199" y="856571"/>
                  </a:lnTo>
                  <a:lnTo>
                    <a:pt x="1284065" y="839831"/>
                  </a:lnTo>
                  <a:lnTo>
                    <a:pt x="1231582" y="822433"/>
                  </a:lnTo>
                  <a:lnTo>
                    <a:pt x="1179763" y="804386"/>
                  </a:lnTo>
                  <a:lnTo>
                    <a:pt x="1128622" y="785698"/>
                  </a:lnTo>
                  <a:lnTo>
                    <a:pt x="1078171" y="766378"/>
                  </a:lnTo>
                  <a:lnTo>
                    <a:pt x="1028424" y="746434"/>
                  </a:lnTo>
                  <a:lnTo>
                    <a:pt x="979394" y="725873"/>
                  </a:lnTo>
                  <a:lnTo>
                    <a:pt x="931095" y="704706"/>
                  </a:lnTo>
                  <a:lnTo>
                    <a:pt x="883540" y="682938"/>
                  </a:lnTo>
                  <a:lnTo>
                    <a:pt x="836743" y="660580"/>
                  </a:lnTo>
                  <a:lnTo>
                    <a:pt x="790715" y="637639"/>
                  </a:lnTo>
                  <a:lnTo>
                    <a:pt x="745472" y="614124"/>
                  </a:lnTo>
                  <a:lnTo>
                    <a:pt x="701026" y="590043"/>
                  </a:lnTo>
                  <a:lnTo>
                    <a:pt x="657390" y="565404"/>
                  </a:lnTo>
                  <a:lnTo>
                    <a:pt x="614578" y="540216"/>
                  </a:lnTo>
                  <a:lnTo>
                    <a:pt x="572603" y="514487"/>
                  </a:lnTo>
                  <a:lnTo>
                    <a:pt x="531479" y="488225"/>
                  </a:lnTo>
                  <a:lnTo>
                    <a:pt x="491218" y="461439"/>
                  </a:lnTo>
                  <a:lnTo>
                    <a:pt x="451834" y="434136"/>
                  </a:lnTo>
                  <a:lnTo>
                    <a:pt x="413340" y="406326"/>
                  </a:lnTo>
                  <a:lnTo>
                    <a:pt x="375751" y="378016"/>
                  </a:lnTo>
                  <a:lnTo>
                    <a:pt x="339078" y="349215"/>
                  </a:lnTo>
                  <a:lnTo>
                    <a:pt x="303335" y="319931"/>
                  </a:lnTo>
                  <a:lnTo>
                    <a:pt x="268536" y="290173"/>
                  </a:lnTo>
                  <a:lnTo>
                    <a:pt x="234694" y="259948"/>
                  </a:lnTo>
                  <a:lnTo>
                    <a:pt x="201822" y="229265"/>
                  </a:lnTo>
                  <a:lnTo>
                    <a:pt x="169933" y="198133"/>
                  </a:lnTo>
                  <a:lnTo>
                    <a:pt x="139041" y="166560"/>
                  </a:lnTo>
                  <a:lnTo>
                    <a:pt x="109159" y="134554"/>
                  </a:lnTo>
                  <a:lnTo>
                    <a:pt x="80301" y="102122"/>
                  </a:lnTo>
                  <a:lnTo>
                    <a:pt x="52479" y="69275"/>
                  </a:lnTo>
                  <a:lnTo>
                    <a:pt x="25708" y="36020"/>
                  </a:lnTo>
                  <a:lnTo>
                    <a:pt x="0" y="2365"/>
                  </a:lnTo>
                </a:path>
              </a:pathLst>
            </a:custGeom>
            <a:ln w="33446">
              <a:solidFill>
                <a:srgbClr val="A9D18E"/>
              </a:solidFill>
            </a:ln>
          </p:spPr>
          <p:txBody>
            <a:bodyPr wrap="square" lIns="0" tIns="0" rIns="0" bIns="0" rtlCol="0"/>
            <a:lstStyle/>
            <a:p>
              <a:endParaRPr/>
            </a:p>
          </p:txBody>
        </p:sp>
        <p:sp>
          <p:nvSpPr>
            <p:cNvPr id="13" name="object 13"/>
            <p:cNvSpPr/>
            <p:nvPr/>
          </p:nvSpPr>
          <p:spPr>
            <a:xfrm>
              <a:off x="1875858" y="4800267"/>
              <a:ext cx="123825" cy="134620"/>
            </a:xfrm>
            <a:custGeom>
              <a:avLst/>
              <a:gdLst/>
              <a:ahLst/>
              <a:cxnLst/>
              <a:rect l="l" t="t" r="r" b="b"/>
              <a:pathLst>
                <a:path w="123825" h="134620">
                  <a:moveTo>
                    <a:pt x="13355" y="134406"/>
                  </a:moveTo>
                  <a:lnTo>
                    <a:pt x="0" y="0"/>
                  </a:lnTo>
                  <a:lnTo>
                    <a:pt x="123574" y="54534"/>
                  </a:lnTo>
                </a:path>
              </a:pathLst>
            </a:custGeom>
            <a:ln w="33447">
              <a:solidFill>
                <a:srgbClr val="A9D18E"/>
              </a:solidFill>
            </a:ln>
          </p:spPr>
          <p:txBody>
            <a:bodyPr wrap="square" lIns="0" tIns="0" rIns="0" bIns="0" rtlCol="0"/>
            <a:lstStyle/>
            <a:p>
              <a:endParaRPr/>
            </a:p>
          </p:txBody>
        </p:sp>
        <p:sp>
          <p:nvSpPr>
            <p:cNvPr id="14" name="object 14"/>
            <p:cNvSpPr/>
            <p:nvPr/>
          </p:nvSpPr>
          <p:spPr>
            <a:xfrm>
              <a:off x="6955457" y="4797281"/>
              <a:ext cx="123825" cy="134620"/>
            </a:xfrm>
            <a:custGeom>
              <a:avLst/>
              <a:gdLst/>
              <a:ahLst/>
              <a:cxnLst/>
              <a:rect l="l" t="t" r="r" b="b"/>
              <a:pathLst>
                <a:path w="123825" h="134620">
                  <a:moveTo>
                    <a:pt x="0" y="54822"/>
                  </a:moveTo>
                  <a:lnTo>
                    <a:pt x="123449" y="0"/>
                  </a:lnTo>
                  <a:lnTo>
                    <a:pt x="110406" y="134439"/>
                  </a:lnTo>
                </a:path>
              </a:pathLst>
            </a:custGeom>
            <a:ln w="33447">
              <a:solidFill>
                <a:srgbClr val="A9D18E"/>
              </a:solidFill>
            </a:ln>
          </p:spPr>
          <p:txBody>
            <a:bodyPr wrap="square" lIns="0" tIns="0" rIns="0" bIns="0" rtlCol="0"/>
            <a:lstStyle/>
            <a:p>
              <a:endParaRPr/>
            </a:p>
          </p:txBody>
        </p:sp>
        <p:sp>
          <p:nvSpPr>
            <p:cNvPr id="15" name="object 15"/>
            <p:cNvSpPr/>
            <p:nvPr/>
          </p:nvSpPr>
          <p:spPr>
            <a:xfrm>
              <a:off x="1943678" y="2448073"/>
              <a:ext cx="5123180" cy="3184525"/>
            </a:xfrm>
            <a:custGeom>
              <a:avLst/>
              <a:gdLst/>
              <a:ahLst/>
              <a:cxnLst/>
              <a:rect l="l" t="t" r="r" b="b"/>
              <a:pathLst>
                <a:path w="5123180" h="3184525">
                  <a:moveTo>
                    <a:pt x="0" y="1592147"/>
                  </a:moveTo>
                  <a:lnTo>
                    <a:pt x="2635" y="1519268"/>
                  </a:lnTo>
                  <a:lnTo>
                    <a:pt x="10467" y="1447229"/>
                  </a:lnTo>
                  <a:lnTo>
                    <a:pt x="23382" y="1376102"/>
                  </a:lnTo>
                  <a:lnTo>
                    <a:pt x="41267" y="1305957"/>
                  </a:lnTo>
                  <a:lnTo>
                    <a:pt x="64009" y="1236863"/>
                  </a:lnTo>
                  <a:lnTo>
                    <a:pt x="91495" y="1168891"/>
                  </a:lnTo>
                  <a:lnTo>
                    <a:pt x="123612" y="1102112"/>
                  </a:lnTo>
                  <a:lnTo>
                    <a:pt x="160246" y="1036595"/>
                  </a:lnTo>
                  <a:lnTo>
                    <a:pt x="201286" y="972411"/>
                  </a:lnTo>
                  <a:lnTo>
                    <a:pt x="223422" y="940841"/>
                  </a:lnTo>
                  <a:lnTo>
                    <a:pt x="246617" y="909631"/>
                  </a:lnTo>
                  <a:lnTo>
                    <a:pt x="270857" y="878789"/>
                  </a:lnTo>
                  <a:lnTo>
                    <a:pt x="296128" y="848323"/>
                  </a:lnTo>
                  <a:lnTo>
                    <a:pt x="322415" y="818244"/>
                  </a:lnTo>
                  <a:lnTo>
                    <a:pt x="349704" y="788560"/>
                  </a:lnTo>
                  <a:lnTo>
                    <a:pt x="377981" y="759279"/>
                  </a:lnTo>
                  <a:lnTo>
                    <a:pt x="407233" y="730410"/>
                  </a:lnTo>
                  <a:lnTo>
                    <a:pt x="437444" y="701962"/>
                  </a:lnTo>
                  <a:lnTo>
                    <a:pt x="468601" y="673944"/>
                  </a:lnTo>
                  <a:lnTo>
                    <a:pt x="500690" y="646365"/>
                  </a:lnTo>
                  <a:lnTo>
                    <a:pt x="533697" y="619233"/>
                  </a:lnTo>
                  <a:lnTo>
                    <a:pt x="567606" y="592557"/>
                  </a:lnTo>
                  <a:lnTo>
                    <a:pt x="602406" y="566347"/>
                  </a:lnTo>
                  <a:lnTo>
                    <a:pt x="638080" y="540610"/>
                  </a:lnTo>
                  <a:lnTo>
                    <a:pt x="674615" y="515355"/>
                  </a:lnTo>
                  <a:lnTo>
                    <a:pt x="711997" y="490592"/>
                  </a:lnTo>
                  <a:lnTo>
                    <a:pt x="750212" y="466329"/>
                  </a:lnTo>
                  <a:lnTo>
                    <a:pt x="789246" y="442574"/>
                  </a:lnTo>
                  <a:lnTo>
                    <a:pt x="829084" y="419338"/>
                  </a:lnTo>
                  <a:lnTo>
                    <a:pt x="869713" y="396628"/>
                  </a:lnTo>
                  <a:lnTo>
                    <a:pt x="911117" y="374453"/>
                  </a:lnTo>
                  <a:lnTo>
                    <a:pt x="953284" y="352822"/>
                  </a:lnTo>
                  <a:lnTo>
                    <a:pt x="996199" y="331743"/>
                  </a:lnTo>
                  <a:lnTo>
                    <a:pt x="1039848" y="311227"/>
                  </a:lnTo>
                  <a:lnTo>
                    <a:pt x="1084216" y="291280"/>
                  </a:lnTo>
                  <a:lnTo>
                    <a:pt x="1129290" y="271913"/>
                  </a:lnTo>
                  <a:lnTo>
                    <a:pt x="1175056" y="253134"/>
                  </a:lnTo>
                  <a:lnTo>
                    <a:pt x="1221499" y="234951"/>
                  </a:lnTo>
                  <a:lnTo>
                    <a:pt x="1268605" y="217374"/>
                  </a:lnTo>
                  <a:lnTo>
                    <a:pt x="1316361" y="200411"/>
                  </a:lnTo>
                  <a:lnTo>
                    <a:pt x="1364751" y="184072"/>
                  </a:lnTo>
                  <a:lnTo>
                    <a:pt x="1413762" y="168364"/>
                  </a:lnTo>
                  <a:lnTo>
                    <a:pt x="1463380" y="153296"/>
                  </a:lnTo>
                  <a:lnTo>
                    <a:pt x="1513590" y="138878"/>
                  </a:lnTo>
                  <a:lnTo>
                    <a:pt x="1564379" y="125118"/>
                  </a:lnTo>
                  <a:lnTo>
                    <a:pt x="1615732" y="112025"/>
                  </a:lnTo>
                  <a:lnTo>
                    <a:pt x="1667635" y="99608"/>
                  </a:lnTo>
                  <a:lnTo>
                    <a:pt x="1720075" y="87876"/>
                  </a:lnTo>
                  <a:lnTo>
                    <a:pt x="1773036" y="76836"/>
                  </a:lnTo>
                  <a:lnTo>
                    <a:pt x="1826505" y="66499"/>
                  </a:lnTo>
                  <a:lnTo>
                    <a:pt x="1880468" y="56873"/>
                  </a:lnTo>
                  <a:lnTo>
                    <a:pt x="1934910" y="47966"/>
                  </a:lnTo>
                  <a:lnTo>
                    <a:pt x="1989818" y="39787"/>
                  </a:lnTo>
                  <a:lnTo>
                    <a:pt x="2045177" y="32346"/>
                  </a:lnTo>
                  <a:lnTo>
                    <a:pt x="2100974" y="25651"/>
                  </a:lnTo>
                  <a:lnTo>
                    <a:pt x="2157193" y="19711"/>
                  </a:lnTo>
                  <a:lnTo>
                    <a:pt x="2213821" y="14534"/>
                  </a:lnTo>
                  <a:lnTo>
                    <a:pt x="2270844" y="10129"/>
                  </a:lnTo>
                  <a:lnTo>
                    <a:pt x="2328248" y="6506"/>
                  </a:lnTo>
                  <a:lnTo>
                    <a:pt x="2386018" y="3673"/>
                  </a:lnTo>
                  <a:lnTo>
                    <a:pt x="2444140" y="1638"/>
                  </a:lnTo>
                  <a:lnTo>
                    <a:pt x="2502601" y="411"/>
                  </a:lnTo>
                  <a:lnTo>
                    <a:pt x="2561386" y="0"/>
                  </a:lnTo>
                  <a:lnTo>
                    <a:pt x="2620171" y="411"/>
                  </a:lnTo>
                  <a:lnTo>
                    <a:pt x="2678632" y="1638"/>
                  </a:lnTo>
                  <a:lnTo>
                    <a:pt x="2736754" y="3673"/>
                  </a:lnTo>
                  <a:lnTo>
                    <a:pt x="2794524" y="6506"/>
                  </a:lnTo>
                  <a:lnTo>
                    <a:pt x="2851928" y="10129"/>
                  </a:lnTo>
                  <a:lnTo>
                    <a:pt x="2908951" y="14534"/>
                  </a:lnTo>
                  <a:lnTo>
                    <a:pt x="2965579" y="19711"/>
                  </a:lnTo>
                  <a:lnTo>
                    <a:pt x="3021799" y="25651"/>
                  </a:lnTo>
                  <a:lnTo>
                    <a:pt x="3077595" y="32346"/>
                  </a:lnTo>
                  <a:lnTo>
                    <a:pt x="3132954" y="39787"/>
                  </a:lnTo>
                  <a:lnTo>
                    <a:pt x="3187862" y="47966"/>
                  </a:lnTo>
                  <a:lnTo>
                    <a:pt x="3242304" y="56873"/>
                  </a:lnTo>
                  <a:lnTo>
                    <a:pt x="3296267" y="66499"/>
                  </a:lnTo>
                  <a:lnTo>
                    <a:pt x="3349736" y="76836"/>
                  </a:lnTo>
                  <a:lnTo>
                    <a:pt x="3402697" y="87876"/>
                  </a:lnTo>
                  <a:lnTo>
                    <a:pt x="3455137" y="99608"/>
                  </a:lnTo>
                  <a:lnTo>
                    <a:pt x="3507040" y="112025"/>
                  </a:lnTo>
                  <a:lnTo>
                    <a:pt x="3558393" y="125118"/>
                  </a:lnTo>
                  <a:lnTo>
                    <a:pt x="3609182" y="138878"/>
                  </a:lnTo>
                  <a:lnTo>
                    <a:pt x="3659393" y="153296"/>
                  </a:lnTo>
                  <a:lnTo>
                    <a:pt x="3709010" y="168364"/>
                  </a:lnTo>
                  <a:lnTo>
                    <a:pt x="3758021" y="184072"/>
                  </a:lnTo>
                  <a:lnTo>
                    <a:pt x="3806412" y="200411"/>
                  </a:lnTo>
                  <a:lnTo>
                    <a:pt x="3854167" y="217374"/>
                  </a:lnTo>
                  <a:lnTo>
                    <a:pt x="3901273" y="234951"/>
                  </a:lnTo>
                  <a:lnTo>
                    <a:pt x="3947716" y="253134"/>
                  </a:lnTo>
                  <a:lnTo>
                    <a:pt x="3993482" y="271913"/>
                  </a:lnTo>
                  <a:lnTo>
                    <a:pt x="4038556" y="291280"/>
                  </a:lnTo>
                  <a:lnTo>
                    <a:pt x="4082924" y="311227"/>
                  </a:lnTo>
                  <a:lnTo>
                    <a:pt x="4126573" y="331743"/>
                  </a:lnTo>
                  <a:lnTo>
                    <a:pt x="4169488" y="352822"/>
                  </a:lnTo>
                  <a:lnTo>
                    <a:pt x="4211655" y="374453"/>
                  </a:lnTo>
                  <a:lnTo>
                    <a:pt x="4253060" y="396628"/>
                  </a:lnTo>
                  <a:lnTo>
                    <a:pt x="4293688" y="419338"/>
                  </a:lnTo>
                  <a:lnTo>
                    <a:pt x="4333526" y="442574"/>
                  </a:lnTo>
                  <a:lnTo>
                    <a:pt x="4372560" y="466329"/>
                  </a:lnTo>
                  <a:lnTo>
                    <a:pt x="4410775" y="490592"/>
                  </a:lnTo>
                  <a:lnTo>
                    <a:pt x="4448157" y="515355"/>
                  </a:lnTo>
                  <a:lnTo>
                    <a:pt x="4484692" y="540610"/>
                  </a:lnTo>
                  <a:lnTo>
                    <a:pt x="4520367" y="566347"/>
                  </a:lnTo>
                  <a:lnTo>
                    <a:pt x="4555166" y="592557"/>
                  </a:lnTo>
                  <a:lnTo>
                    <a:pt x="4589076" y="619233"/>
                  </a:lnTo>
                  <a:lnTo>
                    <a:pt x="4622082" y="646365"/>
                  </a:lnTo>
                  <a:lnTo>
                    <a:pt x="4654171" y="673944"/>
                  </a:lnTo>
                  <a:lnTo>
                    <a:pt x="4685328" y="701962"/>
                  </a:lnTo>
                  <a:lnTo>
                    <a:pt x="4715539" y="730410"/>
                  </a:lnTo>
                  <a:lnTo>
                    <a:pt x="4744791" y="759279"/>
                  </a:lnTo>
                  <a:lnTo>
                    <a:pt x="4773068" y="788560"/>
                  </a:lnTo>
                  <a:lnTo>
                    <a:pt x="4800357" y="818244"/>
                  </a:lnTo>
                  <a:lnTo>
                    <a:pt x="4826644" y="848323"/>
                  </a:lnTo>
                  <a:lnTo>
                    <a:pt x="4851915" y="878789"/>
                  </a:lnTo>
                  <a:lnTo>
                    <a:pt x="4876155" y="909631"/>
                  </a:lnTo>
                  <a:lnTo>
                    <a:pt x="4899350" y="940841"/>
                  </a:lnTo>
                  <a:lnTo>
                    <a:pt x="4921486" y="972411"/>
                  </a:lnTo>
                  <a:lnTo>
                    <a:pt x="4942549" y="1004332"/>
                  </a:lnTo>
                  <a:lnTo>
                    <a:pt x="4981401" y="1069191"/>
                  </a:lnTo>
                  <a:lnTo>
                    <a:pt x="5015791" y="1135348"/>
                  </a:lnTo>
                  <a:lnTo>
                    <a:pt x="5045606" y="1202732"/>
                  </a:lnTo>
                  <a:lnTo>
                    <a:pt x="5070734" y="1271274"/>
                  </a:lnTo>
                  <a:lnTo>
                    <a:pt x="5091062" y="1340902"/>
                  </a:lnTo>
                  <a:lnTo>
                    <a:pt x="5106476" y="1411547"/>
                  </a:lnTo>
                  <a:lnTo>
                    <a:pt x="5116863" y="1483139"/>
                  </a:lnTo>
                  <a:lnTo>
                    <a:pt x="5122111" y="1555607"/>
                  </a:lnTo>
                  <a:lnTo>
                    <a:pt x="5122773" y="1592147"/>
                  </a:lnTo>
                  <a:lnTo>
                    <a:pt x="5122111" y="1628688"/>
                  </a:lnTo>
                  <a:lnTo>
                    <a:pt x="5116863" y="1701155"/>
                  </a:lnTo>
                  <a:lnTo>
                    <a:pt x="5106476" y="1772747"/>
                  </a:lnTo>
                  <a:lnTo>
                    <a:pt x="5091062" y="1843392"/>
                  </a:lnTo>
                  <a:lnTo>
                    <a:pt x="5070734" y="1913020"/>
                  </a:lnTo>
                  <a:lnTo>
                    <a:pt x="5045606" y="1981562"/>
                  </a:lnTo>
                  <a:lnTo>
                    <a:pt x="5015791" y="2048946"/>
                  </a:lnTo>
                  <a:lnTo>
                    <a:pt x="4981401" y="2115103"/>
                  </a:lnTo>
                  <a:lnTo>
                    <a:pt x="4942549" y="2179962"/>
                  </a:lnTo>
                  <a:lnTo>
                    <a:pt x="4921486" y="2211883"/>
                  </a:lnTo>
                  <a:lnTo>
                    <a:pt x="4899350" y="2243453"/>
                  </a:lnTo>
                  <a:lnTo>
                    <a:pt x="4876155" y="2274663"/>
                  </a:lnTo>
                  <a:lnTo>
                    <a:pt x="4851915" y="2305506"/>
                  </a:lnTo>
                  <a:lnTo>
                    <a:pt x="4826644" y="2335971"/>
                  </a:lnTo>
                  <a:lnTo>
                    <a:pt x="4800357" y="2366050"/>
                  </a:lnTo>
                  <a:lnTo>
                    <a:pt x="4773068" y="2395734"/>
                  </a:lnTo>
                  <a:lnTo>
                    <a:pt x="4744791" y="2425015"/>
                  </a:lnTo>
                  <a:lnTo>
                    <a:pt x="4715539" y="2453884"/>
                  </a:lnTo>
                  <a:lnTo>
                    <a:pt x="4685328" y="2482332"/>
                  </a:lnTo>
                  <a:lnTo>
                    <a:pt x="4654171" y="2510350"/>
                  </a:lnTo>
                  <a:lnTo>
                    <a:pt x="4622082" y="2537929"/>
                  </a:lnTo>
                  <a:lnTo>
                    <a:pt x="4589076" y="2565061"/>
                  </a:lnTo>
                  <a:lnTo>
                    <a:pt x="4555166" y="2591737"/>
                  </a:lnTo>
                  <a:lnTo>
                    <a:pt x="4520367" y="2617948"/>
                  </a:lnTo>
                  <a:lnTo>
                    <a:pt x="4484692" y="2643685"/>
                  </a:lnTo>
                  <a:lnTo>
                    <a:pt x="4448157" y="2668939"/>
                  </a:lnTo>
                  <a:lnTo>
                    <a:pt x="4410775" y="2693702"/>
                  </a:lnTo>
                  <a:lnTo>
                    <a:pt x="4372560" y="2717965"/>
                  </a:lnTo>
                  <a:lnTo>
                    <a:pt x="4333526" y="2741720"/>
                  </a:lnTo>
                  <a:lnTo>
                    <a:pt x="4293688" y="2764956"/>
                  </a:lnTo>
                  <a:lnTo>
                    <a:pt x="4253060" y="2787667"/>
                  </a:lnTo>
                  <a:lnTo>
                    <a:pt x="4211655" y="2809842"/>
                  </a:lnTo>
                  <a:lnTo>
                    <a:pt x="4169488" y="2831473"/>
                  </a:lnTo>
                  <a:lnTo>
                    <a:pt x="4126573" y="2852551"/>
                  </a:lnTo>
                  <a:lnTo>
                    <a:pt x="4082924" y="2873067"/>
                  </a:lnTo>
                  <a:lnTo>
                    <a:pt x="4038556" y="2893014"/>
                  </a:lnTo>
                  <a:lnTo>
                    <a:pt x="3993482" y="2912381"/>
                  </a:lnTo>
                  <a:lnTo>
                    <a:pt x="3947716" y="2931160"/>
                  </a:lnTo>
                  <a:lnTo>
                    <a:pt x="3901273" y="2949343"/>
                  </a:lnTo>
                  <a:lnTo>
                    <a:pt x="3854167" y="2966920"/>
                  </a:lnTo>
                  <a:lnTo>
                    <a:pt x="3806412" y="2983883"/>
                  </a:lnTo>
                  <a:lnTo>
                    <a:pt x="3758021" y="3000223"/>
                  </a:lnTo>
                  <a:lnTo>
                    <a:pt x="3709010" y="3015931"/>
                  </a:lnTo>
                  <a:lnTo>
                    <a:pt x="3659393" y="3030998"/>
                  </a:lnTo>
                  <a:lnTo>
                    <a:pt x="3609182" y="3045416"/>
                  </a:lnTo>
                  <a:lnTo>
                    <a:pt x="3558393" y="3059176"/>
                  </a:lnTo>
                  <a:lnTo>
                    <a:pt x="3507040" y="3072269"/>
                  </a:lnTo>
                  <a:lnTo>
                    <a:pt x="3455137" y="3084686"/>
                  </a:lnTo>
                  <a:lnTo>
                    <a:pt x="3402697" y="3096419"/>
                  </a:lnTo>
                  <a:lnTo>
                    <a:pt x="3349736" y="3107458"/>
                  </a:lnTo>
                  <a:lnTo>
                    <a:pt x="3296267" y="3117795"/>
                  </a:lnTo>
                  <a:lnTo>
                    <a:pt x="3242304" y="3127422"/>
                  </a:lnTo>
                  <a:lnTo>
                    <a:pt x="3187862" y="3136329"/>
                  </a:lnTo>
                  <a:lnTo>
                    <a:pt x="3132954" y="3144507"/>
                  </a:lnTo>
                  <a:lnTo>
                    <a:pt x="3077595" y="3151948"/>
                  </a:lnTo>
                  <a:lnTo>
                    <a:pt x="3021799" y="3158643"/>
                  </a:lnTo>
                  <a:lnTo>
                    <a:pt x="2965579" y="3164584"/>
                  </a:lnTo>
                  <a:lnTo>
                    <a:pt x="2908951" y="3169760"/>
                  </a:lnTo>
                  <a:lnTo>
                    <a:pt x="2851928" y="3174165"/>
                  </a:lnTo>
                  <a:lnTo>
                    <a:pt x="2794524" y="3177788"/>
                  </a:lnTo>
                  <a:lnTo>
                    <a:pt x="2736754" y="3180622"/>
                  </a:lnTo>
                  <a:lnTo>
                    <a:pt x="2678632" y="3182657"/>
                  </a:lnTo>
                  <a:lnTo>
                    <a:pt x="2620171" y="3183884"/>
                  </a:lnTo>
                  <a:lnTo>
                    <a:pt x="2561386" y="3184295"/>
                  </a:lnTo>
                  <a:lnTo>
                    <a:pt x="2502601" y="3183884"/>
                  </a:lnTo>
                  <a:lnTo>
                    <a:pt x="2444140" y="3182657"/>
                  </a:lnTo>
                  <a:lnTo>
                    <a:pt x="2386018" y="3180622"/>
                  </a:lnTo>
                  <a:lnTo>
                    <a:pt x="2328248" y="3177788"/>
                  </a:lnTo>
                  <a:lnTo>
                    <a:pt x="2270844" y="3174165"/>
                  </a:lnTo>
                  <a:lnTo>
                    <a:pt x="2213821" y="3169760"/>
                  </a:lnTo>
                  <a:lnTo>
                    <a:pt x="2157193" y="3164584"/>
                  </a:lnTo>
                  <a:lnTo>
                    <a:pt x="2100974" y="3158643"/>
                  </a:lnTo>
                  <a:lnTo>
                    <a:pt x="2045177" y="3151948"/>
                  </a:lnTo>
                  <a:lnTo>
                    <a:pt x="1989818" y="3144507"/>
                  </a:lnTo>
                  <a:lnTo>
                    <a:pt x="1934910" y="3136329"/>
                  </a:lnTo>
                  <a:lnTo>
                    <a:pt x="1880468" y="3127422"/>
                  </a:lnTo>
                  <a:lnTo>
                    <a:pt x="1826505" y="3117795"/>
                  </a:lnTo>
                  <a:lnTo>
                    <a:pt x="1773036" y="3107458"/>
                  </a:lnTo>
                  <a:lnTo>
                    <a:pt x="1720075" y="3096419"/>
                  </a:lnTo>
                  <a:lnTo>
                    <a:pt x="1667635" y="3084686"/>
                  </a:lnTo>
                  <a:lnTo>
                    <a:pt x="1615732" y="3072269"/>
                  </a:lnTo>
                  <a:lnTo>
                    <a:pt x="1564379" y="3059176"/>
                  </a:lnTo>
                  <a:lnTo>
                    <a:pt x="1513590" y="3045416"/>
                  </a:lnTo>
                  <a:lnTo>
                    <a:pt x="1463380" y="3030998"/>
                  </a:lnTo>
                  <a:lnTo>
                    <a:pt x="1413762" y="3015931"/>
                  </a:lnTo>
                  <a:lnTo>
                    <a:pt x="1364751" y="3000223"/>
                  </a:lnTo>
                  <a:lnTo>
                    <a:pt x="1316361" y="2983883"/>
                  </a:lnTo>
                  <a:lnTo>
                    <a:pt x="1268605" y="2966920"/>
                  </a:lnTo>
                  <a:lnTo>
                    <a:pt x="1221499" y="2949343"/>
                  </a:lnTo>
                  <a:lnTo>
                    <a:pt x="1175056" y="2931160"/>
                  </a:lnTo>
                  <a:lnTo>
                    <a:pt x="1129290" y="2912381"/>
                  </a:lnTo>
                  <a:lnTo>
                    <a:pt x="1084216" y="2893014"/>
                  </a:lnTo>
                  <a:lnTo>
                    <a:pt x="1039848" y="2873067"/>
                  </a:lnTo>
                  <a:lnTo>
                    <a:pt x="996199" y="2852551"/>
                  </a:lnTo>
                  <a:lnTo>
                    <a:pt x="953284" y="2831473"/>
                  </a:lnTo>
                  <a:lnTo>
                    <a:pt x="911117" y="2809842"/>
                  </a:lnTo>
                  <a:lnTo>
                    <a:pt x="869713" y="2787667"/>
                  </a:lnTo>
                  <a:lnTo>
                    <a:pt x="829084" y="2764956"/>
                  </a:lnTo>
                  <a:lnTo>
                    <a:pt x="789246" y="2741720"/>
                  </a:lnTo>
                  <a:lnTo>
                    <a:pt x="750212" y="2717965"/>
                  </a:lnTo>
                  <a:lnTo>
                    <a:pt x="711997" y="2693702"/>
                  </a:lnTo>
                  <a:lnTo>
                    <a:pt x="674615" y="2668939"/>
                  </a:lnTo>
                  <a:lnTo>
                    <a:pt x="638080" y="2643685"/>
                  </a:lnTo>
                  <a:lnTo>
                    <a:pt x="602406" y="2617948"/>
                  </a:lnTo>
                  <a:lnTo>
                    <a:pt x="567606" y="2591737"/>
                  </a:lnTo>
                  <a:lnTo>
                    <a:pt x="533697" y="2565061"/>
                  </a:lnTo>
                  <a:lnTo>
                    <a:pt x="500690" y="2537929"/>
                  </a:lnTo>
                  <a:lnTo>
                    <a:pt x="468601" y="2510350"/>
                  </a:lnTo>
                  <a:lnTo>
                    <a:pt x="437444" y="2482332"/>
                  </a:lnTo>
                  <a:lnTo>
                    <a:pt x="407233" y="2453884"/>
                  </a:lnTo>
                  <a:lnTo>
                    <a:pt x="377981" y="2425015"/>
                  </a:lnTo>
                  <a:lnTo>
                    <a:pt x="349704" y="2395734"/>
                  </a:lnTo>
                  <a:lnTo>
                    <a:pt x="322415" y="2366050"/>
                  </a:lnTo>
                  <a:lnTo>
                    <a:pt x="296128" y="2335971"/>
                  </a:lnTo>
                  <a:lnTo>
                    <a:pt x="270857" y="2305506"/>
                  </a:lnTo>
                  <a:lnTo>
                    <a:pt x="246617" y="2274663"/>
                  </a:lnTo>
                  <a:lnTo>
                    <a:pt x="223422" y="2243453"/>
                  </a:lnTo>
                  <a:lnTo>
                    <a:pt x="201286" y="2211883"/>
                  </a:lnTo>
                  <a:lnTo>
                    <a:pt x="180223" y="2179962"/>
                  </a:lnTo>
                  <a:lnTo>
                    <a:pt x="141371" y="2115103"/>
                  </a:lnTo>
                  <a:lnTo>
                    <a:pt x="106981" y="2048946"/>
                  </a:lnTo>
                  <a:lnTo>
                    <a:pt x="77166" y="1981562"/>
                  </a:lnTo>
                  <a:lnTo>
                    <a:pt x="52038" y="1913020"/>
                  </a:lnTo>
                  <a:lnTo>
                    <a:pt x="31710" y="1843392"/>
                  </a:lnTo>
                  <a:lnTo>
                    <a:pt x="16296" y="1772747"/>
                  </a:lnTo>
                  <a:lnTo>
                    <a:pt x="5909" y="1701155"/>
                  </a:lnTo>
                  <a:lnTo>
                    <a:pt x="661" y="1628688"/>
                  </a:lnTo>
                  <a:lnTo>
                    <a:pt x="0" y="1592147"/>
                  </a:lnTo>
                  <a:close/>
                </a:path>
              </a:pathLst>
            </a:custGeom>
            <a:ln w="33446">
              <a:solidFill>
                <a:srgbClr val="E6E6E6"/>
              </a:solidFill>
            </a:ln>
          </p:spPr>
          <p:txBody>
            <a:bodyPr wrap="square" lIns="0" tIns="0" rIns="0" bIns="0" rtlCol="0"/>
            <a:lstStyle/>
            <a:p>
              <a:endParaRPr/>
            </a:p>
          </p:txBody>
        </p:sp>
        <p:sp>
          <p:nvSpPr>
            <p:cNvPr id="16" name="object 16"/>
            <p:cNvSpPr/>
            <p:nvPr/>
          </p:nvSpPr>
          <p:spPr>
            <a:xfrm>
              <a:off x="3171083" y="2692301"/>
              <a:ext cx="2685415" cy="2711450"/>
            </a:xfrm>
            <a:custGeom>
              <a:avLst/>
              <a:gdLst/>
              <a:ahLst/>
              <a:cxnLst/>
              <a:rect l="l" t="t" r="r" b="b"/>
              <a:pathLst>
                <a:path w="2685415" h="2711450">
                  <a:moveTo>
                    <a:pt x="2685213" y="0"/>
                  </a:moveTo>
                  <a:lnTo>
                    <a:pt x="0" y="2711321"/>
                  </a:lnTo>
                </a:path>
              </a:pathLst>
            </a:custGeom>
            <a:ln w="33446">
              <a:solidFill>
                <a:srgbClr val="E6E6E6"/>
              </a:solidFill>
            </a:ln>
          </p:spPr>
          <p:txBody>
            <a:bodyPr wrap="square" lIns="0" tIns="0" rIns="0" bIns="0" rtlCol="0"/>
            <a:lstStyle/>
            <a:p>
              <a:endParaRPr/>
            </a:p>
          </p:txBody>
        </p:sp>
        <p:sp>
          <p:nvSpPr>
            <p:cNvPr id="17" name="object 17"/>
            <p:cNvSpPr/>
            <p:nvPr/>
          </p:nvSpPr>
          <p:spPr>
            <a:xfrm>
              <a:off x="2163035" y="3406317"/>
              <a:ext cx="4702175" cy="1272540"/>
            </a:xfrm>
            <a:custGeom>
              <a:avLst/>
              <a:gdLst/>
              <a:ahLst/>
              <a:cxnLst/>
              <a:rect l="l" t="t" r="r" b="b"/>
              <a:pathLst>
                <a:path w="4702175" h="1272539">
                  <a:moveTo>
                    <a:pt x="4701602" y="0"/>
                  </a:moveTo>
                  <a:lnTo>
                    <a:pt x="0" y="1272426"/>
                  </a:lnTo>
                </a:path>
              </a:pathLst>
            </a:custGeom>
            <a:ln w="33446">
              <a:solidFill>
                <a:srgbClr val="E6E6E6"/>
              </a:solidFill>
            </a:ln>
          </p:spPr>
          <p:txBody>
            <a:bodyPr wrap="square" lIns="0" tIns="0" rIns="0" bIns="0" rtlCol="0"/>
            <a:lstStyle/>
            <a:p>
              <a:endParaRPr/>
            </a:p>
          </p:txBody>
        </p:sp>
        <p:sp>
          <p:nvSpPr>
            <p:cNvPr id="18" name="object 18"/>
            <p:cNvSpPr/>
            <p:nvPr/>
          </p:nvSpPr>
          <p:spPr>
            <a:xfrm>
              <a:off x="2138134" y="3452984"/>
              <a:ext cx="4764405" cy="1178560"/>
            </a:xfrm>
            <a:custGeom>
              <a:avLst/>
              <a:gdLst/>
              <a:ahLst/>
              <a:cxnLst/>
              <a:rect l="l" t="t" r="r" b="b"/>
              <a:pathLst>
                <a:path w="4764405" h="1178560">
                  <a:moveTo>
                    <a:pt x="0" y="0"/>
                  </a:moveTo>
                  <a:lnTo>
                    <a:pt x="4763955" y="1178245"/>
                  </a:lnTo>
                </a:path>
              </a:pathLst>
            </a:custGeom>
            <a:ln w="33446">
              <a:solidFill>
                <a:srgbClr val="E6E6E6"/>
              </a:solidFill>
            </a:ln>
          </p:spPr>
          <p:txBody>
            <a:bodyPr wrap="square" lIns="0" tIns="0" rIns="0" bIns="0" rtlCol="0"/>
            <a:lstStyle/>
            <a:p>
              <a:endParaRPr/>
            </a:p>
          </p:txBody>
        </p:sp>
        <p:sp>
          <p:nvSpPr>
            <p:cNvPr id="19" name="object 19"/>
            <p:cNvSpPr/>
            <p:nvPr/>
          </p:nvSpPr>
          <p:spPr>
            <a:xfrm>
              <a:off x="3171087" y="2692301"/>
              <a:ext cx="2685415" cy="2711450"/>
            </a:xfrm>
            <a:custGeom>
              <a:avLst/>
              <a:gdLst/>
              <a:ahLst/>
              <a:cxnLst/>
              <a:rect l="l" t="t" r="r" b="b"/>
              <a:pathLst>
                <a:path w="2685415" h="2711450">
                  <a:moveTo>
                    <a:pt x="0" y="0"/>
                  </a:moveTo>
                  <a:lnTo>
                    <a:pt x="2685213" y="2711321"/>
                  </a:lnTo>
                </a:path>
              </a:pathLst>
            </a:custGeom>
            <a:ln w="33446">
              <a:solidFill>
                <a:srgbClr val="E6E6E6"/>
              </a:solidFill>
            </a:ln>
          </p:spPr>
          <p:txBody>
            <a:bodyPr wrap="square" lIns="0" tIns="0" rIns="0" bIns="0" rtlCol="0"/>
            <a:lstStyle/>
            <a:p>
              <a:endParaRPr/>
            </a:p>
          </p:txBody>
        </p:sp>
        <p:sp>
          <p:nvSpPr>
            <p:cNvPr id="20" name="object 20"/>
            <p:cNvSpPr/>
            <p:nvPr/>
          </p:nvSpPr>
          <p:spPr>
            <a:xfrm>
              <a:off x="5988367" y="3902557"/>
              <a:ext cx="1036319" cy="283210"/>
            </a:xfrm>
            <a:custGeom>
              <a:avLst/>
              <a:gdLst/>
              <a:ahLst/>
              <a:cxnLst/>
              <a:rect l="l" t="t" r="r" b="b"/>
              <a:pathLst>
                <a:path w="1036320" h="283210">
                  <a:moveTo>
                    <a:pt x="1036066" y="141554"/>
                  </a:moveTo>
                  <a:lnTo>
                    <a:pt x="844727" y="0"/>
                  </a:lnTo>
                  <a:lnTo>
                    <a:pt x="844727" y="71374"/>
                  </a:lnTo>
                  <a:lnTo>
                    <a:pt x="0" y="124472"/>
                  </a:lnTo>
                  <a:lnTo>
                    <a:pt x="0" y="157086"/>
                  </a:lnTo>
                  <a:lnTo>
                    <a:pt x="844727" y="210197"/>
                  </a:lnTo>
                  <a:lnTo>
                    <a:pt x="844727" y="283121"/>
                  </a:lnTo>
                  <a:lnTo>
                    <a:pt x="1036066" y="141554"/>
                  </a:lnTo>
                  <a:close/>
                </a:path>
              </a:pathLst>
            </a:custGeom>
            <a:solidFill>
              <a:srgbClr val="E1EBFC"/>
            </a:solidFill>
          </p:spPr>
          <p:txBody>
            <a:bodyPr wrap="square" lIns="0" tIns="0" rIns="0" bIns="0" rtlCol="0"/>
            <a:lstStyle/>
            <a:p>
              <a:endParaRPr/>
            </a:p>
          </p:txBody>
        </p:sp>
        <p:sp>
          <p:nvSpPr>
            <p:cNvPr id="21" name="object 21"/>
            <p:cNvSpPr/>
            <p:nvPr/>
          </p:nvSpPr>
          <p:spPr>
            <a:xfrm>
              <a:off x="2633027" y="4583963"/>
              <a:ext cx="3752850" cy="957580"/>
            </a:xfrm>
            <a:custGeom>
              <a:avLst/>
              <a:gdLst/>
              <a:ahLst/>
              <a:cxnLst/>
              <a:rect l="l" t="t" r="r" b="b"/>
              <a:pathLst>
                <a:path w="3752850" h="957579">
                  <a:moveTo>
                    <a:pt x="848880" y="44805"/>
                  </a:moveTo>
                  <a:lnTo>
                    <a:pt x="834821" y="19189"/>
                  </a:lnTo>
                  <a:lnTo>
                    <a:pt x="126149" y="354037"/>
                  </a:lnTo>
                  <a:lnTo>
                    <a:pt x="95008" y="297319"/>
                  </a:lnTo>
                  <a:lnTo>
                    <a:pt x="0" y="494245"/>
                  </a:lnTo>
                  <a:lnTo>
                    <a:pt x="217157" y="519747"/>
                  </a:lnTo>
                  <a:lnTo>
                    <a:pt x="186004" y="463042"/>
                  </a:lnTo>
                  <a:lnTo>
                    <a:pt x="848880" y="44805"/>
                  </a:lnTo>
                  <a:close/>
                </a:path>
                <a:path w="3752850" h="957579">
                  <a:moveTo>
                    <a:pt x="1504162" y="299656"/>
                  </a:moveTo>
                  <a:lnTo>
                    <a:pt x="1474470" y="285178"/>
                  </a:lnTo>
                  <a:lnTo>
                    <a:pt x="1163332" y="800735"/>
                  </a:lnTo>
                  <a:lnTo>
                    <a:pt x="1097610" y="768692"/>
                  </a:lnTo>
                  <a:lnTo>
                    <a:pt x="1166749" y="954239"/>
                  </a:lnTo>
                  <a:lnTo>
                    <a:pt x="1355483" y="894372"/>
                  </a:lnTo>
                  <a:lnTo>
                    <a:pt x="1289723" y="862330"/>
                  </a:lnTo>
                  <a:lnTo>
                    <a:pt x="1504162" y="299656"/>
                  </a:lnTo>
                  <a:close/>
                </a:path>
                <a:path w="3752850" h="957579">
                  <a:moveTo>
                    <a:pt x="2592235" y="776871"/>
                  </a:moveTo>
                  <a:lnTo>
                    <a:pt x="2524493" y="804430"/>
                  </a:lnTo>
                  <a:lnTo>
                    <a:pt x="2248611" y="269201"/>
                  </a:lnTo>
                  <a:lnTo>
                    <a:pt x="2218017" y="281647"/>
                  </a:lnTo>
                  <a:lnTo>
                    <a:pt x="2394254" y="857415"/>
                  </a:lnTo>
                  <a:lnTo>
                    <a:pt x="2326500" y="884974"/>
                  </a:lnTo>
                  <a:lnTo>
                    <a:pt x="2510828" y="957351"/>
                  </a:lnTo>
                  <a:lnTo>
                    <a:pt x="2592235" y="776871"/>
                  </a:lnTo>
                  <a:close/>
                </a:path>
                <a:path w="3752850" h="957579">
                  <a:moveTo>
                    <a:pt x="3752469" y="494639"/>
                  </a:moveTo>
                  <a:lnTo>
                    <a:pt x="3671252" y="296837"/>
                  </a:lnTo>
                  <a:lnTo>
                    <a:pt x="3637648" y="352120"/>
                  </a:lnTo>
                  <a:lnTo>
                    <a:pt x="2966682" y="0"/>
                  </a:lnTo>
                  <a:lnTo>
                    <a:pt x="2951505" y="24980"/>
                  </a:lnTo>
                  <a:lnTo>
                    <a:pt x="3573068" y="458406"/>
                  </a:lnTo>
                  <a:lnTo>
                    <a:pt x="3539477" y="513676"/>
                  </a:lnTo>
                  <a:lnTo>
                    <a:pt x="3752469" y="494639"/>
                  </a:lnTo>
                  <a:close/>
                </a:path>
              </a:pathLst>
            </a:custGeom>
            <a:solidFill>
              <a:srgbClr val="DFEFEA"/>
            </a:solidFill>
          </p:spPr>
          <p:txBody>
            <a:bodyPr wrap="square" lIns="0" tIns="0" rIns="0" bIns="0" rtlCol="0"/>
            <a:lstStyle/>
            <a:p>
              <a:endParaRPr/>
            </a:p>
          </p:txBody>
        </p:sp>
        <p:sp>
          <p:nvSpPr>
            <p:cNvPr id="22" name="object 22"/>
            <p:cNvSpPr/>
            <p:nvPr/>
          </p:nvSpPr>
          <p:spPr>
            <a:xfrm>
              <a:off x="1979447" y="3894785"/>
              <a:ext cx="1036319" cy="283210"/>
            </a:xfrm>
            <a:custGeom>
              <a:avLst/>
              <a:gdLst/>
              <a:ahLst/>
              <a:cxnLst/>
              <a:rect l="l" t="t" r="r" b="b"/>
              <a:pathLst>
                <a:path w="1036319" h="283210">
                  <a:moveTo>
                    <a:pt x="1036066" y="124472"/>
                  </a:moveTo>
                  <a:lnTo>
                    <a:pt x="191338" y="71361"/>
                  </a:lnTo>
                  <a:lnTo>
                    <a:pt x="191338" y="0"/>
                  </a:lnTo>
                  <a:lnTo>
                    <a:pt x="0" y="141554"/>
                  </a:lnTo>
                  <a:lnTo>
                    <a:pt x="191338" y="283108"/>
                  </a:lnTo>
                  <a:lnTo>
                    <a:pt x="191338" y="210197"/>
                  </a:lnTo>
                  <a:lnTo>
                    <a:pt x="1036066" y="157073"/>
                  </a:lnTo>
                  <a:lnTo>
                    <a:pt x="1036066" y="124472"/>
                  </a:lnTo>
                  <a:close/>
                </a:path>
              </a:pathLst>
            </a:custGeom>
            <a:solidFill>
              <a:srgbClr val="E1EBFC"/>
            </a:solidFill>
          </p:spPr>
          <p:txBody>
            <a:bodyPr wrap="square" lIns="0" tIns="0" rIns="0" bIns="0" rtlCol="0"/>
            <a:lstStyle/>
            <a:p>
              <a:endParaRPr/>
            </a:p>
          </p:txBody>
        </p:sp>
        <p:sp>
          <p:nvSpPr>
            <p:cNvPr id="23" name="object 23"/>
            <p:cNvSpPr/>
            <p:nvPr/>
          </p:nvSpPr>
          <p:spPr>
            <a:xfrm>
              <a:off x="2632862" y="2540406"/>
              <a:ext cx="3700145" cy="950594"/>
            </a:xfrm>
            <a:custGeom>
              <a:avLst/>
              <a:gdLst/>
              <a:ahLst/>
              <a:cxnLst/>
              <a:rect l="l" t="t" r="r" b="b"/>
              <a:pathLst>
                <a:path w="3700145" h="950595">
                  <a:moveTo>
                    <a:pt x="806373" y="925156"/>
                  </a:moveTo>
                  <a:lnTo>
                    <a:pt x="179806" y="499021"/>
                  </a:lnTo>
                  <a:lnTo>
                    <a:pt x="212763" y="443357"/>
                  </a:lnTo>
                  <a:lnTo>
                    <a:pt x="0" y="464858"/>
                  </a:lnTo>
                  <a:lnTo>
                    <a:pt x="83502" y="661708"/>
                  </a:lnTo>
                  <a:lnTo>
                    <a:pt x="116459" y="606031"/>
                  </a:lnTo>
                  <a:lnTo>
                    <a:pt x="791489" y="950315"/>
                  </a:lnTo>
                  <a:lnTo>
                    <a:pt x="806373" y="925156"/>
                  </a:lnTo>
                  <a:close/>
                </a:path>
                <a:path w="3700145" h="950595">
                  <a:moveTo>
                    <a:pt x="1525079" y="690156"/>
                  </a:moveTo>
                  <a:lnTo>
                    <a:pt x="1346174" y="103187"/>
                  </a:lnTo>
                  <a:lnTo>
                    <a:pt x="1414043" y="75793"/>
                  </a:lnTo>
                  <a:lnTo>
                    <a:pt x="1228940" y="457"/>
                  </a:lnTo>
                  <a:lnTo>
                    <a:pt x="1147991" y="183159"/>
                  </a:lnTo>
                  <a:lnTo>
                    <a:pt x="1215796" y="155803"/>
                  </a:lnTo>
                  <a:lnTo>
                    <a:pt x="1494434" y="702525"/>
                  </a:lnTo>
                  <a:lnTo>
                    <a:pt x="1525079" y="690156"/>
                  </a:lnTo>
                  <a:close/>
                </a:path>
                <a:path w="3700145" h="950595">
                  <a:moveTo>
                    <a:pt x="2578417" y="183819"/>
                  </a:moveTo>
                  <a:lnTo>
                    <a:pt x="2500058" y="0"/>
                  </a:lnTo>
                  <a:lnTo>
                    <a:pt x="2313927" y="72707"/>
                  </a:lnTo>
                  <a:lnTo>
                    <a:pt x="2381351" y="101041"/>
                  </a:lnTo>
                  <a:lnTo>
                    <a:pt x="2194153" y="685419"/>
                  </a:lnTo>
                  <a:lnTo>
                    <a:pt x="2224621" y="698220"/>
                  </a:lnTo>
                  <a:lnTo>
                    <a:pt x="2510980" y="155498"/>
                  </a:lnTo>
                  <a:lnTo>
                    <a:pt x="2578417" y="183819"/>
                  </a:lnTo>
                  <a:close/>
                </a:path>
                <a:path w="3700145" h="950595">
                  <a:moveTo>
                    <a:pt x="3699637" y="438835"/>
                  </a:moveTo>
                  <a:lnTo>
                    <a:pt x="3486721" y="419087"/>
                  </a:lnTo>
                  <a:lnTo>
                    <a:pt x="3520135" y="474510"/>
                  </a:lnTo>
                  <a:lnTo>
                    <a:pt x="2897124" y="905827"/>
                  </a:lnTo>
                  <a:lnTo>
                    <a:pt x="2912224" y="930859"/>
                  </a:lnTo>
                  <a:lnTo>
                    <a:pt x="3584371" y="580986"/>
                  </a:lnTo>
                  <a:lnTo>
                    <a:pt x="3617785" y="636371"/>
                  </a:lnTo>
                  <a:lnTo>
                    <a:pt x="3699637" y="438835"/>
                  </a:lnTo>
                  <a:close/>
                </a:path>
              </a:pathLst>
            </a:custGeom>
            <a:solidFill>
              <a:srgbClr val="F8EBCC"/>
            </a:solidFill>
          </p:spPr>
          <p:txBody>
            <a:bodyPr wrap="square" lIns="0" tIns="0" rIns="0" bIns="0" rtlCol="0"/>
            <a:lstStyle/>
            <a:p>
              <a:endParaRPr/>
            </a:p>
          </p:txBody>
        </p:sp>
        <p:sp>
          <p:nvSpPr>
            <p:cNvPr id="24" name="object 24"/>
            <p:cNvSpPr/>
            <p:nvPr/>
          </p:nvSpPr>
          <p:spPr>
            <a:xfrm>
              <a:off x="2163024" y="2259847"/>
              <a:ext cx="1436370" cy="260350"/>
            </a:xfrm>
            <a:custGeom>
              <a:avLst/>
              <a:gdLst/>
              <a:ahLst/>
              <a:cxnLst/>
              <a:rect l="l" t="t" r="r" b="b"/>
              <a:pathLst>
                <a:path w="1436370" h="260350">
                  <a:moveTo>
                    <a:pt x="1392558" y="259784"/>
                  </a:moveTo>
                  <a:lnTo>
                    <a:pt x="43298" y="259784"/>
                  </a:lnTo>
                  <a:lnTo>
                    <a:pt x="26444" y="256382"/>
                  </a:lnTo>
                  <a:lnTo>
                    <a:pt x="12681" y="247103"/>
                  </a:lnTo>
                  <a:lnTo>
                    <a:pt x="3402" y="233340"/>
                  </a:lnTo>
                  <a:lnTo>
                    <a:pt x="0" y="216487"/>
                  </a:lnTo>
                  <a:lnTo>
                    <a:pt x="0" y="43297"/>
                  </a:lnTo>
                  <a:lnTo>
                    <a:pt x="3402" y="26444"/>
                  </a:lnTo>
                  <a:lnTo>
                    <a:pt x="12681" y="12681"/>
                  </a:lnTo>
                  <a:lnTo>
                    <a:pt x="26444" y="3402"/>
                  </a:lnTo>
                  <a:lnTo>
                    <a:pt x="43298" y="0"/>
                  </a:lnTo>
                  <a:lnTo>
                    <a:pt x="1392558" y="0"/>
                  </a:lnTo>
                  <a:lnTo>
                    <a:pt x="1409412" y="3402"/>
                  </a:lnTo>
                  <a:lnTo>
                    <a:pt x="1423175" y="12681"/>
                  </a:lnTo>
                  <a:lnTo>
                    <a:pt x="1432454" y="26444"/>
                  </a:lnTo>
                  <a:lnTo>
                    <a:pt x="1435857" y="43297"/>
                  </a:lnTo>
                  <a:lnTo>
                    <a:pt x="1435857" y="216487"/>
                  </a:lnTo>
                  <a:lnTo>
                    <a:pt x="1432454" y="233340"/>
                  </a:lnTo>
                  <a:lnTo>
                    <a:pt x="1423175" y="247103"/>
                  </a:lnTo>
                  <a:lnTo>
                    <a:pt x="1409412" y="256382"/>
                  </a:lnTo>
                  <a:lnTo>
                    <a:pt x="1392558" y="259784"/>
                  </a:lnTo>
                  <a:close/>
                </a:path>
              </a:pathLst>
            </a:custGeom>
            <a:solidFill>
              <a:srgbClr val="E8C158"/>
            </a:solidFill>
          </p:spPr>
          <p:txBody>
            <a:bodyPr wrap="square" lIns="0" tIns="0" rIns="0" bIns="0" rtlCol="0"/>
            <a:lstStyle/>
            <a:p>
              <a:endParaRPr/>
            </a:p>
          </p:txBody>
        </p:sp>
      </p:grpSp>
      <p:sp>
        <p:nvSpPr>
          <p:cNvPr id="25" name="object 25"/>
          <p:cNvSpPr txBox="1"/>
          <p:nvPr/>
        </p:nvSpPr>
        <p:spPr>
          <a:xfrm>
            <a:off x="2176263" y="2307323"/>
            <a:ext cx="1396365" cy="150495"/>
          </a:xfrm>
          <a:prstGeom prst="rect">
            <a:avLst/>
          </a:prstGeom>
        </p:spPr>
        <p:txBody>
          <a:bodyPr vert="horz" wrap="square" lIns="0" tIns="15240" rIns="0" bIns="0" rtlCol="0">
            <a:spAutoFit/>
          </a:bodyPr>
          <a:lstStyle/>
          <a:p>
            <a:pPr marL="12700">
              <a:lnSpc>
                <a:spcPct val="100000"/>
              </a:lnSpc>
              <a:spcBef>
                <a:spcPts val="120"/>
              </a:spcBef>
            </a:pPr>
            <a:r>
              <a:rPr sz="800" spc="75" dirty="0">
                <a:latin typeface="Meiryo UI"/>
                <a:cs typeface="Meiryo UI"/>
              </a:rPr>
              <a:t>健康寿命が延伸している社会</a:t>
            </a:r>
            <a:endParaRPr sz="800">
              <a:latin typeface="Meiryo UI"/>
              <a:cs typeface="Meiryo UI"/>
            </a:endParaRPr>
          </a:p>
        </p:txBody>
      </p:sp>
      <p:sp>
        <p:nvSpPr>
          <p:cNvPr id="26" name="object 26"/>
          <p:cNvSpPr/>
          <p:nvPr/>
        </p:nvSpPr>
        <p:spPr>
          <a:xfrm>
            <a:off x="1620102" y="2723413"/>
            <a:ext cx="1075055" cy="247650"/>
          </a:xfrm>
          <a:custGeom>
            <a:avLst/>
            <a:gdLst/>
            <a:ahLst/>
            <a:cxnLst/>
            <a:rect l="l" t="t" r="r" b="b"/>
            <a:pathLst>
              <a:path w="1075055" h="247650">
                <a:moveTo>
                  <a:pt x="1033733" y="247340"/>
                </a:moveTo>
                <a:lnTo>
                  <a:pt x="41225" y="247340"/>
                </a:lnTo>
                <a:lnTo>
                  <a:pt x="25178" y="244100"/>
                </a:lnTo>
                <a:lnTo>
                  <a:pt x="12074" y="235265"/>
                </a:lnTo>
                <a:lnTo>
                  <a:pt x="3239" y="222162"/>
                </a:lnTo>
                <a:lnTo>
                  <a:pt x="0" y="206115"/>
                </a:lnTo>
                <a:lnTo>
                  <a:pt x="0" y="41224"/>
                </a:lnTo>
                <a:lnTo>
                  <a:pt x="3239" y="25177"/>
                </a:lnTo>
                <a:lnTo>
                  <a:pt x="12074" y="12074"/>
                </a:lnTo>
                <a:lnTo>
                  <a:pt x="25178" y="3239"/>
                </a:lnTo>
                <a:lnTo>
                  <a:pt x="41225" y="0"/>
                </a:lnTo>
                <a:lnTo>
                  <a:pt x="1033733" y="0"/>
                </a:lnTo>
                <a:lnTo>
                  <a:pt x="1049780" y="3239"/>
                </a:lnTo>
                <a:lnTo>
                  <a:pt x="1062884" y="12074"/>
                </a:lnTo>
                <a:lnTo>
                  <a:pt x="1071719" y="25177"/>
                </a:lnTo>
                <a:lnTo>
                  <a:pt x="1074958" y="41224"/>
                </a:lnTo>
                <a:lnTo>
                  <a:pt x="1074958" y="206115"/>
                </a:lnTo>
                <a:lnTo>
                  <a:pt x="1071719" y="222162"/>
                </a:lnTo>
                <a:lnTo>
                  <a:pt x="1062884" y="235265"/>
                </a:lnTo>
                <a:lnTo>
                  <a:pt x="1049780" y="244100"/>
                </a:lnTo>
                <a:lnTo>
                  <a:pt x="1033733" y="247340"/>
                </a:lnTo>
                <a:close/>
              </a:path>
            </a:pathLst>
          </a:custGeom>
          <a:solidFill>
            <a:srgbClr val="E8C158"/>
          </a:solidFill>
        </p:spPr>
        <p:txBody>
          <a:bodyPr wrap="square" lIns="0" tIns="0" rIns="0" bIns="0" rtlCol="0"/>
          <a:lstStyle/>
          <a:p>
            <a:endParaRPr/>
          </a:p>
        </p:txBody>
      </p:sp>
      <p:sp>
        <p:nvSpPr>
          <p:cNvPr id="27" name="object 27"/>
          <p:cNvSpPr txBox="1"/>
          <p:nvPr/>
        </p:nvSpPr>
        <p:spPr>
          <a:xfrm>
            <a:off x="1663237" y="2684110"/>
            <a:ext cx="975360" cy="299720"/>
          </a:xfrm>
          <a:prstGeom prst="rect">
            <a:avLst/>
          </a:prstGeom>
        </p:spPr>
        <p:txBody>
          <a:bodyPr vert="horz" wrap="square" lIns="0" tIns="12065" rIns="0" bIns="0" rtlCol="0">
            <a:spAutoFit/>
          </a:bodyPr>
          <a:lstStyle/>
          <a:p>
            <a:pPr marL="31115" marR="5080" indent="-19050">
              <a:lnSpc>
                <a:spcPct val="112300"/>
              </a:lnSpc>
              <a:spcBef>
                <a:spcPts val="95"/>
              </a:spcBef>
            </a:pPr>
            <a:r>
              <a:rPr sz="800" spc="75" dirty="0">
                <a:latin typeface="Meiryo UI"/>
                <a:cs typeface="Meiryo UI"/>
              </a:rPr>
              <a:t>豊かな食が持続的に</a:t>
            </a:r>
            <a:r>
              <a:rPr sz="800" spc="70" dirty="0">
                <a:latin typeface="Meiryo UI"/>
                <a:cs typeface="Meiryo UI"/>
              </a:rPr>
              <a:t>提供されている社会</a:t>
            </a:r>
            <a:endParaRPr sz="800">
              <a:latin typeface="Meiryo UI"/>
              <a:cs typeface="Meiryo UI"/>
            </a:endParaRPr>
          </a:p>
        </p:txBody>
      </p:sp>
      <p:sp>
        <p:nvSpPr>
          <p:cNvPr id="28" name="object 28"/>
          <p:cNvSpPr/>
          <p:nvPr/>
        </p:nvSpPr>
        <p:spPr>
          <a:xfrm>
            <a:off x="6425512" y="5109688"/>
            <a:ext cx="1238885" cy="288290"/>
          </a:xfrm>
          <a:custGeom>
            <a:avLst/>
            <a:gdLst/>
            <a:ahLst/>
            <a:cxnLst/>
            <a:rect l="l" t="t" r="r" b="b"/>
            <a:pathLst>
              <a:path w="1238884" h="288289">
                <a:moveTo>
                  <a:pt x="1190315" y="287782"/>
                </a:moveTo>
                <a:lnTo>
                  <a:pt x="47965" y="287782"/>
                </a:lnTo>
                <a:lnTo>
                  <a:pt x="29295" y="284013"/>
                </a:lnTo>
                <a:lnTo>
                  <a:pt x="14048" y="273733"/>
                </a:lnTo>
                <a:lnTo>
                  <a:pt x="3769" y="258487"/>
                </a:lnTo>
                <a:lnTo>
                  <a:pt x="0" y="239817"/>
                </a:lnTo>
                <a:lnTo>
                  <a:pt x="0" y="47964"/>
                </a:lnTo>
                <a:lnTo>
                  <a:pt x="3769" y="29294"/>
                </a:lnTo>
                <a:lnTo>
                  <a:pt x="14048" y="14048"/>
                </a:lnTo>
                <a:lnTo>
                  <a:pt x="29295" y="3769"/>
                </a:lnTo>
                <a:lnTo>
                  <a:pt x="47965" y="0"/>
                </a:lnTo>
                <a:lnTo>
                  <a:pt x="1190315" y="0"/>
                </a:lnTo>
                <a:lnTo>
                  <a:pt x="1208985" y="3769"/>
                </a:lnTo>
                <a:lnTo>
                  <a:pt x="1224232" y="14048"/>
                </a:lnTo>
                <a:lnTo>
                  <a:pt x="1234511" y="29294"/>
                </a:lnTo>
                <a:lnTo>
                  <a:pt x="1238281" y="47964"/>
                </a:lnTo>
                <a:lnTo>
                  <a:pt x="1238281" y="239817"/>
                </a:lnTo>
                <a:lnTo>
                  <a:pt x="1234511" y="258487"/>
                </a:lnTo>
                <a:lnTo>
                  <a:pt x="1224232" y="273733"/>
                </a:lnTo>
                <a:lnTo>
                  <a:pt x="1208985" y="284013"/>
                </a:lnTo>
                <a:lnTo>
                  <a:pt x="1190315" y="287782"/>
                </a:lnTo>
                <a:close/>
              </a:path>
            </a:pathLst>
          </a:custGeom>
          <a:solidFill>
            <a:srgbClr val="79BDA3"/>
          </a:solidFill>
        </p:spPr>
        <p:txBody>
          <a:bodyPr wrap="square" lIns="0" tIns="0" rIns="0" bIns="0" rtlCol="0"/>
          <a:lstStyle/>
          <a:p>
            <a:endParaRPr/>
          </a:p>
        </p:txBody>
      </p:sp>
      <p:sp>
        <p:nvSpPr>
          <p:cNvPr id="29" name="object 29"/>
          <p:cNvSpPr txBox="1"/>
          <p:nvPr/>
        </p:nvSpPr>
        <p:spPr>
          <a:xfrm>
            <a:off x="6458281" y="5110104"/>
            <a:ext cx="1162685" cy="265430"/>
          </a:xfrm>
          <a:prstGeom prst="rect">
            <a:avLst/>
          </a:prstGeom>
        </p:spPr>
        <p:txBody>
          <a:bodyPr vert="horz" wrap="square" lIns="0" tIns="12065" rIns="0" bIns="0" rtlCol="0">
            <a:spAutoFit/>
          </a:bodyPr>
          <a:lstStyle/>
          <a:p>
            <a:pPr marL="57785" marR="5080" indent="-45720">
              <a:lnSpc>
                <a:spcPct val="112300"/>
              </a:lnSpc>
              <a:spcBef>
                <a:spcPts val="95"/>
              </a:spcBef>
            </a:pPr>
            <a:r>
              <a:rPr sz="700" spc="70" dirty="0">
                <a:latin typeface="Meiryo UI"/>
                <a:cs typeface="Meiryo UI"/>
              </a:rPr>
              <a:t>カーボンニュートラルを実現し</a:t>
            </a:r>
            <a:r>
              <a:rPr sz="700" spc="90" dirty="0">
                <a:latin typeface="Meiryo UI"/>
                <a:cs typeface="Meiryo UI"/>
              </a:rPr>
              <a:t>た社会</a:t>
            </a:r>
            <a:r>
              <a:rPr sz="700" dirty="0">
                <a:latin typeface="Meiryo UI"/>
                <a:cs typeface="Meiryo UI"/>
              </a:rPr>
              <a:t>（</a:t>
            </a:r>
            <a:r>
              <a:rPr sz="700" spc="-140" dirty="0">
                <a:latin typeface="Meiryo UI"/>
                <a:cs typeface="Meiryo UI"/>
              </a:rPr>
              <a:t> </a:t>
            </a:r>
            <a:r>
              <a:rPr sz="700" spc="60" dirty="0">
                <a:latin typeface="Meiryo UI"/>
                <a:cs typeface="Meiryo UI"/>
              </a:rPr>
              <a:t>2050</a:t>
            </a:r>
            <a:r>
              <a:rPr sz="700" spc="30" dirty="0">
                <a:latin typeface="Meiryo UI"/>
                <a:cs typeface="Meiryo UI"/>
              </a:rPr>
              <a:t> 年目標</a:t>
            </a:r>
            <a:r>
              <a:rPr sz="700" spc="-50" dirty="0">
                <a:latin typeface="Meiryo UI"/>
                <a:cs typeface="Meiryo UI"/>
              </a:rPr>
              <a:t>）</a:t>
            </a:r>
            <a:r>
              <a:rPr sz="700" dirty="0">
                <a:latin typeface="Meiryo UI"/>
                <a:cs typeface="Meiryo UI"/>
              </a:rPr>
              <a:t> </a:t>
            </a:r>
            <a:endParaRPr sz="700">
              <a:latin typeface="Meiryo UI"/>
              <a:cs typeface="Meiryo UI"/>
            </a:endParaRPr>
          </a:p>
        </p:txBody>
      </p:sp>
      <p:sp>
        <p:nvSpPr>
          <p:cNvPr id="30" name="object 30"/>
          <p:cNvSpPr/>
          <p:nvPr/>
        </p:nvSpPr>
        <p:spPr>
          <a:xfrm>
            <a:off x="5454785" y="5475252"/>
            <a:ext cx="1035050" cy="198120"/>
          </a:xfrm>
          <a:custGeom>
            <a:avLst/>
            <a:gdLst/>
            <a:ahLst/>
            <a:cxnLst/>
            <a:rect l="l" t="t" r="r" b="b"/>
            <a:pathLst>
              <a:path w="1035050" h="198120">
                <a:moveTo>
                  <a:pt x="1001574" y="197558"/>
                </a:moveTo>
                <a:lnTo>
                  <a:pt x="32927" y="197558"/>
                </a:lnTo>
                <a:lnTo>
                  <a:pt x="20110" y="194971"/>
                </a:lnTo>
                <a:lnTo>
                  <a:pt x="9644" y="187914"/>
                </a:lnTo>
                <a:lnTo>
                  <a:pt x="2587" y="177448"/>
                </a:lnTo>
                <a:lnTo>
                  <a:pt x="0" y="164632"/>
                </a:lnTo>
                <a:lnTo>
                  <a:pt x="0" y="32926"/>
                </a:lnTo>
                <a:lnTo>
                  <a:pt x="2587" y="20110"/>
                </a:lnTo>
                <a:lnTo>
                  <a:pt x="9644" y="9643"/>
                </a:lnTo>
                <a:lnTo>
                  <a:pt x="20110" y="2587"/>
                </a:lnTo>
                <a:lnTo>
                  <a:pt x="32927" y="0"/>
                </a:lnTo>
                <a:lnTo>
                  <a:pt x="1001574" y="0"/>
                </a:lnTo>
                <a:lnTo>
                  <a:pt x="1014391" y="2587"/>
                </a:lnTo>
                <a:lnTo>
                  <a:pt x="1024857" y="9643"/>
                </a:lnTo>
                <a:lnTo>
                  <a:pt x="1031914" y="20110"/>
                </a:lnTo>
                <a:lnTo>
                  <a:pt x="1034501" y="32926"/>
                </a:lnTo>
                <a:lnTo>
                  <a:pt x="1034501" y="164632"/>
                </a:lnTo>
                <a:lnTo>
                  <a:pt x="1031914" y="177448"/>
                </a:lnTo>
                <a:lnTo>
                  <a:pt x="1024857" y="187914"/>
                </a:lnTo>
                <a:lnTo>
                  <a:pt x="1014391" y="194971"/>
                </a:lnTo>
                <a:lnTo>
                  <a:pt x="1001574" y="197558"/>
                </a:lnTo>
                <a:close/>
              </a:path>
            </a:pathLst>
          </a:custGeom>
          <a:solidFill>
            <a:srgbClr val="79BDA3"/>
          </a:solidFill>
        </p:spPr>
        <p:txBody>
          <a:bodyPr wrap="square" lIns="0" tIns="0" rIns="0" bIns="0" rtlCol="0"/>
          <a:lstStyle/>
          <a:p>
            <a:endParaRPr/>
          </a:p>
        </p:txBody>
      </p:sp>
      <p:sp>
        <p:nvSpPr>
          <p:cNvPr id="31" name="object 31"/>
          <p:cNvSpPr txBox="1"/>
          <p:nvPr/>
        </p:nvSpPr>
        <p:spPr>
          <a:xfrm>
            <a:off x="5586421" y="5483232"/>
            <a:ext cx="768985" cy="165735"/>
          </a:xfrm>
          <a:prstGeom prst="rect">
            <a:avLst/>
          </a:prstGeom>
        </p:spPr>
        <p:txBody>
          <a:bodyPr vert="horz" wrap="square" lIns="0" tIns="14604" rIns="0" bIns="0" rtlCol="0">
            <a:spAutoFit/>
          </a:bodyPr>
          <a:lstStyle/>
          <a:p>
            <a:pPr marL="12700">
              <a:lnSpc>
                <a:spcPct val="100000"/>
              </a:lnSpc>
              <a:spcBef>
                <a:spcPts val="114"/>
              </a:spcBef>
            </a:pPr>
            <a:r>
              <a:rPr sz="900" spc="75" dirty="0">
                <a:latin typeface="Meiryo UI"/>
                <a:cs typeface="Meiryo UI"/>
              </a:rPr>
              <a:t>循環型の社会</a:t>
            </a:r>
            <a:endParaRPr sz="900">
              <a:latin typeface="Meiryo UI"/>
              <a:cs typeface="Meiryo UI"/>
            </a:endParaRPr>
          </a:p>
        </p:txBody>
      </p:sp>
      <p:sp>
        <p:nvSpPr>
          <p:cNvPr id="32" name="object 32"/>
          <p:cNvSpPr/>
          <p:nvPr/>
        </p:nvSpPr>
        <p:spPr>
          <a:xfrm>
            <a:off x="2203472" y="5467474"/>
            <a:ext cx="1456690" cy="215265"/>
          </a:xfrm>
          <a:custGeom>
            <a:avLst/>
            <a:gdLst/>
            <a:ahLst/>
            <a:cxnLst/>
            <a:rect l="l" t="t" r="r" b="b"/>
            <a:pathLst>
              <a:path w="1456689" h="215264">
                <a:moveTo>
                  <a:pt x="1420309" y="214674"/>
                </a:moveTo>
                <a:lnTo>
                  <a:pt x="35781" y="214674"/>
                </a:lnTo>
                <a:lnTo>
                  <a:pt x="21853" y="211862"/>
                </a:lnTo>
                <a:lnTo>
                  <a:pt x="10480" y="204194"/>
                </a:lnTo>
                <a:lnTo>
                  <a:pt x="2811" y="192821"/>
                </a:lnTo>
                <a:lnTo>
                  <a:pt x="0" y="178893"/>
                </a:lnTo>
                <a:lnTo>
                  <a:pt x="0" y="35780"/>
                </a:lnTo>
                <a:lnTo>
                  <a:pt x="2811" y="21853"/>
                </a:lnTo>
                <a:lnTo>
                  <a:pt x="10480" y="10479"/>
                </a:lnTo>
                <a:lnTo>
                  <a:pt x="21853" y="2811"/>
                </a:lnTo>
                <a:lnTo>
                  <a:pt x="35781" y="0"/>
                </a:lnTo>
                <a:lnTo>
                  <a:pt x="1420309" y="0"/>
                </a:lnTo>
                <a:lnTo>
                  <a:pt x="1434237" y="2811"/>
                </a:lnTo>
                <a:lnTo>
                  <a:pt x="1445610" y="10479"/>
                </a:lnTo>
                <a:lnTo>
                  <a:pt x="1453279" y="21853"/>
                </a:lnTo>
                <a:lnTo>
                  <a:pt x="1456090" y="35780"/>
                </a:lnTo>
                <a:lnTo>
                  <a:pt x="1456090" y="178893"/>
                </a:lnTo>
                <a:lnTo>
                  <a:pt x="1453279" y="192821"/>
                </a:lnTo>
                <a:lnTo>
                  <a:pt x="1445610" y="204194"/>
                </a:lnTo>
                <a:lnTo>
                  <a:pt x="1434237" y="211862"/>
                </a:lnTo>
                <a:lnTo>
                  <a:pt x="1420309" y="214674"/>
                </a:lnTo>
                <a:close/>
              </a:path>
            </a:pathLst>
          </a:custGeom>
          <a:solidFill>
            <a:srgbClr val="79BDA3"/>
          </a:solidFill>
        </p:spPr>
        <p:txBody>
          <a:bodyPr wrap="square" lIns="0" tIns="0" rIns="0" bIns="0" rtlCol="0"/>
          <a:lstStyle/>
          <a:p>
            <a:endParaRPr/>
          </a:p>
        </p:txBody>
      </p:sp>
      <p:sp>
        <p:nvSpPr>
          <p:cNvPr id="33" name="object 33"/>
          <p:cNvSpPr txBox="1"/>
          <p:nvPr/>
        </p:nvSpPr>
        <p:spPr>
          <a:xfrm>
            <a:off x="2214034" y="5492050"/>
            <a:ext cx="1423035" cy="150495"/>
          </a:xfrm>
          <a:prstGeom prst="rect">
            <a:avLst/>
          </a:prstGeom>
        </p:spPr>
        <p:txBody>
          <a:bodyPr vert="horz" wrap="square" lIns="0" tIns="15240" rIns="0" bIns="0" rtlCol="0">
            <a:spAutoFit/>
          </a:bodyPr>
          <a:lstStyle/>
          <a:p>
            <a:pPr marL="12700">
              <a:lnSpc>
                <a:spcPct val="100000"/>
              </a:lnSpc>
              <a:spcBef>
                <a:spcPts val="120"/>
              </a:spcBef>
            </a:pPr>
            <a:r>
              <a:rPr sz="800" spc="75" dirty="0">
                <a:latin typeface="Meiryo UI"/>
                <a:cs typeface="Meiryo UI"/>
              </a:rPr>
              <a:t>レジリエントで安全安心な社会</a:t>
            </a:r>
            <a:endParaRPr sz="800">
              <a:latin typeface="Meiryo UI"/>
              <a:cs typeface="Meiryo UI"/>
            </a:endParaRPr>
          </a:p>
        </p:txBody>
      </p:sp>
      <p:grpSp>
        <p:nvGrpSpPr>
          <p:cNvPr id="34" name="object 34"/>
          <p:cNvGrpSpPr/>
          <p:nvPr/>
        </p:nvGrpSpPr>
        <p:grpSpPr>
          <a:xfrm>
            <a:off x="1579655" y="2740524"/>
            <a:ext cx="5859145" cy="2629535"/>
            <a:chOff x="1579655" y="2740524"/>
            <a:chExt cx="5859145" cy="2629535"/>
          </a:xfrm>
        </p:grpSpPr>
        <p:sp>
          <p:nvSpPr>
            <p:cNvPr id="35" name="object 35"/>
            <p:cNvSpPr/>
            <p:nvPr/>
          </p:nvSpPr>
          <p:spPr>
            <a:xfrm>
              <a:off x="1579655" y="5077021"/>
              <a:ext cx="1059815" cy="292735"/>
            </a:xfrm>
            <a:custGeom>
              <a:avLst/>
              <a:gdLst/>
              <a:ahLst/>
              <a:cxnLst/>
              <a:rect l="l" t="t" r="r" b="b"/>
              <a:pathLst>
                <a:path w="1059814" h="292735">
                  <a:moveTo>
                    <a:pt x="1010657" y="292452"/>
                  </a:moveTo>
                  <a:lnTo>
                    <a:pt x="48744" y="292452"/>
                  </a:lnTo>
                  <a:lnTo>
                    <a:pt x="29771" y="288621"/>
                  </a:lnTo>
                  <a:lnTo>
                    <a:pt x="14277" y="278175"/>
                  </a:lnTo>
                  <a:lnTo>
                    <a:pt x="3830" y="262682"/>
                  </a:lnTo>
                  <a:lnTo>
                    <a:pt x="0" y="243709"/>
                  </a:lnTo>
                  <a:lnTo>
                    <a:pt x="0" y="48743"/>
                  </a:lnTo>
                  <a:lnTo>
                    <a:pt x="3830" y="29770"/>
                  </a:lnTo>
                  <a:lnTo>
                    <a:pt x="14277" y="14276"/>
                  </a:lnTo>
                  <a:lnTo>
                    <a:pt x="29771" y="3830"/>
                  </a:lnTo>
                  <a:lnTo>
                    <a:pt x="48744" y="0"/>
                  </a:lnTo>
                  <a:lnTo>
                    <a:pt x="1010657" y="0"/>
                  </a:lnTo>
                  <a:lnTo>
                    <a:pt x="1029631" y="3830"/>
                  </a:lnTo>
                  <a:lnTo>
                    <a:pt x="1045125" y="14276"/>
                  </a:lnTo>
                  <a:lnTo>
                    <a:pt x="1055571" y="29770"/>
                  </a:lnTo>
                  <a:lnTo>
                    <a:pt x="1059402" y="48743"/>
                  </a:lnTo>
                  <a:lnTo>
                    <a:pt x="1059402" y="243709"/>
                  </a:lnTo>
                  <a:lnTo>
                    <a:pt x="1055571" y="262682"/>
                  </a:lnTo>
                  <a:lnTo>
                    <a:pt x="1045125" y="278175"/>
                  </a:lnTo>
                  <a:lnTo>
                    <a:pt x="1029631" y="288621"/>
                  </a:lnTo>
                  <a:lnTo>
                    <a:pt x="1010657" y="292452"/>
                  </a:lnTo>
                  <a:close/>
                </a:path>
              </a:pathLst>
            </a:custGeom>
            <a:solidFill>
              <a:srgbClr val="79BDA3"/>
            </a:solidFill>
          </p:spPr>
          <p:txBody>
            <a:bodyPr wrap="square" lIns="0" tIns="0" rIns="0" bIns="0" rtlCol="0"/>
            <a:lstStyle/>
            <a:p>
              <a:endParaRPr/>
            </a:p>
          </p:txBody>
        </p:sp>
        <p:sp>
          <p:nvSpPr>
            <p:cNvPr id="36" name="object 36"/>
            <p:cNvSpPr/>
            <p:nvPr/>
          </p:nvSpPr>
          <p:spPr>
            <a:xfrm>
              <a:off x="6402177" y="2740524"/>
              <a:ext cx="1036319" cy="248920"/>
            </a:xfrm>
            <a:custGeom>
              <a:avLst/>
              <a:gdLst/>
              <a:ahLst/>
              <a:cxnLst/>
              <a:rect l="l" t="t" r="r" b="b"/>
              <a:pathLst>
                <a:path w="1036320" h="248919">
                  <a:moveTo>
                    <a:pt x="994573" y="248893"/>
                  </a:moveTo>
                  <a:lnTo>
                    <a:pt x="41484" y="248893"/>
                  </a:lnTo>
                  <a:lnTo>
                    <a:pt x="25336" y="245633"/>
                  </a:lnTo>
                  <a:lnTo>
                    <a:pt x="12150" y="236743"/>
                  </a:lnTo>
                  <a:lnTo>
                    <a:pt x="3260" y="223557"/>
                  </a:lnTo>
                  <a:lnTo>
                    <a:pt x="0" y="207410"/>
                  </a:lnTo>
                  <a:lnTo>
                    <a:pt x="0" y="41482"/>
                  </a:lnTo>
                  <a:lnTo>
                    <a:pt x="3260" y="25335"/>
                  </a:lnTo>
                  <a:lnTo>
                    <a:pt x="12150" y="12150"/>
                  </a:lnTo>
                  <a:lnTo>
                    <a:pt x="25336" y="3259"/>
                  </a:lnTo>
                  <a:lnTo>
                    <a:pt x="41484" y="0"/>
                  </a:lnTo>
                  <a:lnTo>
                    <a:pt x="994573" y="0"/>
                  </a:lnTo>
                  <a:lnTo>
                    <a:pt x="1010720" y="3259"/>
                  </a:lnTo>
                  <a:lnTo>
                    <a:pt x="1023907" y="12150"/>
                  </a:lnTo>
                  <a:lnTo>
                    <a:pt x="1032797" y="25335"/>
                  </a:lnTo>
                  <a:lnTo>
                    <a:pt x="1036057" y="41482"/>
                  </a:lnTo>
                  <a:lnTo>
                    <a:pt x="1036057" y="207410"/>
                  </a:lnTo>
                  <a:lnTo>
                    <a:pt x="1032797" y="223557"/>
                  </a:lnTo>
                  <a:lnTo>
                    <a:pt x="1023907" y="236743"/>
                  </a:lnTo>
                  <a:lnTo>
                    <a:pt x="1010720" y="245633"/>
                  </a:lnTo>
                  <a:lnTo>
                    <a:pt x="994573" y="248893"/>
                  </a:lnTo>
                  <a:close/>
                </a:path>
              </a:pathLst>
            </a:custGeom>
            <a:solidFill>
              <a:srgbClr val="E8C158"/>
            </a:solidFill>
          </p:spPr>
          <p:txBody>
            <a:bodyPr wrap="square" lIns="0" tIns="0" rIns="0" bIns="0" rtlCol="0"/>
            <a:lstStyle/>
            <a:p>
              <a:endParaRPr/>
            </a:p>
          </p:txBody>
        </p:sp>
      </p:grpSp>
      <p:sp>
        <p:nvSpPr>
          <p:cNvPr id="37" name="object 37"/>
          <p:cNvSpPr txBox="1"/>
          <p:nvPr/>
        </p:nvSpPr>
        <p:spPr>
          <a:xfrm>
            <a:off x="6443055" y="2702098"/>
            <a:ext cx="942975" cy="299720"/>
          </a:xfrm>
          <a:prstGeom prst="rect">
            <a:avLst/>
          </a:prstGeom>
        </p:spPr>
        <p:txBody>
          <a:bodyPr vert="horz" wrap="square" lIns="0" tIns="12065" rIns="0" bIns="0" rtlCol="0">
            <a:spAutoFit/>
          </a:bodyPr>
          <a:lstStyle/>
          <a:p>
            <a:pPr marL="15240" marR="5080" indent="-3175">
              <a:lnSpc>
                <a:spcPct val="112300"/>
              </a:lnSpc>
              <a:spcBef>
                <a:spcPts val="95"/>
              </a:spcBef>
            </a:pPr>
            <a:r>
              <a:rPr sz="800" spc="75" dirty="0">
                <a:latin typeface="Meiryo UI"/>
                <a:cs typeface="Meiryo UI"/>
              </a:rPr>
              <a:t>個々に応じた教育、働く機会のある社会</a:t>
            </a:r>
            <a:endParaRPr sz="800">
              <a:latin typeface="Meiryo UI"/>
              <a:cs typeface="Meiryo UI"/>
            </a:endParaRPr>
          </a:p>
        </p:txBody>
      </p:sp>
      <p:sp>
        <p:nvSpPr>
          <p:cNvPr id="38" name="object 38"/>
          <p:cNvSpPr/>
          <p:nvPr/>
        </p:nvSpPr>
        <p:spPr>
          <a:xfrm>
            <a:off x="5364557" y="2289403"/>
            <a:ext cx="1737995" cy="260350"/>
          </a:xfrm>
          <a:custGeom>
            <a:avLst/>
            <a:gdLst/>
            <a:ahLst/>
            <a:cxnLst/>
            <a:rect l="l" t="t" r="r" b="b"/>
            <a:pathLst>
              <a:path w="1737995" h="260350">
                <a:moveTo>
                  <a:pt x="1694363" y="259781"/>
                </a:moveTo>
                <a:lnTo>
                  <a:pt x="43299" y="259781"/>
                </a:lnTo>
                <a:lnTo>
                  <a:pt x="26445" y="256379"/>
                </a:lnTo>
                <a:lnTo>
                  <a:pt x="12681" y="247100"/>
                </a:lnTo>
                <a:lnTo>
                  <a:pt x="3402" y="233337"/>
                </a:lnTo>
                <a:lnTo>
                  <a:pt x="0" y="216484"/>
                </a:lnTo>
                <a:lnTo>
                  <a:pt x="0" y="43297"/>
                </a:lnTo>
                <a:lnTo>
                  <a:pt x="3402" y="26444"/>
                </a:lnTo>
                <a:lnTo>
                  <a:pt x="12681" y="12681"/>
                </a:lnTo>
                <a:lnTo>
                  <a:pt x="26445" y="3402"/>
                </a:lnTo>
                <a:lnTo>
                  <a:pt x="43299" y="0"/>
                </a:lnTo>
                <a:lnTo>
                  <a:pt x="1694363" y="0"/>
                </a:lnTo>
                <a:lnTo>
                  <a:pt x="1711217" y="3402"/>
                </a:lnTo>
                <a:lnTo>
                  <a:pt x="1724980" y="12681"/>
                </a:lnTo>
                <a:lnTo>
                  <a:pt x="1734259" y="26444"/>
                </a:lnTo>
                <a:lnTo>
                  <a:pt x="1737662" y="43297"/>
                </a:lnTo>
                <a:lnTo>
                  <a:pt x="1737662" y="216484"/>
                </a:lnTo>
                <a:lnTo>
                  <a:pt x="1734259" y="233337"/>
                </a:lnTo>
                <a:lnTo>
                  <a:pt x="1724980" y="247100"/>
                </a:lnTo>
                <a:lnTo>
                  <a:pt x="1711217" y="256379"/>
                </a:lnTo>
                <a:lnTo>
                  <a:pt x="1694363" y="259781"/>
                </a:lnTo>
                <a:close/>
              </a:path>
            </a:pathLst>
          </a:custGeom>
          <a:solidFill>
            <a:srgbClr val="E8C158"/>
          </a:solidFill>
        </p:spPr>
        <p:txBody>
          <a:bodyPr wrap="square" lIns="0" tIns="0" rIns="0" bIns="0" rtlCol="0"/>
          <a:lstStyle/>
          <a:p>
            <a:endParaRPr/>
          </a:p>
        </p:txBody>
      </p:sp>
      <p:sp>
        <p:nvSpPr>
          <p:cNvPr id="39" name="object 39"/>
          <p:cNvSpPr txBox="1"/>
          <p:nvPr/>
        </p:nvSpPr>
        <p:spPr>
          <a:xfrm>
            <a:off x="5364512" y="2256418"/>
            <a:ext cx="1725930" cy="299720"/>
          </a:xfrm>
          <a:prstGeom prst="rect">
            <a:avLst/>
          </a:prstGeom>
        </p:spPr>
        <p:txBody>
          <a:bodyPr vert="horz" wrap="square" lIns="0" tIns="26670" rIns="0" bIns="0" rtlCol="0">
            <a:spAutoFit/>
          </a:bodyPr>
          <a:lstStyle/>
          <a:p>
            <a:pPr algn="ctr">
              <a:lnSpc>
                <a:spcPct val="100000"/>
              </a:lnSpc>
              <a:spcBef>
                <a:spcPts val="210"/>
              </a:spcBef>
            </a:pPr>
            <a:r>
              <a:rPr sz="800" spc="80" dirty="0">
                <a:latin typeface="Meiryo UI"/>
                <a:cs typeface="Meiryo UI"/>
              </a:rPr>
              <a:t>多様な社会参画が実現している社会</a:t>
            </a:r>
            <a:endParaRPr sz="800">
              <a:latin typeface="Meiryo UI"/>
              <a:cs typeface="Meiryo UI"/>
            </a:endParaRPr>
          </a:p>
          <a:p>
            <a:pPr algn="ctr">
              <a:lnSpc>
                <a:spcPct val="100000"/>
              </a:lnSpc>
              <a:spcBef>
                <a:spcPts val="120"/>
              </a:spcBef>
            </a:pPr>
            <a:r>
              <a:rPr sz="800" dirty="0">
                <a:latin typeface="Meiryo UI"/>
                <a:cs typeface="Meiryo UI"/>
              </a:rPr>
              <a:t>（</a:t>
            </a:r>
            <a:r>
              <a:rPr sz="800" spc="60" dirty="0">
                <a:latin typeface="Meiryo UI"/>
                <a:cs typeface="Meiryo UI"/>
              </a:rPr>
              <a:t> 包摂性を持った社会</a:t>
            </a:r>
            <a:r>
              <a:rPr sz="800" spc="-50" dirty="0">
                <a:latin typeface="Meiryo UI"/>
                <a:cs typeface="Meiryo UI"/>
              </a:rPr>
              <a:t>）</a:t>
            </a:r>
            <a:endParaRPr sz="800">
              <a:latin typeface="Meiryo UI"/>
              <a:cs typeface="Meiryo UI"/>
            </a:endParaRPr>
          </a:p>
        </p:txBody>
      </p:sp>
      <p:sp>
        <p:nvSpPr>
          <p:cNvPr id="40" name="object 40"/>
          <p:cNvSpPr/>
          <p:nvPr/>
        </p:nvSpPr>
        <p:spPr>
          <a:xfrm>
            <a:off x="1571877" y="3238313"/>
            <a:ext cx="205740" cy="1431290"/>
          </a:xfrm>
          <a:custGeom>
            <a:avLst/>
            <a:gdLst/>
            <a:ahLst/>
            <a:cxnLst/>
            <a:rect l="l" t="t" r="r" b="b"/>
            <a:pathLst>
              <a:path w="205739" h="1431289">
                <a:moveTo>
                  <a:pt x="197627" y="1431150"/>
                </a:moveTo>
                <a:lnTo>
                  <a:pt x="7717" y="1431150"/>
                </a:lnTo>
                <a:lnTo>
                  <a:pt x="0" y="1423432"/>
                </a:lnTo>
                <a:lnTo>
                  <a:pt x="0" y="17236"/>
                </a:lnTo>
                <a:lnTo>
                  <a:pt x="0" y="7717"/>
                </a:lnTo>
                <a:lnTo>
                  <a:pt x="7717" y="0"/>
                </a:lnTo>
                <a:lnTo>
                  <a:pt x="197627" y="0"/>
                </a:lnTo>
                <a:lnTo>
                  <a:pt x="205344" y="7717"/>
                </a:lnTo>
                <a:lnTo>
                  <a:pt x="205344" y="1423432"/>
                </a:lnTo>
                <a:lnTo>
                  <a:pt x="197627" y="1431150"/>
                </a:lnTo>
                <a:close/>
              </a:path>
            </a:pathLst>
          </a:custGeom>
          <a:solidFill>
            <a:srgbClr val="80ADF8"/>
          </a:solidFill>
        </p:spPr>
        <p:txBody>
          <a:bodyPr wrap="square" lIns="0" tIns="0" rIns="0" bIns="0" rtlCol="0"/>
          <a:lstStyle/>
          <a:p>
            <a:endParaRPr/>
          </a:p>
        </p:txBody>
      </p:sp>
      <p:sp>
        <p:nvSpPr>
          <p:cNvPr id="41" name="object 41"/>
          <p:cNvSpPr txBox="1"/>
          <p:nvPr/>
        </p:nvSpPr>
        <p:spPr>
          <a:xfrm>
            <a:off x="1591941" y="3365440"/>
            <a:ext cx="130175" cy="1165860"/>
          </a:xfrm>
          <a:prstGeom prst="rect">
            <a:avLst/>
          </a:prstGeom>
        </p:spPr>
        <p:txBody>
          <a:bodyPr vert="eaVert" wrap="square" lIns="0" tIns="0" rIns="0" bIns="0" rtlCol="0">
            <a:spAutoFit/>
          </a:bodyPr>
          <a:lstStyle/>
          <a:p>
            <a:pPr marL="12700">
              <a:lnSpc>
                <a:spcPct val="70000"/>
              </a:lnSpc>
            </a:pPr>
            <a:r>
              <a:rPr sz="800" spc="85" dirty="0">
                <a:latin typeface="Meiryo UI"/>
                <a:cs typeface="Meiryo UI"/>
              </a:rPr>
              <a:t>持続可能な都市や地</a:t>
            </a:r>
            <a:r>
              <a:rPr sz="800" dirty="0">
                <a:latin typeface="Meiryo UI"/>
                <a:cs typeface="Meiryo UI"/>
              </a:rPr>
              <a:t>域</a:t>
            </a:r>
            <a:endParaRPr sz="800">
              <a:latin typeface="Meiryo UI"/>
              <a:cs typeface="Meiryo UI"/>
            </a:endParaRPr>
          </a:p>
        </p:txBody>
      </p:sp>
      <p:sp>
        <p:nvSpPr>
          <p:cNvPr id="42" name="object 42"/>
          <p:cNvSpPr/>
          <p:nvPr/>
        </p:nvSpPr>
        <p:spPr>
          <a:xfrm>
            <a:off x="7226672" y="3325426"/>
            <a:ext cx="217804" cy="1513840"/>
          </a:xfrm>
          <a:custGeom>
            <a:avLst/>
            <a:gdLst/>
            <a:ahLst/>
            <a:cxnLst/>
            <a:rect l="l" t="t" r="r" b="b"/>
            <a:pathLst>
              <a:path w="217804" h="1513839">
                <a:moveTo>
                  <a:pt x="181494" y="1513578"/>
                </a:moveTo>
                <a:lnTo>
                  <a:pt x="36298" y="1513578"/>
                </a:lnTo>
                <a:lnTo>
                  <a:pt x="22169" y="1510725"/>
                </a:lnTo>
                <a:lnTo>
                  <a:pt x="10631" y="1502947"/>
                </a:lnTo>
                <a:lnTo>
                  <a:pt x="2852" y="1491409"/>
                </a:lnTo>
                <a:lnTo>
                  <a:pt x="0" y="1477281"/>
                </a:lnTo>
                <a:lnTo>
                  <a:pt x="0" y="36296"/>
                </a:lnTo>
                <a:lnTo>
                  <a:pt x="2852" y="22168"/>
                </a:lnTo>
                <a:lnTo>
                  <a:pt x="10631" y="10631"/>
                </a:lnTo>
                <a:lnTo>
                  <a:pt x="22169" y="2852"/>
                </a:lnTo>
                <a:lnTo>
                  <a:pt x="36298" y="0"/>
                </a:lnTo>
                <a:lnTo>
                  <a:pt x="181494" y="0"/>
                </a:lnTo>
                <a:lnTo>
                  <a:pt x="195623" y="2852"/>
                </a:lnTo>
                <a:lnTo>
                  <a:pt x="207161" y="10631"/>
                </a:lnTo>
                <a:lnTo>
                  <a:pt x="214940" y="22168"/>
                </a:lnTo>
                <a:lnTo>
                  <a:pt x="217792" y="36296"/>
                </a:lnTo>
                <a:lnTo>
                  <a:pt x="217792" y="1477281"/>
                </a:lnTo>
                <a:lnTo>
                  <a:pt x="214940" y="1491409"/>
                </a:lnTo>
                <a:lnTo>
                  <a:pt x="207161" y="1502947"/>
                </a:lnTo>
                <a:lnTo>
                  <a:pt x="195623" y="1510725"/>
                </a:lnTo>
                <a:lnTo>
                  <a:pt x="181494" y="1513578"/>
                </a:lnTo>
                <a:close/>
              </a:path>
            </a:pathLst>
          </a:custGeom>
          <a:solidFill>
            <a:srgbClr val="80ADF8"/>
          </a:solidFill>
        </p:spPr>
        <p:txBody>
          <a:bodyPr wrap="square" lIns="0" tIns="0" rIns="0" bIns="0" rtlCol="0"/>
          <a:lstStyle/>
          <a:p>
            <a:endParaRPr/>
          </a:p>
        </p:txBody>
      </p:sp>
      <p:sp>
        <p:nvSpPr>
          <p:cNvPr id="43" name="object 43"/>
          <p:cNvSpPr txBox="1"/>
          <p:nvPr/>
        </p:nvSpPr>
        <p:spPr>
          <a:xfrm>
            <a:off x="7253327" y="3435674"/>
            <a:ext cx="130175" cy="1280795"/>
          </a:xfrm>
          <a:prstGeom prst="rect">
            <a:avLst/>
          </a:prstGeom>
        </p:spPr>
        <p:txBody>
          <a:bodyPr vert="eaVert" wrap="square" lIns="0" tIns="0" rIns="0" bIns="0" rtlCol="0">
            <a:spAutoFit/>
          </a:bodyPr>
          <a:lstStyle/>
          <a:p>
            <a:pPr marL="12700">
              <a:lnSpc>
                <a:spcPct val="70000"/>
              </a:lnSpc>
            </a:pPr>
            <a:r>
              <a:rPr sz="800" spc="85" dirty="0">
                <a:latin typeface="Meiryo UI"/>
                <a:cs typeface="Meiryo UI"/>
              </a:rPr>
              <a:t>総合的な安全保障の実</a:t>
            </a:r>
            <a:r>
              <a:rPr sz="800" dirty="0">
                <a:latin typeface="Meiryo UI"/>
                <a:cs typeface="Meiryo UI"/>
              </a:rPr>
              <a:t>現</a:t>
            </a:r>
            <a:endParaRPr sz="800">
              <a:latin typeface="Meiryo UI"/>
              <a:cs typeface="Meiryo UI"/>
            </a:endParaRPr>
          </a:p>
        </p:txBody>
      </p:sp>
      <p:grpSp>
        <p:nvGrpSpPr>
          <p:cNvPr id="44" name="object 44"/>
          <p:cNvGrpSpPr/>
          <p:nvPr/>
        </p:nvGrpSpPr>
        <p:grpSpPr>
          <a:xfrm>
            <a:off x="1915797" y="2505650"/>
            <a:ext cx="4226560" cy="3128645"/>
            <a:chOff x="1915797" y="2505650"/>
            <a:chExt cx="4226560" cy="3128645"/>
          </a:xfrm>
        </p:grpSpPr>
        <p:sp>
          <p:nvSpPr>
            <p:cNvPr id="45" name="object 45"/>
            <p:cNvSpPr/>
            <p:nvPr/>
          </p:nvSpPr>
          <p:spPr>
            <a:xfrm>
              <a:off x="3114306" y="3231313"/>
              <a:ext cx="2752090" cy="1614805"/>
            </a:xfrm>
            <a:custGeom>
              <a:avLst/>
              <a:gdLst/>
              <a:ahLst/>
              <a:cxnLst/>
              <a:rect l="l" t="t" r="r" b="b"/>
              <a:pathLst>
                <a:path w="2752090" h="1614804">
                  <a:moveTo>
                    <a:pt x="1375983" y="1614693"/>
                  </a:moveTo>
                  <a:lnTo>
                    <a:pt x="1316296" y="1613947"/>
                  </a:lnTo>
                  <a:lnTo>
                    <a:pt x="1257258" y="1611730"/>
                  </a:lnTo>
                  <a:lnTo>
                    <a:pt x="1198921" y="1608071"/>
                  </a:lnTo>
                  <a:lnTo>
                    <a:pt x="1141337" y="1603001"/>
                  </a:lnTo>
                  <a:lnTo>
                    <a:pt x="1084557" y="1596550"/>
                  </a:lnTo>
                  <a:lnTo>
                    <a:pt x="1028634" y="1588749"/>
                  </a:lnTo>
                  <a:lnTo>
                    <a:pt x="973618" y="1579628"/>
                  </a:lnTo>
                  <a:lnTo>
                    <a:pt x="919561" y="1569217"/>
                  </a:lnTo>
                  <a:lnTo>
                    <a:pt x="866516" y="1557546"/>
                  </a:lnTo>
                  <a:lnTo>
                    <a:pt x="814532" y="1544646"/>
                  </a:lnTo>
                  <a:lnTo>
                    <a:pt x="763663" y="1530547"/>
                  </a:lnTo>
                  <a:lnTo>
                    <a:pt x="713960" y="1515279"/>
                  </a:lnTo>
                  <a:lnTo>
                    <a:pt x="665474" y="1498873"/>
                  </a:lnTo>
                  <a:lnTo>
                    <a:pt x="618257" y="1481359"/>
                  </a:lnTo>
                  <a:lnTo>
                    <a:pt x="572361" y="1462767"/>
                  </a:lnTo>
                  <a:lnTo>
                    <a:pt x="527837" y="1443128"/>
                  </a:lnTo>
                  <a:lnTo>
                    <a:pt x="484737" y="1422471"/>
                  </a:lnTo>
                  <a:lnTo>
                    <a:pt x="443113" y="1400827"/>
                  </a:lnTo>
                  <a:lnTo>
                    <a:pt x="403016" y="1378227"/>
                  </a:lnTo>
                  <a:lnTo>
                    <a:pt x="364497" y="1354700"/>
                  </a:lnTo>
                  <a:lnTo>
                    <a:pt x="327609" y="1330277"/>
                  </a:lnTo>
                  <a:lnTo>
                    <a:pt x="292403" y="1304989"/>
                  </a:lnTo>
                  <a:lnTo>
                    <a:pt x="258931" y="1278865"/>
                  </a:lnTo>
                  <a:lnTo>
                    <a:pt x="227244" y="1251936"/>
                  </a:lnTo>
                  <a:lnTo>
                    <a:pt x="197394" y="1224231"/>
                  </a:lnTo>
                  <a:lnTo>
                    <a:pt x="169433" y="1195783"/>
                  </a:lnTo>
                  <a:lnTo>
                    <a:pt x="143412" y="1166620"/>
                  </a:lnTo>
                  <a:lnTo>
                    <a:pt x="119383" y="1136773"/>
                  </a:lnTo>
                  <a:lnTo>
                    <a:pt x="77506" y="1075148"/>
                  </a:lnTo>
                  <a:lnTo>
                    <a:pt x="44217" y="1011150"/>
                  </a:lnTo>
                  <a:lnTo>
                    <a:pt x="19927" y="945023"/>
                  </a:lnTo>
                  <a:lnTo>
                    <a:pt x="5050" y="877007"/>
                  </a:lnTo>
                  <a:lnTo>
                    <a:pt x="0" y="807346"/>
                  </a:lnTo>
                  <a:lnTo>
                    <a:pt x="1271" y="772325"/>
                  </a:lnTo>
                  <a:lnTo>
                    <a:pt x="11286" y="703457"/>
                  </a:lnTo>
                  <a:lnTo>
                    <a:pt x="30921" y="636355"/>
                  </a:lnTo>
                  <a:lnTo>
                    <a:pt x="59762" y="571262"/>
                  </a:lnTo>
                  <a:lnTo>
                    <a:pt x="97397" y="508421"/>
                  </a:lnTo>
                  <a:lnTo>
                    <a:pt x="143412" y="448073"/>
                  </a:lnTo>
                  <a:lnTo>
                    <a:pt x="169433" y="418910"/>
                  </a:lnTo>
                  <a:lnTo>
                    <a:pt x="197394" y="390461"/>
                  </a:lnTo>
                  <a:lnTo>
                    <a:pt x="227244" y="362757"/>
                  </a:lnTo>
                  <a:lnTo>
                    <a:pt x="258931" y="335828"/>
                  </a:lnTo>
                  <a:lnTo>
                    <a:pt x="292403" y="309704"/>
                  </a:lnTo>
                  <a:lnTo>
                    <a:pt x="327609" y="284415"/>
                  </a:lnTo>
                  <a:lnTo>
                    <a:pt x="364497" y="259993"/>
                  </a:lnTo>
                  <a:lnTo>
                    <a:pt x="403016" y="236466"/>
                  </a:lnTo>
                  <a:lnTo>
                    <a:pt x="443113" y="213866"/>
                  </a:lnTo>
                  <a:lnTo>
                    <a:pt x="484737" y="192222"/>
                  </a:lnTo>
                  <a:lnTo>
                    <a:pt x="527837" y="171565"/>
                  </a:lnTo>
                  <a:lnTo>
                    <a:pt x="572361" y="151926"/>
                  </a:lnTo>
                  <a:lnTo>
                    <a:pt x="618257" y="133334"/>
                  </a:lnTo>
                  <a:lnTo>
                    <a:pt x="665474" y="115819"/>
                  </a:lnTo>
                  <a:lnTo>
                    <a:pt x="713960" y="99413"/>
                  </a:lnTo>
                  <a:lnTo>
                    <a:pt x="763663" y="84146"/>
                  </a:lnTo>
                  <a:lnTo>
                    <a:pt x="814532" y="70047"/>
                  </a:lnTo>
                  <a:lnTo>
                    <a:pt x="866516" y="57147"/>
                  </a:lnTo>
                  <a:lnTo>
                    <a:pt x="919561" y="45476"/>
                  </a:lnTo>
                  <a:lnTo>
                    <a:pt x="973618" y="35065"/>
                  </a:lnTo>
                  <a:lnTo>
                    <a:pt x="1028634" y="25943"/>
                  </a:lnTo>
                  <a:lnTo>
                    <a:pt x="1084557" y="18142"/>
                  </a:lnTo>
                  <a:lnTo>
                    <a:pt x="1141337" y="11692"/>
                  </a:lnTo>
                  <a:lnTo>
                    <a:pt x="1198921" y="6622"/>
                  </a:lnTo>
                  <a:lnTo>
                    <a:pt x="1257258" y="2963"/>
                  </a:lnTo>
                  <a:lnTo>
                    <a:pt x="1316296" y="745"/>
                  </a:lnTo>
                  <a:lnTo>
                    <a:pt x="1375983" y="0"/>
                  </a:lnTo>
                  <a:lnTo>
                    <a:pt x="1435670" y="745"/>
                  </a:lnTo>
                  <a:lnTo>
                    <a:pt x="1494708" y="2963"/>
                  </a:lnTo>
                  <a:lnTo>
                    <a:pt x="1553045" y="6622"/>
                  </a:lnTo>
                  <a:lnTo>
                    <a:pt x="1610629" y="11692"/>
                  </a:lnTo>
                  <a:lnTo>
                    <a:pt x="1667408" y="18142"/>
                  </a:lnTo>
                  <a:lnTo>
                    <a:pt x="1723332" y="25943"/>
                  </a:lnTo>
                  <a:lnTo>
                    <a:pt x="1778348" y="35065"/>
                  </a:lnTo>
                  <a:lnTo>
                    <a:pt x="1832404" y="45476"/>
                  </a:lnTo>
                  <a:lnTo>
                    <a:pt x="1885450" y="57147"/>
                  </a:lnTo>
                  <a:lnTo>
                    <a:pt x="1937433" y="70047"/>
                  </a:lnTo>
                  <a:lnTo>
                    <a:pt x="1988302" y="84146"/>
                  </a:lnTo>
                  <a:lnTo>
                    <a:pt x="2038005" y="99413"/>
                  </a:lnTo>
                  <a:lnTo>
                    <a:pt x="2086491" y="115819"/>
                  </a:lnTo>
                  <a:lnTo>
                    <a:pt x="2133708" y="133334"/>
                  </a:lnTo>
                  <a:lnTo>
                    <a:pt x="2179604" y="151926"/>
                  </a:lnTo>
                  <a:lnTo>
                    <a:pt x="2224128" y="171565"/>
                  </a:lnTo>
                  <a:lnTo>
                    <a:pt x="2267228" y="192222"/>
                  </a:lnTo>
                  <a:lnTo>
                    <a:pt x="2308853" y="213866"/>
                  </a:lnTo>
                  <a:lnTo>
                    <a:pt x="2348950" y="236466"/>
                  </a:lnTo>
                  <a:lnTo>
                    <a:pt x="2387468" y="259993"/>
                  </a:lnTo>
                  <a:lnTo>
                    <a:pt x="2424356" y="284415"/>
                  </a:lnTo>
                  <a:lnTo>
                    <a:pt x="2459562" y="309704"/>
                  </a:lnTo>
                  <a:lnTo>
                    <a:pt x="2493034" y="335828"/>
                  </a:lnTo>
                  <a:lnTo>
                    <a:pt x="2524721" y="362757"/>
                  </a:lnTo>
                  <a:lnTo>
                    <a:pt x="2554571" y="390461"/>
                  </a:lnTo>
                  <a:lnTo>
                    <a:pt x="2582532" y="418910"/>
                  </a:lnTo>
                  <a:lnTo>
                    <a:pt x="2608554" y="448073"/>
                  </a:lnTo>
                  <a:lnTo>
                    <a:pt x="2632583" y="477920"/>
                  </a:lnTo>
                  <a:lnTo>
                    <a:pt x="2674459" y="539545"/>
                  </a:lnTo>
                  <a:lnTo>
                    <a:pt x="2707749" y="603542"/>
                  </a:lnTo>
                  <a:lnTo>
                    <a:pt x="2732039" y="669670"/>
                  </a:lnTo>
                  <a:lnTo>
                    <a:pt x="2746915" y="737685"/>
                  </a:lnTo>
                  <a:lnTo>
                    <a:pt x="2751966" y="807346"/>
                  </a:lnTo>
                  <a:lnTo>
                    <a:pt x="2750695" y="842367"/>
                  </a:lnTo>
                  <a:lnTo>
                    <a:pt x="2740679" y="911236"/>
                  </a:lnTo>
                  <a:lnTo>
                    <a:pt x="2721045" y="978338"/>
                  </a:lnTo>
                  <a:lnTo>
                    <a:pt x="2692203" y="1043431"/>
                  </a:lnTo>
                  <a:lnTo>
                    <a:pt x="2654569" y="1106272"/>
                  </a:lnTo>
                  <a:lnTo>
                    <a:pt x="2608554" y="1166620"/>
                  </a:lnTo>
                  <a:lnTo>
                    <a:pt x="2582532" y="1195783"/>
                  </a:lnTo>
                  <a:lnTo>
                    <a:pt x="2554571" y="1224231"/>
                  </a:lnTo>
                  <a:lnTo>
                    <a:pt x="2524721" y="1251936"/>
                  </a:lnTo>
                  <a:lnTo>
                    <a:pt x="2493034" y="1278865"/>
                  </a:lnTo>
                  <a:lnTo>
                    <a:pt x="2459562" y="1304989"/>
                  </a:lnTo>
                  <a:lnTo>
                    <a:pt x="2424356" y="1330277"/>
                  </a:lnTo>
                  <a:lnTo>
                    <a:pt x="2387468" y="1354700"/>
                  </a:lnTo>
                  <a:lnTo>
                    <a:pt x="2348950" y="1378227"/>
                  </a:lnTo>
                  <a:lnTo>
                    <a:pt x="2308853" y="1400827"/>
                  </a:lnTo>
                  <a:lnTo>
                    <a:pt x="2267228" y="1422471"/>
                  </a:lnTo>
                  <a:lnTo>
                    <a:pt x="2224128" y="1443128"/>
                  </a:lnTo>
                  <a:lnTo>
                    <a:pt x="2179604" y="1462767"/>
                  </a:lnTo>
                  <a:lnTo>
                    <a:pt x="2133708" y="1481359"/>
                  </a:lnTo>
                  <a:lnTo>
                    <a:pt x="2086491" y="1498873"/>
                  </a:lnTo>
                  <a:lnTo>
                    <a:pt x="2038005" y="1515279"/>
                  </a:lnTo>
                  <a:lnTo>
                    <a:pt x="1988302" y="1530547"/>
                  </a:lnTo>
                  <a:lnTo>
                    <a:pt x="1937433" y="1544646"/>
                  </a:lnTo>
                  <a:lnTo>
                    <a:pt x="1885450" y="1557546"/>
                  </a:lnTo>
                  <a:lnTo>
                    <a:pt x="1832404" y="1569217"/>
                  </a:lnTo>
                  <a:lnTo>
                    <a:pt x="1778348" y="1579628"/>
                  </a:lnTo>
                  <a:lnTo>
                    <a:pt x="1723332" y="1588749"/>
                  </a:lnTo>
                  <a:lnTo>
                    <a:pt x="1667408" y="1596550"/>
                  </a:lnTo>
                  <a:lnTo>
                    <a:pt x="1610629" y="1603001"/>
                  </a:lnTo>
                  <a:lnTo>
                    <a:pt x="1553045" y="1608071"/>
                  </a:lnTo>
                  <a:lnTo>
                    <a:pt x="1494708" y="1611730"/>
                  </a:lnTo>
                  <a:lnTo>
                    <a:pt x="1435670" y="1613947"/>
                  </a:lnTo>
                  <a:lnTo>
                    <a:pt x="1375983" y="1614693"/>
                  </a:lnTo>
                  <a:close/>
                </a:path>
              </a:pathLst>
            </a:custGeom>
            <a:solidFill>
              <a:srgbClr val="FFFFFF"/>
            </a:solidFill>
          </p:spPr>
          <p:txBody>
            <a:bodyPr wrap="square" lIns="0" tIns="0" rIns="0" bIns="0" rtlCol="0"/>
            <a:lstStyle/>
            <a:p>
              <a:endParaRPr/>
            </a:p>
          </p:txBody>
        </p:sp>
        <p:sp>
          <p:nvSpPr>
            <p:cNvPr id="46" name="object 46"/>
            <p:cNvSpPr/>
            <p:nvPr/>
          </p:nvSpPr>
          <p:spPr>
            <a:xfrm>
              <a:off x="3114306" y="3231313"/>
              <a:ext cx="2752090" cy="1614805"/>
            </a:xfrm>
            <a:custGeom>
              <a:avLst/>
              <a:gdLst/>
              <a:ahLst/>
              <a:cxnLst/>
              <a:rect l="l" t="t" r="r" b="b"/>
              <a:pathLst>
                <a:path w="2752090" h="1614804">
                  <a:moveTo>
                    <a:pt x="0" y="807346"/>
                  </a:moveTo>
                  <a:lnTo>
                    <a:pt x="5050" y="737685"/>
                  </a:lnTo>
                  <a:lnTo>
                    <a:pt x="19927" y="669670"/>
                  </a:lnTo>
                  <a:lnTo>
                    <a:pt x="44217" y="603542"/>
                  </a:lnTo>
                  <a:lnTo>
                    <a:pt x="77506" y="539545"/>
                  </a:lnTo>
                  <a:lnTo>
                    <a:pt x="119383" y="477920"/>
                  </a:lnTo>
                  <a:lnTo>
                    <a:pt x="143412" y="448073"/>
                  </a:lnTo>
                  <a:lnTo>
                    <a:pt x="169433" y="418910"/>
                  </a:lnTo>
                  <a:lnTo>
                    <a:pt x="197394" y="390461"/>
                  </a:lnTo>
                  <a:lnTo>
                    <a:pt x="227244" y="362757"/>
                  </a:lnTo>
                  <a:lnTo>
                    <a:pt x="258931" y="335828"/>
                  </a:lnTo>
                  <a:lnTo>
                    <a:pt x="292403" y="309704"/>
                  </a:lnTo>
                  <a:lnTo>
                    <a:pt x="327609" y="284415"/>
                  </a:lnTo>
                  <a:lnTo>
                    <a:pt x="364497" y="259993"/>
                  </a:lnTo>
                  <a:lnTo>
                    <a:pt x="403016" y="236466"/>
                  </a:lnTo>
                  <a:lnTo>
                    <a:pt x="443113" y="213866"/>
                  </a:lnTo>
                  <a:lnTo>
                    <a:pt x="484737" y="192222"/>
                  </a:lnTo>
                  <a:lnTo>
                    <a:pt x="527837" y="171565"/>
                  </a:lnTo>
                  <a:lnTo>
                    <a:pt x="572361" y="151926"/>
                  </a:lnTo>
                  <a:lnTo>
                    <a:pt x="618257" y="133334"/>
                  </a:lnTo>
                  <a:lnTo>
                    <a:pt x="665474" y="115819"/>
                  </a:lnTo>
                  <a:lnTo>
                    <a:pt x="713960" y="99413"/>
                  </a:lnTo>
                  <a:lnTo>
                    <a:pt x="763663" y="84146"/>
                  </a:lnTo>
                  <a:lnTo>
                    <a:pt x="814532" y="70047"/>
                  </a:lnTo>
                  <a:lnTo>
                    <a:pt x="866516" y="57147"/>
                  </a:lnTo>
                  <a:lnTo>
                    <a:pt x="919561" y="45476"/>
                  </a:lnTo>
                  <a:lnTo>
                    <a:pt x="973618" y="35065"/>
                  </a:lnTo>
                  <a:lnTo>
                    <a:pt x="1028634" y="25943"/>
                  </a:lnTo>
                  <a:lnTo>
                    <a:pt x="1084557" y="18142"/>
                  </a:lnTo>
                  <a:lnTo>
                    <a:pt x="1141337" y="11692"/>
                  </a:lnTo>
                  <a:lnTo>
                    <a:pt x="1198921" y="6622"/>
                  </a:lnTo>
                  <a:lnTo>
                    <a:pt x="1257258" y="2963"/>
                  </a:lnTo>
                  <a:lnTo>
                    <a:pt x="1316296" y="745"/>
                  </a:lnTo>
                  <a:lnTo>
                    <a:pt x="1375983" y="0"/>
                  </a:lnTo>
                  <a:lnTo>
                    <a:pt x="1435670" y="745"/>
                  </a:lnTo>
                  <a:lnTo>
                    <a:pt x="1494708" y="2963"/>
                  </a:lnTo>
                  <a:lnTo>
                    <a:pt x="1553045" y="6622"/>
                  </a:lnTo>
                  <a:lnTo>
                    <a:pt x="1610629" y="11692"/>
                  </a:lnTo>
                  <a:lnTo>
                    <a:pt x="1667408" y="18142"/>
                  </a:lnTo>
                  <a:lnTo>
                    <a:pt x="1723332" y="25943"/>
                  </a:lnTo>
                  <a:lnTo>
                    <a:pt x="1778348" y="35065"/>
                  </a:lnTo>
                  <a:lnTo>
                    <a:pt x="1832404" y="45476"/>
                  </a:lnTo>
                  <a:lnTo>
                    <a:pt x="1885450" y="57147"/>
                  </a:lnTo>
                  <a:lnTo>
                    <a:pt x="1937433" y="70047"/>
                  </a:lnTo>
                  <a:lnTo>
                    <a:pt x="1988302" y="84146"/>
                  </a:lnTo>
                  <a:lnTo>
                    <a:pt x="2038005" y="99413"/>
                  </a:lnTo>
                  <a:lnTo>
                    <a:pt x="2086491" y="115819"/>
                  </a:lnTo>
                  <a:lnTo>
                    <a:pt x="2133708" y="133334"/>
                  </a:lnTo>
                  <a:lnTo>
                    <a:pt x="2179604" y="151926"/>
                  </a:lnTo>
                  <a:lnTo>
                    <a:pt x="2224128" y="171565"/>
                  </a:lnTo>
                  <a:lnTo>
                    <a:pt x="2267228" y="192222"/>
                  </a:lnTo>
                  <a:lnTo>
                    <a:pt x="2308853" y="213866"/>
                  </a:lnTo>
                  <a:lnTo>
                    <a:pt x="2348950" y="236466"/>
                  </a:lnTo>
                  <a:lnTo>
                    <a:pt x="2387468" y="259993"/>
                  </a:lnTo>
                  <a:lnTo>
                    <a:pt x="2424356" y="284415"/>
                  </a:lnTo>
                  <a:lnTo>
                    <a:pt x="2459562" y="309704"/>
                  </a:lnTo>
                  <a:lnTo>
                    <a:pt x="2493034" y="335828"/>
                  </a:lnTo>
                  <a:lnTo>
                    <a:pt x="2524721" y="362757"/>
                  </a:lnTo>
                  <a:lnTo>
                    <a:pt x="2554571" y="390461"/>
                  </a:lnTo>
                  <a:lnTo>
                    <a:pt x="2582532" y="418910"/>
                  </a:lnTo>
                  <a:lnTo>
                    <a:pt x="2608554" y="448073"/>
                  </a:lnTo>
                  <a:lnTo>
                    <a:pt x="2632583" y="477920"/>
                  </a:lnTo>
                  <a:lnTo>
                    <a:pt x="2674459" y="539545"/>
                  </a:lnTo>
                  <a:lnTo>
                    <a:pt x="2707749" y="603542"/>
                  </a:lnTo>
                  <a:lnTo>
                    <a:pt x="2732039" y="669670"/>
                  </a:lnTo>
                  <a:lnTo>
                    <a:pt x="2746915" y="737685"/>
                  </a:lnTo>
                  <a:lnTo>
                    <a:pt x="2751966" y="807346"/>
                  </a:lnTo>
                  <a:lnTo>
                    <a:pt x="2750695" y="842367"/>
                  </a:lnTo>
                  <a:lnTo>
                    <a:pt x="2740679" y="911236"/>
                  </a:lnTo>
                  <a:lnTo>
                    <a:pt x="2721045" y="978338"/>
                  </a:lnTo>
                  <a:lnTo>
                    <a:pt x="2692203" y="1043431"/>
                  </a:lnTo>
                  <a:lnTo>
                    <a:pt x="2654569" y="1106272"/>
                  </a:lnTo>
                  <a:lnTo>
                    <a:pt x="2608554" y="1166620"/>
                  </a:lnTo>
                  <a:lnTo>
                    <a:pt x="2582532" y="1195783"/>
                  </a:lnTo>
                  <a:lnTo>
                    <a:pt x="2554571" y="1224231"/>
                  </a:lnTo>
                  <a:lnTo>
                    <a:pt x="2524721" y="1251936"/>
                  </a:lnTo>
                  <a:lnTo>
                    <a:pt x="2493034" y="1278865"/>
                  </a:lnTo>
                  <a:lnTo>
                    <a:pt x="2459562" y="1304989"/>
                  </a:lnTo>
                  <a:lnTo>
                    <a:pt x="2424356" y="1330277"/>
                  </a:lnTo>
                  <a:lnTo>
                    <a:pt x="2387468" y="1354700"/>
                  </a:lnTo>
                  <a:lnTo>
                    <a:pt x="2348950" y="1378227"/>
                  </a:lnTo>
                  <a:lnTo>
                    <a:pt x="2308853" y="1400827"/>
                  </a:lnTo>
                  <a:lnTo>
                    <a:pt x="2267228" y="1422471"/>
                  </a:lnTo>
                  <a:lnTo>
                    <a:pt x="2224128" y="1443128"/>
                  </a:lnTo>
                  <a:lnTo>
                    <a:pt x="2179604" y="1462767"/>
                  </a:lnTo>
                  <a:lnTo>
                    <a:pt x="2133708" y="1481359"/>
                  </a:lnTo>
                  <a:lnTo>
                    <a:pt x="2086491" y="1498873"/>
                  </a:lnTo>
                  <a:lnTo>
                    <a:pt x="2038005" y="1515279"/>
                  </a:lnTo>
                  <a:lnTo>
                    <a:pt x="1988302" y="1530547"/>
                  </a:lnTo>
                  <a:lnTo>
                    <a:pt x="1937433" y="1544646"/>
                  </a:lnTo>
                  <a:lnTo>
                    <a:pt x="1885450" y="1557546"/>
                  </a:lnTo>
                  <a:lnTo>
                    <a:pt x="1832404" y="1569217"/>
                  </a:lnTo>
                  <a:lnTo>
                    <a:pt x="1778348" y="1579628"/>
                  </a:lnTo>
                  <a:lnTo>
                    <a:pt x="1723332" y="1588749"/>
                  </a:lnTo>
                  <a:lnTo>
                    <a:pt x="1667408" y="1596550"/>
                  </a:lnTo>
                  <a:lnTo>
                    <a:pt x="1610629" y="1603001"/>
                  </a:lnTo>
                  <a:lnTo>
                    <a:pt x="1553045" y="1608071"/>
                  </a:lnTo>
                  <a:lnTo>
                    <a:pt x="1494708" y="1611730"/>
                  </a:lnTo>
                  <a:lnTo>
                    <a:pt x="1435670" y="1613947"/>
                  </a:lnTo>
                  <a:lnTo>
                    <a:pt x="1375983" y="1614693"/>
                  </a:lnTo>
                  <a:lnTo>
                    <a:pt x="1316296" y="1613947"/>
                  </a:lnTo>
                  <a:lnTo>
                    <a:pt x="1257258" y="1611730"/>
                  </a:lnTo>
                  <a:lnTo>
                    <a:pt x="1198921" y="1608071"/>
                  </a:lnTo>
                  <a:lnTo>
                    <a:pt x="1141337" y="1603001"/>
                  </a:lnTo>
                  <a:lnTo>
                    <a:pt x="1084557" y="1596550"/>
                  </a:lnTo>
                  <a:lnTo>
                    <a:pt x="1028634" y="1588749"/>
                  </a:lnTo>
                  <a:lnTo>
                    <a:pt x="973618" y="1579628"/>
                  </a:lnTo>
                  <a:lnTo>
                    <a:pt x="919561" y="1569217"/>
                  </a:lnTo>
                  <a:lnTo>
                    <a:pt x="866516" y="1557546"/>
                  </a:lnTo>
                  <a:lnTo>
                    <a:pt x="814532" y="1544646"/>
                  </a:lnTo>
                  <a:lnTo>
                    <a:pt x="763663" y="1530547"/>
                  </a:lnTo>
                  <a:lnTo>
                    <a:pt x="713960" y="1515279"/>
                  </a:lnTo>
                  <a:lnTo>
                    <a:pt x="665474" y="1498873"/>
                  </a:lnTo>
                  <a:lnTo>
                    <a:pt x="618257" y="1481359"/>
                  </a:lnTo>
                  <a:lnTo>
                    <a:pt x="572361" y="1462767"/>
                  </a:lnTo>
                  <a:lnTo>
                    <a:pt x="527837" y="1443128"/>
                  </a:lnTo>
                  <a:lnTo>
                    <a:pt x="484737" y="1422471"/>
                  </a:lnTo>
                  <a:lnTo>
                    <a:pt x="443113" y="1400827"/>
                  </a:lnTo>
                  <a:lnTo>
                    <a:pt x="403016" y="1378227"/>
                  </a:lnTo>
                  <a:lnTo>
                    <a:pt x="364497" y="1354700"/>
                  </a:lnTo>
                  <a:lnTo>
                    <a:pt x="327609" y="1330277"/>
                  </a:lnTo>
                  <a:lnTo>
                    <a:pt x="292403" y="1304989"/>
                  </a:lnTo>
                  <a:lnTo>
                    <a:pt x="258931" y="1278865"/>
                  </a:lnTo>
                  <a:lnTo>
                    <a:pt x="227244" y="1251936"/>
                  </a:lnTo>
                  <a:lnTo>
                    <a:pt x="197394" y="1224231"/>
                  </a:lnTo>
                  <a:lnTo>
                    <a:pt x="169433" y="1195783"/>
                  </a:lnTo>
                  <a:lnTo>
                    <a:pt x="143412" y="1166620"/>
                  </a:lnTo>
                  <a:lnTo>
                    <a:pt x="119383" y="1136773"/>
                  </a:lnTo>
                  <a:lnTo>
                    <a:pt x="77506" y="1075148"/>
                  </a:lnTo>
                  <a:lnTo>
                    <a:pt x="44217" y="1011150"/>
                  </a:lnTo>
                  <a:lnTo>
                    <a:pt x="19927" y="945023"/>
                  </a:lnTo>
                  <a:lnTo>
                    <a:pt x="5050" y="877007"/>
                  </a:lnTo>
                  <a:lnTo>
                    <a:pt x="0" y="807346"/>
                  </a:lnTo>
                  <a:close/>
                </a:path>
              </a:pathLst>
            </a:custGeom>
            <a:ln w="33446">
              <a:solidFill>
                <a:srgbClr val="D9D9D9"/>
              </a:solidFill>
            </a:ln>
          </p:spPr>
          <p:txBody>
            <a:bodyPr wrap="square" lIns="0" tIns="0" rIns="0" bIns="0" rtlCol="0"/>
            <a:lstStyle/>
            <a:p>
              <a:endParaRPr/>
            </a:p>
          </p:txBody>
        </p:sp>
        <p:pic>
          <p:nvPicPr>
            <p:cNvPr id="47" name="object 47"/>
            <p:cNvPicPr/>
            <p:nvPr/>
          </p:nvPicPr>
          <p:blipFill>
            <a:blip r:embed="rId4" cstate="print"/>
            <a:stretch>
              <a:fillRect/>
            </a:stretch>
          </p:blipFill>
          <p:spPr>
            <a:xfrm>
              <a:off x="3191311" y="3294314"/>
              <a:ext cx="2627506" cy="1484036"/>
            </a:xfrm>
            <a:prstGeom prst="rect">
              <a:avLst/>
            </a:prstGeom>
          </p:spPr>
        </p:pic>
        <p:pic>
          <p:nvPicPr>
            <p:cNvPr id="48" name="object 48"/>
            <p:cNvPicPr/>
            <p:nvPr/>
          </p:nvPicPr>
          <p:blipFill>
            <a:blip r:embed="rId5" cstate="print"/>
            <a:stretch>
              <a:fillRect/>
            </a:stretch>
          </p:blipFill>
          <p:spPr>
            <a:xfrm>
              <a:off x="1915797" y="2505650"/>
              <a:ext cx="4226396" cy="3128247"/>
            </a:xfrm>
            <a:prstGeom prst="rect">
              <a:avLst/>
            </a:prstGeom>
          </p:spPr>
        </p:pic>
      </p:grpSp>
      <p:sp>
        <p:nvSpPr>
          <p:cNvPr id="49" name="object 49"/>
          <p:cNvSpPr txBox="1"/>
          <p:nvPr/>
        </p:nvSpPr>
        <p:spPr>
          <a:xfrm>
            <a:off x="4205635" y="4335764"/>
            <a:ext cx="568325" cy="133985"/>
          </a:xfrm>
          <a:prstGeom prst="rect">
            <a:avLst/>
          </a:prstGeom>
        </p:spPr>
        <p:txBody>
          <a:bodyPr vert="horz" wrap="square" lIns="0" tIns="13970" rIns="0" bIns="0" rtlCol="0">
            <a:spAutoFit/>
          </a:bodyPr>
          <a:lstStyle/>
          <a:p>
            <a:pPr marL="12700">
              <a:lnSpc>
                <a:spcPct val="100000"/>
              </a:lnSpc>
              <a:spcBef>
                <a:spcPts val="110"/>
              </a:spcBef>
            </a:pPr>
            <a:r>
              <a:rPr sz="700" spc="-10" dirty="0">
                <a:solidFill>
                  <a:srgbClr val="FFFFFF"/>
                </a:solidFill>
                <a:latin typeface="Meiryo UI"/>
                <a:cs typeface="Meiryo UI"/>
              </a:rPr>
              <a:t>AI・データ・</a:t>
            </a:r>
            <a:r>
              <a:rPr sz="700" spc="-25" dirty="0">
                <a:solidFill>
                  <a:srgbClr val="FFFFFF"/>
                </a:solidFill>
                <a:latin typeface="Meiryo UI"/>
                <a:cs typeface="Meiryo UI"/>
              </a:rPr>
              <a:t>IoT</a:t>
            </a:r>
            <a:endParaRPr sz="700">
              <a:latin typeface="Meiryo UI"/>
              <a:cs typeface="Meiryo UI"/>
            </a:endParaRPr>
          </a:p>
        </p:txBody>
      </p:sp>
      <p:sp>
        <p:nvSpPr>
          <p:cNvPr id="50" name="object 50"/>
          <p:cNvSpPr txBox="1"/>
          <p:nvPr/>
        </p:nvSpPr>
        <p:spPr>
          <a:xfrm>
            <a:off x="4419563" y="3559649"/>
            <a:ext cx="206375" cy="133985"/>
          </a:xfrm>
          <a:prstGeom prst="rect">
            <a:avLst/>
          </a:prstGeom>
        </p:spPr>
        <p:txBody>
          <a:bodyPr vert="horz" wrap="square" lIns="0" tIns="13970" rIns="0" bIns="0" rtlCol="0">
            <a:spAutoFit/>
          </a:bodyPr>
          <a:lstStyle/>
          <a:p>
            <a:pPr marL="12700">
              <a:lnSpc>
                <a:spcPct val="100000"/>
              </a:lnSpc>
              <a:spcBef>
                <a:spcPts val="110"/>
              </a:spcBef>
            </a:pPr>
            <a:r>
              <a:rPr sz="700" spc="-25" dirty="0">
                <a:solidFill>
                  <a:srgbClr val="FFFFFF"/>
                </a:solidFill>
                <a:latin typeface="Meiryo UI"/>
                <a:cs typeface="Meiryo UI"/>
              </a:rPr>
              <a:t>量子</a:t>
            </a:r>
            <a:endParaRPr sz="700">
              <a:latin typeface="Meiryo UI"/>
              <a:cs typeface="Meiryo UI"/>
            </a:endParaRPr>
          </a:p>
        </p:txBody>
      </p:sp>
      <p:sp>
        <p:nvSpPr>
          <p:cNvPr id="51" name="object 51"/>
          <p:cNvSpPr txBox="1"/>
          <p:nvPr/>
        </p:nvSpPr>
        <p:spPr>
          <a:xfrm>
            <a:off x="2408567" y="3776211"/>
            <a:ext cx="343535" cy="150495"/>
          </a:xfrm>
          <a:prstGeom prst="rect">
            <a:avLst/>
          </a:prstGeom>
        </p:spPr>
        <p:txBody>
          <a:bodyPr vert="horz" wrap="square" lIns="0" tIns="15240" rIns="0" bIns="0" rtlCol="0">
            <a:spAutoFit/>
          </a:bodyPr>
          <a:lstStyle/>
          <a:p>
            <a:pPr marL="12700">
              <a:lnSpc>
                <a:spcPct val="100000"/>
              </a:lnSpc>
              <a:spcBef>
                <a:spcPts val="120"/>
              </a:spcBef>
            </a:pPr>
            <a:r>
              <a:rPr sz="800" spc="-15" dirty="0">
                <a:latin typeface="Meiryo UI"/>
                <a:cs typeface="Meiryo UI"/>
              </a:rPr>
              <a:t>スマート</a:t>
            </a:r>
            <a:endParaRPr sz="800">
              <a:latin typeface="Meiryo UI"/>
              <a:cs typeface="Meiryo UI"/>
            </a:endParaRPr>
          </a:p>
        </p:txBody>
      </p:sp>
      <p:sp>
        <p:nvSpPr>
          <p:cNvPr id="52" name="object 52"/>
          <p:cNvSpPr txBox="1"/>
          <p:nvPr/>
        </p:nvSpPr>
        <p:spPr>
          <a:xfrm>
            <a:off x="2391455" y="3900658"/>
            <a:ext cx="377190" cy="150495"/>
          </a:xfrm>
          <a:prstGeom prst="rect">
            <a:avLst/>
          </a:prstGeom>
        </p:spPr>
        <p:txBody>
          <a:bodyPr vert="horz" wrap="square" lIns="0" tIns="15240" rIns="0" bIns="0" rtlCol="0">
            <a:spAutoFit/>
          </a:bodyPr>
          <a:lstStyle/>
          <a:p>
            <a:pPr marL="12700">
              <a:lnSpc>
                <a:spcPct val="100000"/>
              </a:lnSpc>
              <a:spcBef>
                <a:spcPts val="120"/>
              </a:spcBef>
            </a:pPr>
            <a:r>
              <a:rPr sz="800" spc="-15" dirty="0">
                <a:latin typeface="Meiryo UI"/>
                <a:cs typeface="Meiryo UI"/>
              </a:rPr>
              <a:t>モビリティ</a:t>
            </a:r>
            <a:endParaRPr sz="800">
              <a:latin typeface="Meiryo UI"/>
              <a:cs typeface="Meiryo UI"/>
            </a:endParaRPr>
          </a:p>
        </p:txBody>
      </p:sp>
      <p:sp>
        <p:nvSpPr>
          <p:cNvPr id="53" name="object 53"/>
          <p:cNvSpPr txBox="1"/>
          <p:nvPr/>
        </p:nvSpPr>
        <p:spPr>
          <a:xfrm>
            <a:off x="2271669" y="4025106"/>
            <a:ext cx="619760" cy="274955"/>
          </a:xfrm>
          <a:prstGeom prst="rect">
            <a:avLst/>
          </a:prstGeom>
        </p:spPr>
        <p:txBody>
          <a:bodyPr vert="horz" wrap="square" lIns="0" tIns="12700" rIns="0" bIns="0" rtlCol="0">
            <a:spAutoFit/>
          </a:bodyPr>
          <a:lstStyle/>
          <a:p>
            <a:pPr marL="160020" marR="5080" indent="-147955">
              <a:lnSpc>
                <a:spcPct val="102099"/>
              </a:lnSpc>
              <a:spcBef>
                <a:spcPts val="100"/>
              </a:spcBef>
            </a:pPr>
            <a:r>
              <a:rPr sz="800" spc="-10" dirty="0">
                <a:latin typeface="Meiryo UI"/>
                <a:cs typeface="Meiryo UI"/>
              </a:rPr>
              <a:t>プラットフォーム</a:t>
            </a:r>
            <a:r>
              <a:rPr sz="800" spc="-20" dirty="0">
                <a:latin typeface="Meiryo UI"/>
                <a:cs typeface="Meiryo UI"/>
              </a:rPr>
              <a:t>の構築</a:t>
            </a:r>
            <a:endParaRPr sz="800">
              <a:latin typeface="Meiryo UI"/>
              <a:cs typeface="Meiryo UI"/>
            </a:endParaRPr>
          </a:p>
        </p:txBody>
      </p:sp>
      <p:sp>
        <p:nvSpPr>
          <p:cNvPr id="54" name="object 54"/>
          <p:cNvSpPr txBox="1"/>
          <p:nvPr/>
        </p:nvSpPr>
        <p:spPr>
          <a:xfrm>
            <a:off x="3607480" y="4305984"/>
            <a:ext cx="236220" cy="133985"/>
          </a:xfrm>
          <a:prstGeom prst="rect">
            <a:avLst/>
          </a:prstGeom>
        </p:spPr>
        <p:txBody>
          <a:bodyPr vert="horz" wrap="square" lIns="0" tIns="13970" rIns="0" bIns="0" rtlCol="0">
            <a:spAutoFit/>
          </a:bodyPr>
          <a:lstStyle/>
          <a:p>
            <a:pPr marL="12700">
              <a:lnSpc>
                <a:spcPct val="100000"/>
              </a:lnSpc>
              <a:spcBef>
                <a:spcPts val="110"/>
              </a:spcBef>
            </a:pPr>
            <a:r>
              <a:rPr sz="700" spc="-20" dirty="0">
                <a:solidFill>
                  <a:srgbClr val="FFFFFF"/>
                </a:solidFill>
                <a:latin typeface="Meiryo UI"/>
                <a:cs typeface="Meiryo UI"/>
              </a:rPr>
              <a:t>バイオ</a:t>
            </a:r>
            <a:endParaRPr sz="700">
              <a:latin typeface="Meiryo UI"/>
              <a:cs typeface="Meiryo UI"/>
            </a:endParaRPr>
          </a:p>
        </p:txBody>
      </p:sp>
      <p:sp>
        <p:nvSpPr>
          <p:cNvPr id="55" name="object 55"/>
          <p:cNvSpPr txBox="1"/>
          <p:nvPr/>
        </p:nvSpPr>
        <p:spPr>
          <a:xfrm>
            <a:off x="5115003" y="4326402"/>
            <a:ext cx="358140" cy="133985"/>
          </a:xfrm>
          <a:prstGeom prst="rect">
            <a:avLst/>
          </a:prstGeom>
        </p:spPr>
        <p:txBody>
          <a:bodyPr vert="horz" wrap="square" lIns="0" tIns="13970" rIns="0" bIns="0" rtlCol="0">
            <a:spAutoFit/>
          </a:bodyPr>
          <a:lstStyle/>
          <a:p>
            <a:pPr marL="12700">
              <a:lnSpc>
                <a:spcPct val="100000"/>
              </a:lnSpc>
              <a:spcBef>
                <a:spcPts val="110"/>
              </a:spcBef>
            </a:pPr>
            <a:r>
              <a:rPr sz="700" spc="-10" dirty="0">
                <a:solidFill>
                  <a:srgbClr val="FFFFFF"/>
                </a:solidFill>
                <a:latin typeface="Meiryo UI"/>
                <a:cs typeface="Meiryo UI"/>
              </a:rPr>
              <a:t>マテリアル</a:t>
            </a:r>
            <a:endParaRPr sz="700">
              <a:latin typeface="Meiryo UI"/>
              <a:cs typeface="Meiryo UI"/>
            </a:endParaRPr>
          </a:p>
        </p:txBody>
      </p:sp>
      <p:sp>
        <p:nvSpPr>
          <p:cNvPr id="56" name="object 56"/>
          <p:cNvSpPr txBox="1"/>
          <p:nvPr/>
        </p:nvSpPr>
        <p:spPr>
          <a:xfrm>
            <a:off x="3964378" y="3891102"/>
            <a:ext cx="1048385" cy="274955"/>
          </a:xfrm>
          <a:prstGeom prst="rect">
            <a:avLst/>
          </a:prstGeom>
        </p:spPr>
        <p:txBody>
          <a:bodyPr vert="horz" wrap="square" lIns="0" tIns="12700" rIns="0" bIns="0" rtlCol="0">
            <a:spAutoFit/>
          </a:bodyPr>
          <a:lstStyle/>
          <a:p>
            <a:pPr marL="21590" marR="5080" indent="-9525">
              <a:lnSpc>
                <a:spcPct val="102099"/>
              </a:lnSpc>
              <a:spcBef>
                <a:spcPts val="100"/>
              </a:spcBef>
            </a:pPr>
            <a:r>
              <a:rPr sz="800" spc="-5" dirty="0">
                <a:latin typeface="Meiryo UI"/>
                <a:cs typeface="Meiryo UI"/>
              </a:rPr>
              <a:t>先進的量子技術基盤の社会課題への応用促進</a:t>
            </a:r>
            <a:endParaRPr sz="800">
              <a:latin typeface="Meiryo UI"/>
              <a:cs typeface="Meiryo UI"/>
            </a:endParaRPr>
          </a:p>
        </p:txBody>
      </p:sp>
      <p:grpSp>
        <p:nvGrpSpPr>
          <p:cNvPr id="57" name="object 57"/>
          <p:cNvGrpSpPr/>
          <p:nvPr/>
        </p:nvGrpSpPr>
        <p:grpSpPr>
          <a:xfrm>
            <a:off x="3059081" y="2063843"/>
            <a:ext cx="2858135" cy="240029"/>
            <a:chOff x="3059081" y="2063843"/>
            <a:chExt cx="2858135" cy="240029"/>
          </a:xfrm>
        </p:grpSpPr>
        <p:pic>
          <p:nvPicPr>
            <p:cNvPr id="58" name="object 58"/>
            <p:cNvPicPr/>
            <p:nvPr/>
          </p:nvPicPr>
          <p:blipFill>
            <a:blip r:embed="rId6" cstate="print"/>
            <a:stretch>
              <a:fillRect/>
            </a:stretch>
          </p:blipFill>
          <p:spPr>
            <a:xfrm>
              <a:off x="3059081" y="2063843"/>
              <a:ext cx="1342522" cy="239555"/>
            </a:xfrm>
            <a:prstGeom prst="rect">
              <a:avLst/>
            </a:prstGeom>
          </p:spPr>
        </p:pic>
        <p:pic>
          <p:nvPicPr>
            <p:cNvPr id="59" name="object 59"/>
            <p:cNvPicPr/>
            <p:nvPr/>
          </p:nvPicPr>
          <p:blipFill>
            <a:blip r:embed="rId7" cstate="print"/>
            <a:stretch>
              <a:fillRect/>
            </a:stretch>
          </p:blipFill>
          <p:spPr>
            <a:xfrm>
              <a:off x="4255377" y="2063843"/>
              <a:ext cx="376464" cy="239555"/>
            </a:xfrm>
            <a:prstGeom prst="rect">
              <a:avLst/>
            </a:prstGeom>
          </p:spPr>
        </p:pic>
        <p:pic>
          <p:nvPicPr>
            <p:cNvPr id="60" name="object 60"/>
            <p:cNvPicPr/>
            <p:nvPr/>
          </p:nvPicPr>
          <p:blipFill>
            <a:blip r:embed="rId8" cstate="print"/>
            <a:stretch>
              <a:fillRect/>
            </a:stretch>
          </p:blipFill>
          <p:spPr>
            <a:xfrm>
              <a:off x="4485614" y="2063843"/>
              <a:ext cx="199122" cy="239555"/>
            </a:xfrm>
            <a:prstGeom prst="rect">
              <a:avLst/>
            </a:prstGeom>
          </p:spPr>
        </p:pic>
        <p:pic>
          <p:nvPicPr>
            <p:cNvPr id="61" name="object 61"/>
            <p:cNvPicPr/>
            <p:nvPr/>
          </p:nvPicPr>
          <p:blipFill>
            <a:blip r:embed="rId9" cstate="print"/>
            <a:stretch>
              <a:fillRect/>
            </a:stretch>
          </p:blipFill>
          <p:spPr>
            <a:xfrm>
              <a:off x="4538510" y="2063843"/>
              <a:ext cx="462024" cy="239555"/>
            </a:xfrm>
            <a:prstGeom prst="rect">
              <a:avLst/>
            </a:prstGeom>
          </p:spPr>
        </p:pic>
        <p:pic>
          <p:nvPicPr>
            <p:cNvPr id="62" name="object 62"/>
            <p:cNvPicPr/>
            <p:nvPr/>
          </p:nvPicPr>
          <p:blipFill>
            <a:blip r:embed="rId10" cstate="print"/>
            <a:stretch>
              <a:fillRect/>
            </a:stretch>
          </p:blipFill>
          <p:spPr>
            <a:xfrm>
              <a:off x="4854308" y="2063843"/>
              <a:ext cx="1062506" cy="239555"/>
            </a:xfrm>
            <a:prstGeom prst="rect">
              <a:avLst/>
            </a:prstGeom>
          </p:spPr>
        </p:pic>
      </p:grpSp>
      <p:sp>
        <p:nvSpPr>
          <p:cNvPr id="63" name="object 63"/>
          <p:cNvSpPr txBox="1"/>
          <p:nvPr/>
        </p:nvSpPr>
        <p:spPr>
          <a:xfrm>
            <a:off x="3113374" y="2087613"/>
            <a:ext cx="2737485" cy="150495"/>
          </a:xfrm>
          <a:prstGeom prst="rect">
            <a:avLst/>
          </a:prstGeom>
        </p:spPr>
        <p:txBody>
          <a:bodyPr vert="horz" wrap="square" lIns="0" tIns="15240" rIns="0" bIns="0" rtlCol="0">
            <a:spAutoFit/>
          </a:bodyPr>
          <a:lstStyle/>
          <a:p>
            <a:pPr marL="12700">
              <a:lnSpc>
                <a:spcPct val="100000"/>
              </a:lnSpc>
              <a:spcBef>
                <a:spcPts val="120"/>
              </a:spcBef>
            </a:pPr>
            <a:r>
              <a:rPr sz="800" spc="60" dirty="0">
                <a:solidFill>
                  <a:srgbClr val="7E5F00"/>
                </a:solidFill>
                <a:latin typeface="Meiryo UI"/>
                <a:cs typeface="Meiryo UI"/>
              </a:rPr>
              <a:t>一人ひとりの多様な幸せ</a:t>
            </a:r>
            <a:r>
              <a:rPr sz="800" spc="70" dirty="0">
                <a:solidFill>
                  <a:srgbClr val="7E5F00"/>
                </a:solidFill>
                <a:latin typeface="Meiryo UI"/>
                <a:cs typeface="Meiryo UI"/>
              </a:rPr>
              <a:t>（well-</a:t>
            </a:r>
            <a:r>
              <a:rPr sz="800" spc="65" dirty="0">
                <a:solidFill>
                  <a:srgbClr val="7E5F00"/>
                </a:solidFill>
                <a:latin typeface="Meiryo UI"/>
                <a:cs typeface="Meiryo UI"/>
              </a:rPr>
              <a:t>being）</a:t>
            </a:r>
            <a:r>
              <a:rPr sz="800" spc="55" dirty="0">
                <a:solidFill>
                  <a:srgbClr val="7E5F00"/>
                </a:solidFill>
                <a:latin typeface="Meiryo UI"/>
                <a:cs typeface="Meiryo UI"/>
              </a:rPr>
              <a:t>が実現できる社会</a:t>
            </a:r>
            <a:endParaRPr sz="800">
              <a:latin typeface="Meiryo UI"/>
              <a:cs typeface="Meiryo UI"/>
            </a:endParaRPr>
          </a:p>
        </p:txBody>
      </p:sp>
      <p:grpSp>
        <p:nvGrpSpPr>
          <p:cNvPr id="64" name="object 64"/>
          <p:cNvGrpSpPr/>
          <p:nvPr/>
        </p:nvGrpSpPr>
        <p:grpSpPr>
          <a:xfrm>
            <a:off x="3541333" y="2200734"/>
            <a:ext cx="1893570" cy="240029"/>
            <a:chOff x="3541333" y="2200734"/>
            <a:chExt cx="1893570" cy="240029"/>
          </a:xfrm>
        </p:grpSpPr>
        <p:pic>
          <p:nvPicPr>
            <p:cNvPr id="65" name="object 65"/>
            <p:cNvPicPr/>
            <p:nvPr/>
          </p:nvPicPr>
          <p:blipFill>
            <a:blip r:embed="rId11" cstate="print"/>
            <a:stretch>
              <a:fillRect/>
            </a:stretch>
          </p:blipFill>
          <p:spPr>
            <a:xfrm>
              <a:off x="3541333" y="2200734"/>
              <a:ext cx="206901" cy="239557"/>
            </a:xfrm>
            <a:prstGeom prst="rect">
              <a:avLst/>
            </a:prstGeom>
          </p:spPr>
        </p:pic>
        <p:pic>
          <p:nvPicPr>
            <p:cNvPr id="66" name="object 66"/>
            <p:cNvPicPr/>
            <p:nvPr/>
          </p:nvPicPr>
          <p:blipFill>
            <a:blip r:embed="rId12" cstate="print"/>
            <a:stretch>
              <a:fillRect/>
            </a:stretch>
          </p:blipFill>
          <p:spPr>
            <a:xfrm>
              <a:off x="3602003" y="2200734"/>
              <a:ext cx="1182289" cy="239557"/>
            </a:xfrm>
            <a:prstGeom prst="rect">
              <a:avLst/>
            </a:prstGeom>
          </p:spPr>
        </p:pic>
        <p:pic>
          <p:nvPicPr>
            <p:cNvPr id="67" name="object 67"/>
            <p:cNvPicPr/>
            <p:nvPr/>
          </p:nvPicPr>
          <p:blipFill>
            <a:blip r:embed="rId13" cstate="print"/>
            <a:stretch>
              <a:fillRect/>
            </a:stretch>
          </p:blipFill>
          <p:spPr>
            <a:xfrm>
              <a:off x="4638068" y="2200734"/>
              <a:ext cx="217789" cy="239557"/>
            </a:xfrm>
            <a:prstGeom prst="rect">
              <a:avLst/>
            </a:prstGeom>
          </p:spPr>
        </p:pic>
        <p:pic>
          <p:nvPicPr>
            <p:cNvPr id="68" name="object 68"/>
            <p:cNvPicPr/>
            <p:nvPr/>
          </p:nvPicPr>
          <p:blipFill>
            <a:blip r:embed="rId14" cstate="print"/>
            <a:stretch>
              <a:fillRect/>
            </a:stretch>
          </p:blipFill>
          <p:spPr>
            <a:xfrm>
              <a:off x="4709629" y="2200734"/>
              <a:ext cx="258236" cy="239557"/>
            </a:xfrm>
            <a:prstGeom prst="rect">
              <a:avLst/>
            </a:prstGeom>
          </p:spPr>
        </p:pic>
        <p:pic>
          <p:nvPicPr>
            <p:cNvPr id="69" name="object 69"/>
            <p:cNvPicPr/>
            <p:nvPr/>
          </p:nvPicPr>
          <p:blipFill>
            <a:blip r:embed="rId15" cstate="print"/>
            <a:stretch>
              <a:fillRect/>
            </a:stretch>
          </p:blipFill>
          <p:spPr>
            <a:xfrm>
              <a:off x="4821634" y="2200734"/>
              <a:ext cx="441804" cy="239557"/>
            </a:xfrm>
            <a:prstGeom prst="rect">
              <a:avLst/>
            </a:prstGeom>
          </p:spPr>
        </p:pic>
        <p:pic>
          <p:nvPicPr>
            <p:cNvPr id="70" name="object 70"/>
            <p:cNvPicPr/>
            <p:nvPr/>
          </p:nvPicPr>
          <p:blipFill>
            <a:blip r:embed="rId16" cstate="print"/>
            <a:stretch>
              <a:fillRect/>
            </a:stretch>
          </p:blipFill>
          <p:spPr>
            <a:xfrm>
              <a:off x="5117211" y="2200734"/>
              <a:ext cx="317347" cy="239557"/>
            </a:xfrm>
            <a:prstGeom prst="rect">
              <a:avLst/>
            </a:prstGeom>
          </p:spPr>
        </p:pic>
      </p:grpSp>
      <p:sp>
        <p:nvSpPr>
          <p:cNvPr id="71" name="object 71"/>
          <p:cNvSpPr txBox="1"/>
          <p:nvPr/>
        </p:nvSpPr>
        <p:spPr>
          <a:xfrm>
            <a:off x="3595627" y="2224505"/>
            <a:ext cx="1773555" cy="150495"/>
          </a:xfrm>
          <a:prstGeom prst="rect">
            <a:avLst/>
          </a:prstGeom>
        </p:spPr>
        <p:txBody>
          <a:bodyPr vert="horz" wrap="square" lIns="0" tIns="15240" rIns="0" bIns="0" rtlCol="0">
            <a:spAutoFit/>
          </a:bodyPr>
          <a:lstStyle/>
          <a:p>
            <a:pPr marL="12700">
              <a:lnSpc>
                <a:spcPct val="100000"/>
              </a:lnSpc>
              <a:spcBef>
                <a:spcPts val="120"/>
              </a:spcBef>
            </a:pPr>
            <a:r>
              <a:rPr sz="800" spc="65" dirty="0">
                <a:solidFill>
                  <a:srgbClr val="7E5F00"/>
                </a:solidFill>
                <a:latin typeface="Meiryo UI"/>
                <a:cs typeface="Meiryo UI"/>
              </a:rPr>
              <a:t>【科技イノベ基本計画第</a:t>
            </a:r>
            <a:r>
              <a:rPr sz="800" spc="55" dirty="0">
                <a:solidFill>
                  <a:srgbClr val="7E5F00"/>
                </a:solidFill>
                <a:latin typeface="Meiryo UI"/>
                <a:cs typeface="Meiryo UI"/>
              </a:rPr>
              <a:t>1</a:t>
            </a:r>
            <a:r>
              <a:rPr sz="800" spc="75" dirty="0">
                <a:solidFill>
                  <a:srgbClr val="7E5F00"/>
                </a:solidFill>
                <a:latin typeface="Meiryo UI"/>
                <a:cs typeface="Meiryo UI"/>
              </a:rPr>
              <a:t>章</a:t>
            </a:r>
            <a:r>
              <a:rPr sz="800" spc="65" dirty="0">
                <a:solidFill>
                  <a:srgbClr val="7E5F00"/>
                </a:solidFill>
                <a:latin typeface="Meiryo UI"/>
                <a:cs typeface="Meiryo UI"/>
              </a:rPr>
              <a:t>3.(1</a:t>
            </a:r>
            <a:r>
              <a:rPr sz="800" spc="45" dirty="0">
                <a:solidFill>
                  <a:srgbClr val="7E5F00"/>
                </a:solidFill>
                <a:latin typeface="Meiryo UI"/>
                <a:cs typeface="Meiryo UI"/>
              </a:rPr>
              <a:t>)②】</a:t>
            </a:r>
            <a:endParaRPr sz="800">
              <a:latin typeface="Meiryo UI"/>
              <a:cs typeface="Meiryo UI"/>
            </a:endParaRPr>
          </a:p>
        </p:txBody>
      </p:sp>
      <p:grpSp>
        <p:nvGrpSpPr>
          <p:cNvPr id="72" name="object 72"/>
          <p:cNvGrpSpPr/>
          <p:nvPr/>
        </p:nvGrpSpPr>
        <p:grpSpPr>
          <a:xfrm>
            <a:off x="3346881" y="5649480"/>
            <a:ext cx="2559050" cy="375285"/>
            <a:chOff x="3346881" y="5649480"/>
            <a:chExt cx="2559050" cy="375285"/>
          </a:xfrm>
        </p:grpSpPr>
        <p:pic>
          <p:nvPicPr>
            <p:cNvPr id="73" name="object 73"/>
            <p:cNvPicPr/>
            <p:nvPr/>
          </p:nvPicPr>
          <p:blipFill>
            <a:blip r:embed="rId17" cstate="print"/>
            <a:stretch>
              <a:fillRect/>
            </a:stretch>
          </p:blipFill>
          <p:spPr>
            <a:xfrm>
              <a:off x="3346881" y="5649480"/>
              <a:ext cx="2559042" cy="239558"/>
            </a:xfrm>
            <a:prstGeom prst="rect">
              <a:avLst/>
            </a:prstGeom>
          </p:spPr>
        </p:pic>
        <p:pic>
          <p:nvPicPr>
            <p:cNvPr id="74" name="object 74"/>
            <p:cNvPicPr/>
            <p:nvPr/>
          </p:nvPicPr>
          <p:blipFill>
            <a:blip r:embed="rId18" cstate="print"/>
            <a:stretch>
              <a:fillRect/>
            </a:stretch>
          </p:blipFill>
          <p:spPr>
            <a:xfrm>
              <a:off x="3679786" y="5786374"/>
              <a:ext cx="206895" cy="238010"/>
            </a:xfrm>
            <a:prstGeom prst="rect">
              <a:avLst/>
            </a:prstGeom>
          </p:spPr>
        </p:pic>
        <p:pic>
          <p:nvPicPr>
            <p:cNvPr id="75" name="object 75"/>
            <p:cNvPicPr/>
            <p:nvPr/>
          </p:nvPicPr>
          <p:blipFill>
            <a:blip r:embed="rId19" cstate="print"/>
            <a:stretch>
              <a:fillRect/>
            </a:stretch>
          </p:blipFill>
          <p:spPr>
            <a:xfrm>
              <a:off x="3740456" y="5786374"/>
              <a:ext cx="1182292" cy="238010"/>
            </a:xfrm>
            <a:prstGeom prst="rect">
              <a:avLst/>
            </a:prstGeom>
          </p:spPr>
        </p:pic>
        <p:pic>
          <p:nvPicPr>
            <p:cNvPr id="76" name="object 76"/>
            <p:cNvPicPr/>
            <p:nvPr/>
          </p:nvPicPr>
          <p:blipFill>
            <a:blip r:embed="rId20" cstate="print"/>
            <a:stretch>
              <a:fillRect/>
            </a:stretch>
          </p:blipFill>
          <p:spPr>
            <a:xfrm>
              <a:off x="4776520" y="5786374"/>
              <a:ext cx="217791" cy="238010"/>
            </a:xfrm>
            <a:prstGeom prst="rect">
              <a:avLst/>
            </a:prstGeom>
          </p:spPr>
        </p:pic>
        <p:pic>
          <p:nvPicPr>
            <p:cNvPr id="77" name="object 77"/>
            <p:cNvPicPr/>
            <p:nvPr/>
          </p:nvPicPr>
          <p:blipFill>
            <a:blip r:embed="rId21" cstate="print"/>
            <a:stretch>
              <a:fillRect/>
            </a:stretch>
          </p:blipFill>
          <p:spPr>
            <a:xfrm>
              <a:off x="4848085" y="5786374"/>
              <a:ext cx="258233" cy="238010"/>
            </a:xfrm>
            <a:prstGeom prst="rect">
              <a:avLst/>
            </a:prstGeom>
          </p:spPr>
        </p:pic>
        <p:pic>
          <p:nvPicPr>
            <p:cNvPr id="78" name="object 78"/>
            <p:cNvPicPr/>
            <p:nvPr/>
          </p:nvPicPr>
          <p:blipFill>
            <a:blip r:embed="rId22" cstate="print"/>
            <a:stretch>
              <a:fillRect/>
            </a:stretch>
          </p:blipFill>
          <p:spPr>
            <a:xfrm>
              <a:off x="4960087" y="5786374"/>
              <a:ext cx="441805" cy="238010"/>
            </a:xfrm>
            <a:prstGeom prst="rect">
              <a:avLst/>
            </a:prstGeom>
          </p:spPr>
        </p:pic>
        <p:pic>
          <p:nvPicPr>
            <p:cNvPr id="79" name="object 79"/>
            <p:cNvPicPr/>
            <p:nvPr/>
          </p:nvPicPr>
          <p:blipFill>
            <a:blip r:embed="rId23" cstate="print"/>
            <a:stretch>
              <a:fillRect/>
            </a:stretch>
          </p:blipFill>
          <p:spPr>
            <a:xfrm>
              <a:off x="5255666" y="5786374"/>
              <a:ext cx="258233" cy="238010"/>
            </a:xfrm>
            <a:prstGeom prst="rect">
              <a:avLst/>
            </a:prstGeom>
          </p:spPr>
        </p:pic>
        <p:pic>
          <p:nvPicPr>
            <p:cNvPr id="80" name="object 80"/>
            <p:cNvPicPr/>
            <p:nvPr/>
          </p:nvPicPr>
          <p:blipFill>
            <a:blip r:embed="rId24" cstate="print"/>
            <a:stretch>
              <a:fillRect/>
            </a:stretch>
          </p:blipFill>
          <p:spPr>
            <a:xfrm>
              <a:off x="5367669" y="5786374"/>
              <a:ext cx="205344" cy="238010"/>
            </a:xfrm>
            <a:prstGeom prst="rect">
              <a:avLst/>
            </a:prstGeom>
          </p:spPr>
        </p:pic>
      </p:grpSp>
      <p:sp>
        <p:nvSpPr>
          <p:cNvPr id="81" name="object 81"/>
          <p:cNvSpPr txBox="1"/>
          <p:nvPr/>
        </p:nvSpPr>
        <p:spPr>
          <a:xfrm>
            <a:off x="3400968" y="5661011"/>
            <a:ext cx="2439035" cy="299720"/>
          </a:xfrm>
          <a:prstGeom prst="rect">
            <a:avLst/>
          </a:prstGeom>
        </p:spPr>
        <p:txBody>
          <a:bodyPr vert="horz" wrap="square" lIns="0" tIns="26670" rIns="0" bIns="0" rtlCol="0">
            <a:spAutoFit/>
          </a:bodyPr>
          <a:lstStyle/>
          <a:p>
            <a:pPr algn="ctr">
              <a:lnSpc>
                <a:spcPct val="100000"/>
              </a:lnSpc>
              <a:spcBef>
                <a:spcPts val="210"/>
              </a:spcBef>
            </a:pPr>
            <a:r>
              <a:rPr sz="800" spc="55" dirty="0">
                <a:solidFill>
                  <a:srgbClr val="538235"/>
                </a:solidFill>
                <a:latin typeface="Meiryo UI"/>
                <a:cs typeface="Meiryo UI"/>
              </a:rPr>
              <a:t>国民の安全と安心を確保する持続可能で強靭な社会</a:t>
            </a:r>
            <a:endParaRPr sz="800">
              <a:latin typeface="Meiryo UI"/>
              <a:cs typeface="Meiryo UI"/>
            </a:endParaRPr>
          </a:p>
          <a:p>
            <a:pPr algn="ctr">
              <a:lnSpc>
                <a:spcPct val="100000"/>
              </a:lnSpc>
              <a:spcBef>
                <a:spcPts val="120"/>
              </a:spcBef>
            </a:pPr>
            <a:r>
              <a:rPr sz="800" spc="65" dirty="0">
                <a:solidFill>
                  <a:srgbClr val="538235"/>
                </a:solidFill>
                <a:latin typeface="Meiryo UI"/>
                <a:cs typeface="Meiryo UI"/>
              </a:rPr>
              <a:t>【科技イノベ基本計画第</a:t>
            </a:r>
            <a:r>
              <a:rPr sz="800" spc="55" dirty="0">
                <a:solidFill>
                  <a:srgbClr val="538235"/>
                </a:solidFill>
                <a:latin typeface="Meiryo UI"/>
                <a:cs typeface="Meiryo UI"/>
              </a:rPr>
              <a:t>1</a:t>
            </a:r>
            <a:r>
              <a:rPr sz="800" spc="75" dirty="0">
                <a:solidFill>
                  <a:srgbClr val="538235"/>
                </a:solidFill>
                <a:latin typeface="Meiryo UI"/>
                <a:cs typeface="Meiryo UI"/>
              </a:rPr>
              <a:t>章</a:t>
            </a:r>
            <a:r>
              <a:rPr sz="800" spc="65" dirty="0">
                <a:solidFill>
                  <a:srgbClr val="538235"/>
                </a:solidFill>
                <a:latin typeface="Meiryo UI"/>
                <a:cs typeface="Meiryo UI"/>
              </a:rPr>
              <a:t>3.(1</a:t>
            </a:r>
            <a:r>
              <a:rPr sz="800" spc="25" dirty="0">
                <a:solidFill>
                  <a:srgbClr val="538235"/>
                </a:solidFill>
                <a:latin typeface="Meiryo UI"/>
                <a:cs typeface="Meiryo UI"/>
              </a:rPr>
              <a:t>)①】</a:t>
            </a:r>
            <a:endParaRPr sz="800">
              <a:latin typeface="Meiryo UI"/>
              <a:cs typeface="Meiryo UI"/>
            </a:endParaRPr>
          </a:p>
        </p:txBody>
      </p:sp>
      <p:grpSp>
        <p:nvGrpSpPr>
          <p:cNvPr id="82" name="object 82"/>
          <p:cNvGrpSpPr/>
          <p:nvPr/>
        </p:nvGrpSpPr>
        <p:grpSpPr>
          <a:xfrm>
            <a:off x="1767419" y="2441854"/>
            <a:ext cx="5476875" cy="3131820"/>
            <a:chOff x="1767419" y="2441854"/>
            <a:chExt cx="5476875" cy="3131820"/>
          </a:xfrm>
        </p:grpSpPr>
        <p:sp>
          <p:nvSpPr>
            <p:cNvPr id="83" name="object 83"/>
            <p:cNvSpPr/>
            <p:nvPr/>
          </p:nvSpPr>
          <p:spPr>
            <a:xfrm>
              <a:off x="1784247" y="3117268"/>
              <a:ext cx="449580" cy="1854200"/>
            </a:xfrm>
            <a:custGeom>
              <a:avLst/>
              <a:gdLst/>
              <a:ahLst/>
              <a:cxnLst/>
              <a:rect l="l" t="t" r="r" b="b"/>
              <a:pathLst>
                <a:path w="449580" h="1854200">
                  <a:moveTo>
                    <a:pt x="449264" y="1853753"/>
                  </a:moveTo>
                  <a:lnTo>
                    <a:pt x="411306" y="1816891"/>
                  </a:lnTo>
                  <a:lnTo>
                    <a:pt x="375023" y="1779579"/>
                  </a:lnTo>
                  <a:lnTo>
                    <a:pt x="340414" y="1741837"/>
                  </a:lnTo>
                  <a:lnTo>
                    <a:pt x="307479" y="1703686"/>
                  </a:lnTo>
                  <a:lnTo>
                    <a:pt x="276219" y="1665144"/>
                  </a:lnTo>
                  <a:lnTo>
                    <a:pt x="246633" y="1626234"/>
                  </a:lnTo>
                  <a:lnTo>
                    <a:pt x="218722" y="1586975"/>
                  </a:lnTo>
                  <a:lnTo>
                    <a:pt x="192486" y="1547387"/>
                  </a:lnTo>
                  <a:lnTo>
                    <a:pt x="167925" y="1507491"/>
                  </a:lnTo>
                  <a:lnTo>
                    <a:pt x="145038" y="1467307"/>
                  </a:lnTo>
                  <a:lnTo>
                    <a:pt x="123827" y="1426855"/>
                  </a:lnTo>
                  <a:lnTo>
                    <a:pt x="104291" y="1386155"/>
                  </a:lnTo>
                  <a:lnTo>
                    <a:pt x="86431" y="1345229"/>
                  </a:lnTo>
                  <a:lnTo>
                    <a:pt x="70246" y="1304095"/>
                  </a:lnTo>
                  <a:lnTo>
                    <a:pt x="55736" y="1262775"/>
                  </a:lnTo>
                  <a:lnTo>
                    <a:pt x="42903" y="1221289"/>
                  </a:lnTo>
                  <a:lnTo>
                    <a:pt x="31745" y="1179657"/>
                  </a:lnTo>
                  <a:lnTo>
                    <a:pt x="22264" y="1137899"/>
                  </a:lnTo>
                  <a:lnTo>
                    <a:pt x="14458" y="1096035"/>
                  </a:lnTo>
                  <a:lnTo>
                    <a:pt x="8329" y="1054086"/>
                  </a:lnTo>
                  <a:lnTo>
                    <a:pt x="3876" y="1012073"/>
                  </a:lnTo>
                  <a:lnTo>
                    <a:pt x="1099" y="970015"/>
                  </a:lnTo>
                  <a:lnTo>
                    <a:pt x="0" y="927932"/>
                  </a:lnTo>
                  <a:lnTo>
                    <a:pt x="576" y="885846"/>
                  </a:lnTo>
                  <a:lnTo>
                    <a:pt x="2830" y="843776"/>
                  </a:lnTo>
                  <a:lnTo>
                    <a:pt x="6761" y="801743"/>
                  </a:lnTo>
                  <a:lnTo>
                    <a:pt x="12369" y="759766"/>
                  </a:lnTo>
                  <a:lnTo>
                    <a:pt x="19654" y="717867"/>
                  </a:lnTo>
                  <a:lnTo>
                    <a:pt x="28616" y="676065"/>
                  </a:lnTo>
                  <a:lnTo>
                    <a:pt x="39256" y="634380"/>
                  </a:lnTo>
                  <a:lnTo>
                    <a:pt x="51573" y="592834"/>
                  </a:lnTo>
                  <a:lnTo>
                    <a:pt x="65568" y="551446"/>
                  </a:lnTo>
                  <a:lnTo>
                    <a:pt x="81241" y="510237"/>
                  </a:lnTo>
                  <a:lnTo>
                    <a:pt x="98592" y="469226"/>
                  </a:lnTo>
                  <a:lnTo>
                    <a:pt x="117621" y="428435"/>
                  </a:lnTo>
                  <a:lnTo>
                    <a:pt x="138328" y="387883"/>
                  </a:lnTo>
                  <a:lnTo>
                    <a:pt x="160714" y="347591"/>
                  </a:lnTo>
                  <a:lnTo>
                    <a:pt x="184778" y="307579"/>
                  </a:lnTo>
                  <a:lnTo>
                    <a:pt x="210520" y="267868"/>
                  </a:lnTo>
                  <a:lnTo>
                    <a:pt x="237941" y="228477"/>
                  </a:lnTo>
                  <a:lnTo>
                    <a:pt x="267041" y="189426"/>
                  </a:lnTo>
                  <a:lnTo>
                    <a:pt x="297820" y="150738"/>
                  </a:lnTo>
                  <a:lnTo>
                    <a:pt x="330278" y="112430"/>
                  </a:lnTo>
                  <a:lnTo>
                    <a:pt x="364415" y="74524"/>
                  </a:lnTo>
                  <a:lnTo>
                    <a:pt x="400231" y="37041"/>
                  </a:lnTo>
                  <a:lnTo>
                    <a:pt x="437727" y="0"/>
                  </a:lnTo>
                </a:path>
              </a:pathLst>
            </a:custGeom>
            <a:ln w="33446">
              <a:solidFill>
                <a:srgbClr val="5B9BD4"/>
              </a:solidFill>
            </a:ln>
          </p:spPr>
          <p:txBody>
            <a:bodyPr wrap="square" lIns="0" tIns="0" rIns="0" bIns="0" rtlCol="0"/>
            <a:lstStyle/>
            <a:p>
              <a:endParaRPr/>
            </a:p>
          </p:txBody>
        </p:sp>
        <p:sp>
          <p:nvSpPr>
            <p:cNvPr id="84" name="object 84"/>
            <p:cNvSpPr/>
            <p:nvPr/>
          </p:nvSpPr>
          <p:spPr>
            <a:xfrm>
              <a:off x="2091915" y="3115800"/>
              <a:ext cx="132080" cy="129539"/>
            </a:xfrm>
            <a:custGeom>
              <a:avLst/>
              <a:gdLst/>
              <a:ahLst/>
              <a:cxnLst/>
              <a:rect l="l" t="t" r="r" b="b"/>
              <a:pathLst>
                <a:path w="132080" h="129539">
                  <a:moveTo>
                    <a:pt x="0" y="30315"/>
                  </a:moveTo>
                  <a:lnTo>
                    <a:pt x="131626" y="0"/>
                  </a:lnTo>
                  <a:lnTo>
                    <a:pt x="93225" y="129495"/>
                  </a:lnTo>
                </a:path>
              </a:pathLst>
            </a:custGeom>
            <a:ln w="33446">
              <a:solidFill>
                <a:srgbClr val="5B9BD4"/>
              </a:solidFill>
            </a:ln>
          </p:spPr>
          <p:txBody>
            <a:bodyPr wrap="square" lIns="0" tIns="0" rIns="0" bIns="0" rtlCol="0"/>
            <a:lstStyle/>
            <a:p>
              <a:endParaRPr/>
            </a:p>
          </p:txBody>
        </p:sp>
        <p:sp>
          <p:nvSpPr>
            <p:cNvPr id="85" name="object 85"/>
            <p:cNvSpPr/>
            <p:nvPr/>
          </p:nvSpPr>
          <p:spPr>
            <a:xfrm>
              <a:off x="2102861" y="4842965"/>
              <a:ext cx="132080" cy="129539"/>
            </a:xfrm>
            <a:custGeom>
              <a:avLst/>
              <a:gdLst/>
              <a:ahLst/>
              <a:cxnLst/>
              <a:rect l="l" t="t" r="r" b="b"/>
              <a:pathLst>
                <a:path w="132080" h="129539">
                  <a:moveTo>
                    <a:pt x="92412" y="0"/>
                  </a:moveTo>
                  <a:lnTo>
                    <a:pt x="131873" y="129177"/>
                  </a:lnTo>
                  <a:lnTo>
                    <a:pt x="0" y="99940"/>
                  </a:lnTo>
                </a:path>
              </a:pathLst>
            </a:custGeom>
            <a:ln w="33447">
              <a:solidFill>
                <a:srgbClr val="5B9BD4"/>
              </a:solidFill>
            </a:ln>
          </p:spPr>
          <p:txBody>
            <a:bodyPr wrap="square" lIns="0" tIns="0" rIns="0" bIns="0" rtlCol="0"/>
            <a:lstStyle/>
            <a:p>
              <a:endParaRPr/>
            </a:p>
          </p:txBody>
        </p:sp>
        <p:pic>
          <p:nvPicPr>
            <p:cNvPr id="86" name="object 86"/>
            <p:cNvPicPr/>
            <p:nvPr/>
          </p:nvPicPr>
          <p:blipFill>
            <a:blip r:embed="rId25" cstate="print"/>
            <a:stretch>
              <a:fillRect/>
            </a:stretch>
          </p:blipFill>
          <p:spPr>
            <a:xfrm>
              <a:off x="3298670" y="2441854"/>
              <a:ext cx="3945480" cy="2807696"/>
            </a:xfrm>
            <a:prstGeom prst="rect">
              <a:avLst/>
            </a:prstGeom>
          </p:spPr>
        </p:pic>
        <p:pic>
          <p:nvPicPr>
            <p:cNvPr id="87" name="object 87"/>
            <p:cNvPicPr/>
            <p:nvPr/>
          </p:nvPicPr>
          <p:blipFill>
            <a:blip r:embed="rId26" cstate="print"/>
            <a:stretch>
              <a:fillRect/>
            </a:stretch>
          </p:blipFill>
          <p:spPr>
            <a:xfrm>
              <a:off x="2131910" y="3820096"/>
              <a:ext cx="136893" cy="334454"/>
            </a:xfrm>
            <a:prstGeom prst="rect">
              <a:avLst/>
            </a:prstGeom>
          </p:spPr>
        </p:pic>
        <p:sp>
          <p:nvSpPr>
            <p:cNvPr id="88" name="object 88"/>
            <p:cNvSpPr/>
            <p:nvPr/>
          </p:nvSpPr>
          <p:spPr>
            <a:xfrm>
              <a:off x="2131912" y="3820102"/>
              <a:ext cx="137160" cy="334645"/>
            </a:xfrm>
            <a:custGeom>
              <a:avLst/>
              <a:gdLst/>
              <a:ahLst/>
              <a:cxnLst/>
              <a:rect l="l" t="t" r="r" b="b"/>
              <a:pathLst>
                <a:path w="137160" h="334645">
                  <a:moveTo>
                    <a:pt x="47545" y="334453"/>
                  </a:moveTo>
                  <a:lnTo>
                    <a:pt x="0" y="167226"/>
                  </a:lnTo>
                  <a:lnTo>
                    <a:pt x="47545" y="0"/>
                  </a:lnTo>
                  <a:lnTo>
                    <a:pt x="47545" y="83613"/>
                  </a:lnTo>
                  <a:lnTo>
                    <a:pt x="89347" y="83613"/>
                  </a:lnTo>
                  <a:lnTo>
                    <a:pt x="89347" y="0"/>
                  </a:lnTo>
                  <a:lnTo>
                    <a:pt x="136892" y="167226"/>
                  </a:lnTo>
                  <a:lnTo>
                    <a:pt x="89347" y="334453"/>
                  </a:lnTo>
                  <a:lnTo>
                    <a:pt x="89347" y="250840"/>
                  </a:lnTo>
                  <a:lnTo>
                    <a:pt x="47545" y="250840"/>
                  </a:lnTo>
                  <a:lnTo>
                    <a:pt x="47545" y="334453"/>
                  </a:lnTo>
                  <a:close/>
                </a:path>
              </a:pathLst>
            </a:custGeom>
            <a:ln w="6222">
              <a:solidFill>
                <a:srgbClr val="EC7C30"/>
              </a:solidFill>
            </a:ln>
          </p:spPr>
          <p:txBody>
            <a:bodyPr wrap="square" lIns="0" tIns="0" rIns="0" bIns="0" rtlCol="0"/>
            <a:lstStyle/>
            <a:p>
              <a:endParaRPr/>
            </a:p>
          </p:txBody>
        </p:sp>
        <p:pic>
          <p:nvPicPr>
            <p:cNvPr id="89" name="object 89"/>
            <p:cNvPicPr/>
            <p:nvPr/>
          </p:nvPicPr>
          <p:blipFill>
            <a:blip r:embed="rId27" cstate="print"/>
            <a:stretch>
              <a:fillRect/>
            </a:stretch>
          </p:blipFill>
          <p:spPr>
            <a:xfrm>
              <a:off x="2667614" y="2835415"/>
              <a:ext cx="347899" cy="304895"/>
            </a:xfrm>
            <a:prstGeom prst="rect">
              <a:avLst/>
            </a:prstGeom>
          </p:spPr>
        </p:pic>
        <p:pic>
          <p:nvPicPr>
            <p:cNvPr id="90" name="object 90"/>
            <p:cNvPicPr/>
            <p:nvPr/>
          </p:nvPicPr>
          <p:blipFill>
            <a:blip r:embed="rId28" cstate="print"/>
            <a:stretch>
              <a:fillRect/>
            </a:stretch>
          </p:blipFill>
          <p:spPr>
            <a:xfrm>
              <a:off x="6857987" y="3885437"/>
              <a:ext cx="136893" cy="334454"/>
            </a:xfrm>
            <a:prstGeom prst="rect">
              <a:avLst/>
            </a:prstGeom>
          </p:spPr>
        </p:pic>
        <p:sp>
          <p:nvSpPr>
            <p:cNvPr id="91" name="object 91"/>
            <p:cNvSpPr/>
            <p:nvPr/>
          </p:nvSpPr>
          <p:spPr>
            <a:xfrm>
              <a:off x="6857983" y="3885437"/>
              <a:ext cx="137160" cy="334645"/>
            </a:xfrm>
            <a:custGeom>
              <a:avLst/>
              <a:gdLst/>
              <a:ahLst/>
              <a:cxnLst/>
              <a:rect l="l" t="t" r="r" b="b"/>
              <a:pathLst>
                <a:path w="137159" h="334645">
                  <a:moveTo>
                    <a:pt x="47545" y="334453"/>
                  </a:moveTo>
                  <a:lnTo>
                    <a:pt x="0" y="167226"/>
                  </a:lnTo>
                  <a:lnTo>
                    <a:pt x="47545" y="0"/>
                  </a:lnTo>
                  <a:lnTo>
                    <a:pt x="47545" y="83613"/>
                  </a:lnTo>
                  <a:lnTo>
                    <a:pt x="89347" y="83613"/>
                  </a:lnTo>
                  <a:lnTo>
                    <a:pt x="89347" y="0"/>
                  </a:lnTo>
                  <a:lnTo>
                    <a:pt x="136892" y="167226"/>
                  </a:lnTo>
                  <a:lnTo>
                    <a:pt x="89347" y="334453"/>
                  </a:lnTo>
                  <a:lnTo>
                    <a:pt x="89347" y="250840"/>
                  </a:lnTo>
                  <a:lnTo>
                    <a:pt x="47545" y="250840"/>
                  </a:lnTo>
                  <a:lnTo>
                    <a:pt x="47545" y="334453"/>
                  </a:lnTo>
                  <a:close/>
                </a:path>
              </a:pathLst>
            </a:custGeom>
            <a:ln w="6222">
              <a:solidFill>
                <a:srgbClr val="EC7C30"/>
              </a:solidFill>
            </a:ln>
          </p:spPr>
          <p:txBody>
            <a:bodyPr wrap="square" lIns="0" tIns="0" rIns="0" bIns="0" rtlCol="0"/>
            <a:lstStyle/>
            <a:p>
              <a:endParaRPr/>
            </a:p>
          </p:txBody>
        </p:sp>
        <p:pic>
          <p:nvPicPr>
            <p:cNvPr id="92" name="object 92"/>
            <p:cNvPicPr/>
            <p:nvPr/>
          </p:nvPicPr>
          <p:blipFill>
            <a:blip r:embed="rId29" cstate="print"/>
            <a:stretch>
              <a:fillRect/>
            </a:stretch>
          </p:blipFill>
          <p:spPr>
            <a:xfrm>
              <a:off x="2746702" y="2909661"/>
              <a:ext cx="158895" cy="138742"/>
            </a:xfrm>
            <a:prstGeom prst="rect">
              <a:avLst/>
            </a:prstGeom>
          </p:spPr>
        </p:pic>
        <p:pic>
          <p:nvPicPr>
            <p:cNvPr id="93" name="object 93"/>
            <p:cNvPicPr/>
            <p:nvPr/>
          </p:nvPicPr>
          <p:blipFill>
            <a:blip r:embed="rId30" cstate="print"/>
            <a:stretch>
              <a:fillRect/>
            </a:stretch>
          </p:blipFill>
          <p:spPr>
            <a:xfrm>
              <a:off x="4923686" y="2522742"/>
              <a:ext cx="341748" cy="214666"/>
            </a:xfrm>
            <a:prstGeom prst="rect">
              <a:avLst/>
            </a:prstGeom>
          </p:spPr>
        </p:pic>
        <p:pic>
          <p:nvPicPr>
            <p:cNvPr id="94" name="object 94"/>
            <p:cNvPicPr/>
            <p:nvPr/>
          </p:nvPicPr>
          <p:blipFill>
            <a:blip r:embed="rId31" cstate="print"/>
            <a:stretch>
              <a:fillRect/>
            </a:stretch>
          </p:blipFill>
          <p:spPr>
            <a:xfrm>
              <a:off x="3660477" y="2496299"/>
              <a:ext cx="342879" cy="241114"/>
            </a:xfrm>
            <a:prstGeom prst="rect">
              <a:avLst/>
            </a:prstGeom>
          </p:spPr>
        </p:pic>
        <p:pic>
          <p:nvPicPr>
            <p:cNvPr id="95" name="object 95"/>
            <p:cNvPicPr/>
            <p:nvPr/>
          </p:nvPicPr>
          <p:blipFill>
            <a:blip r:embed="rId32" cstate="print"/>
            <a:stretch>
              <a:fillRect/>
            </a:stretch>
          </p:blipFill>
          <p:spPr>
            <a:xfrm>
              <a:off x="6030379" y="2872752"/>
              <a:ext cx="339128" cy="300226"/>
            </a:xfrm>
            <a:prstGeom prst="rect">
              <a:avLst/>
            </a:prstGeom>
          </p:spPr>
        </p:pic>
        <p:pic>
          <p:nvPicPr>
            <p:cNvPr id="96" name="object 96"/>
            <p:cNvPicPr/>
            <p:nvPr/>
          </p:nvPicPr>
          <p:blipFill>
            <a:blip r:embed="rId33" cstate="print"/>
            <a:stretch>
              <a:fillRect/>
            </a:stretch>
          </p:blipFill>
          <p:spPr>
            <a:xfrm>
              <a:off x="3743066" y="2557339"/>
              <a:ext cx="170532" cy="96806"/>
            </a:xfrm>
            <a:prstGeom prst="rect">
              <a:avLst/>
            </a:prstGeom>
          </p:spPr>
        </p:pic>
        <p:pic>
          <p:nvPicPr>
            <p:cNvPr id="97" name="object 97"/>
            <p:cNvPicPr/>
            <p:nvPr/>
          </p:nvPicPr>
          <p:blipFill>
            <a:blip r:embed="rId34" cstate="print"/>
            <a:stretch>
              <a:fillRect/>
            </a:stretch>
          </p:blipFill>
          <p:spPr>
            <a:xfrm>
              <a:off x="5999296" y="4919906"/>
              <a:ext cx="340655" cy="303336"/>
            </a:xfrm>
            <a:prstGeom prst="rect">
              <a:avLst/>
            </a:prstGeom>
          </p:spPr>
        </p:pic>
        <p:pic>
          <p:nvPicPr>
            <p:cNvPr id="98" name="object 98"/>
            <p:cNvPicPr/>
            <p:nvPr/>
          </p:nvPicPr>
          <p:blipFill>
            <a:blip r:embed="rId35" cstate="print"/>
            <a:stretch>
              <a:fillRect/>
            </a:stretch>
          </p:blipFill>
          <p:spPr>
            <a:xfrm>
              <a:off x="4972061" y="5313476"/>
              <a:ext cx="339603" cy="253555"/>
            </a:xfrm>
            <a:prstGeom prst="rect">
              <a:avLst/>
            </a:prstGeom>
          </p:spPr>
        </p:pic>
        <p:pic>
          <p:nvPicPr>
            <p:cNvPr id="99" name="object 99"/>
            <p:cNvPicPr/>
            <p:nvPr/>
          </p:nvPicPr>
          <p:blipFill>
            <a:blip r:embed="rId36" cstate="print"/>
            <a:stretch>
              <a:fillRect/>
            </a:stretch>
          </p:blipFill>
          <p:spPr>
            <a:xfrm>
              <a:off x="2676390" y="4870132"/>
              <a:ext cx="339123" cy="300223"/>
            </a:xfrm>
            <a:prstGeom prst="rect">
              <a:avLst/>
            </a:prstGeom>
          </p:spPr>
        </p:pic>
        <p:pic>
          <p:nvPicPr>
            <p:cNvPr id="100" name="object 100"/>
            <p:cNvPicPr/>
            <p:nvPr/>
          </p:nvPicPr>
          <p:blipFill>
            <a:blip r:embed="rId37" cstate="print"/>
            <a:stretch>
              <a:fillRect/>
            </a:stretch>
          </p:blipFill>
          <p:spPr>
            <a:xfrm>
              <a:off x="5001867" y="2572472"/>
              <a:ext cx="178388" cy="80764"/>
            </a:xfrm>
            <a:prstGeom prst="rect">
              <a:avLst/>
            </a:prstGeom>
          </p:spPr>
        </p:pic>
        <p:pic>
          <p:nvPicPr>
            <p:cNvPr id="101" name="object 101"/>
            <p:cNvPicPr/>
            <p:nvPr/>
          </p:nvPicPr>
          <p:blipFill>
            <a:blip r:embed="rId38" cstate="print"/>
            <a:stretch>
              <a:fillRect/>
            </a:stretch>
          </p:blipFill>
          <p:spPr>
            <a:xfrm>
              <a:off x="6118005" y="2939614"/>
              <a:ext cx="173378" cy="123317"/>
            </a:xfrm>
            <a:prstGeom prst="rect">
              <a:avLst/>
            </a:prstGeom>
          </p:spPr>
        </p:pic>
        <p:pic>
          <p:nvPicPr>
            <p:cNvPr id="102" name="object 102"/>
            <p:cNvPicPr/>
            <p:nvPr/>
          </p:nvPicPr>
          <p:blipFill>
            <a:blip r:embed="rId39" cstate="print"/>
            <a:stretch>
              <a:fillRect/>
            </a:stretch>
          </p:blipFill>
          <p:spPr>
            <a:xfrm>
              <a:off x="3706923" y="5332137"/>
              <a:ext cx="339694" cy="241116"/>
            </a:xfrm>
            <a:prstGeom prst="rect">
              <a:avLst/>
            </a:prstGeom>
          </p:spPr>
        </p:pic>
        <p:pic>
          <p:nvPicPr>
            <p:cNvPr id="103" name="object 103"/>
            <p:cNvPicPr/>
            <p:nvPr/>
          </p:nvPicPr>
          <p:blipFill>
            <a:blip r:embed="rId40" cstate="print"/>
            <a:stretch>
              <a:fillRect/>
            </a:stretch>
          </p:blipFill>
          <p:spPr>
            <a:xfrm>
              <a:off x="6778650" y="4000552"/>
              <a:ext cx="294013" cy="182001"/>
            </a:xfrm>
            <a:prstGeom prst="rect">
              <a:avLst/>
            </a:prstGeom>
          </p:spPr>
        </p:pic>
      </p:grpSp>
      <p:sp>
        <p:nvSpPr>
          <p:cNvPr id="104" name="object 104"/>
          <p:cNvSpPr txBox="1"/>
          <p:nvPr/>
        </p:nvSpPr>
        <p:spPr>
          <a:xfrm>
            <a:off x="6205785" y="3836987"/>
            <a:ext cx="843915" cy="523875"/>
          </a:xfrm>
          <a:prstGeom prst="rect">
            <a:avLst/>
          </a:prstGeom>
        </p:spPr>
        <p:txBody>
          <a:bodyPr vert="horz" wrap="square" lIns="0" tIns="15240" rIns="0" bIns="0" rtlCol="0">
            <a:spAutoFit/>
          </a:bodyPr>
          <a:lstStyle/>
          <a:p>
            <a:pPr marL="229235">
              <a:lnSpc>
                <a:spcPct val="100000"/>
              </a:lnSpc>
              <a:spcBef>
                <a:spcPts val="120"/>
              </a:spcBef>
            </a:pPr>
            <a:r>
              <a:rPr sz="800" spc="-25" dirty="0">
                <a:latin typeface="Meiryo UI"/>
                <a:cs typeface="Meiryo UI"/>
              </a:rPr>
              <a:t>海洋</a:t>
            </a:r>
            <a:endParaRPr sz="800">
              <a:latin typeface="Meiryo UI"/>
              <a:cs typeface="Meiryo UI"/>
            </a:endParaRPr>
          </a:p>
          <a:p>
            <a:pPr marL="125095">
              <a:lnSpc>
                <a:spcPct val="100000"/>
              </a:lnSpc>
              <a:spcBef>
                <a:spcPts val="20"/>
              </a:spcBef>
            </a:pPr>
            <a:r>
              <a:rPr sz="800" spc="90" dirty="0">
                <a:latin typeface="Meiryo UI"/>
                <a:cs typeface="Meiryo UI"/>
              </a:rPr>
              <a:t>安全保障 </a:t>
            </a:r>
            <a:r>
              <a:rPr sz="900" spc="-30" baseline="-18518" dirty="0">
                <a:solidFill>
                  <a:srgbClr val="843B0B"/>
                </a:solidFill>
                <a:latin typeface="Meiryo UI"/>
                <a:cs typeface="Meiryo UI"/>
              </a:rPr>
              <a:t>データ</a:t>
            </a:r>
            <a:endParaRPr sz="900" baseline="-18518">
              <a:latin typeface="Meiryo UI"/>
              <a:cs typeface="Meiryo UI"/>
            </a:endParaRPr>
          </a:p>
          <a:p>
            <a:pPr marL="185420" marR="203200" indent="-147955">
              <a:lnSpc>
                <a:spcPct val="102099"/>
              </a:lnSpc>
            </a:pPr>
            <a:r>
              <a:rPr sz="800" spc="-10" dirty="0">
                <a:latin typeface="Meiryo UI"/>
                <a:cs typeface="Meiryo UI"/>
              </a:rPr>
              <a:t>プラットフォーム</a:t>
            </a:r>
            <a:r>
              <a:rPr sz="800" spc="-20" dirty="0">
                <a:latin typeface="Meiryo UI"/>
                <a:cs typeface="Meiryo UI"/>
              </a:rPr>
              <a:t>の構築</a:t>
            </a:r>
            <a:endParaRPr sz="800">
              <a:latin typeface="Meiryo UI"/>
              <a:cs typeface="Meiryo UI"/>
            </a:endParaRPr>
          </a:p>
        </p:txBody>
      </p:sp>
      <p:grpSp>
        <p:nvGrpSpPr>
          <p:cNvPr id="105" name="object 105"/>
          <p:cNvGrpSpPr/>
          <p:nvPr/>
        </p:nvGrpSpPr>
        <p:grpSpPr>
          <a:xfrm>
            <a:off x="2063463" y="3935221"/>
            <a:ext cx="4168140" cy="1546225"/>
            <a:chOff x="2063463" y="3935221"/>
            <a:chExt cx="4168140" cy="1546225"/>
          </a:xfrm>
        </p:grpSpPr>
        <p:pic>
          <p:nvPicPr>
            <p:cNvPr id="106" name="object 106"/>
            <p:cNvPicPr/>
            <p:nvPr/>
          </p:nvPicPr>
          <p:blipFill>
            <a:blip r:embed="rId41" cstate="print"/>
            <a:stretch>
              <a:fillRect/>
            </a:stretch>
          </p:blipFill>
          <p:spPr>
            <a:xfrm>
              <a:off x="6072033" y="4993817"/>
              <a:ext cx="159112" cy="138295"/>
            </a:xfrm>
            <a:prstGeom prst="rect">
              <a:avLst/>
            </a:prstGeom>
          </p:spPr>
        </p:pic>
        <p:pic>
          <p:nvPicPr>
            <p:cNvPr id="107" name="object 107"/>
            <p:cNvPicPr/>
            <p:nvPr/>
          </p:nvPicPr>
          <p:blipFill>
            <a:blip r:embed="rId42" cstate="print"/>
            <a:stretch>
              <a:fillRect/>
            </a:stretch>
          </p:blipFill>
          <p:spPr>
            <a:xfrm>
              <a:off x="5048801" y="5378146"/>
              <a:ext cx="169404" cy="103234"/>
            </a:xfrm>
            <a:prstGeom prst="rect">
              <a:avLst/>
            </a:prstGeom>
          </p:spPr>
        </p:pic>
        <p:pic>
          <p:nvPicPr>
            <p:cNvPr id="108" name="object 108"/>
            <p:cNvPicPr/>
            <p:nvPr/>
          </p:nvPicPr>
          <p:blipFill>
            <a:blip r:embed="rId43" cstate="print"/>
            <a:stretch>
              <a:fillRect/>
            </a:stretch>
          </p:blipFill>
          <p:spPr>
            <a:xfrm>
              <a:off x="3787870" y="5390667"/>
              <a:ext cx="177407" cy="90706"/>
            </a:xfrm>
            <a:prstGeom prst="rect">
              <a:avLst/>
            </a:prstGeom>
          </p:spPr>
        </p:pic>
        <p:pic>
          <p:nvPicPr>
            <p:cNvPr id="109" name="object 109"/>
            <p:cNvPicPr/>
            <p:nvPr/>
          </p:nvPicPr>
          <p:blipFill>
            <a:blip r:embed="rId44" cstate="print"/>
            <a:stretch>
              <a:fillRect/>
            </a:stretch>
          </p:blipFill>
          <p:spPr>
            <a:xfrm>
              <a:off x="2763572" y="4937603"/>
              <a:ext cx="173364" cy="123353"/>
            </a:xfrm>
            <a:prstGeom prst="rect">
              <a:avLst/>
            </a:prstGeom>
          </p:spPr>
        </p:pic>
        <p:pic>
          <p:nvPicPr>
            <p:cNvPr id="110" name="object 110"/>
            <p:cNvPicPr/>
            <p:nvPr/>
          </p:nvPicPr>
          <p:blipFill>
            <a:blip r:embed="rId45" cstate="print"/>
            <a:stretch>
              <a:fillRect/>
            </a:stretch>
          </p:blipFill>
          <p:spPr>
            <a:xfrm>
              <a:off x="2063463" y="3935221"/>
              <a:ext cx="294012" cy="182000"/>
            </a:xfrm>
            <a:prstGeom prst="rect">
              <a:avLst/>
            </a:prstGeom>
          </p:spPr>
        </p:pic>
      </p:grpSp>
      <p:sp>
        <p:nvSpPr>
          <p:cNvPr id="111" name="object 111"/>
          <p:cNvSpPr txBox="1"/>
          <p:nvPr/>
        </p:nvSpPr>
        <p:spPr>
          <a:xfrm>
            <a:off x="2100943" y="3950273"/>
            <a:ext cx="207645" cy="118745"/>
          </a:xfrm>
          <a:prstGeom prst="rect">
            <a:avLst/>
          </a:prstGeom>
        </p:spPr>
        <p:txBody>
          <a:bodyPr vert="horz" wrap="square" lIns="0" tIns="13970" rIns="0" bIns="0" rtlCol="0">
            <a:spAutoFit/>
          </a:bodyPr>
          <a:lstStyle/>
          <a:p>
            <a:pPr marL="12700">
              <a:lnSpc>
                <a:spcPct val="100000"/>
              </a:lnSpc>
              <a:spcBef>
                <a:spcPts val="110"/>
              </a:spcBef>
            </a:pPr>
            <a:r>
              <a:rPr sz="600" spc="-20" dirty="0">
                <a:solidFill>
                  <a:srgbClr val="843B0B"/>
                </a:solidFill>
                <a:latin typeface="Meiryo UI"/>
                <a:cs typeface="Meiryo UI"/>
              </a:rPr>
              <a:t>データ</a:t>
            </a:r>
            <a:endParaRPr sz="600">
              <a:latin typeface="Meiryo UI"/>
              <a:cs typeface="Meiryo UI"/>
            </a:endParaRPr>
          </a:p>
        </p:txBody>
      </p:sp>
      <p:sp>
        <p:nvSpPr>
          <p:cNvPr id="112" name="object 112"/>
          <p:cNvSpPr/>
          <p:nvPr/>
        </p:nvSpPr>
        <p:spPr>
          <a:xfrm>
            <a:off x="176021" y="1788416"/>
            <a:ext cx="3518535" cy="1108075"/>
          </a:xfrm>
          <a:custGeom>
            <a:avLst/>
            <a:gdLst/>
            <a:ahLst/>
            <a:cxnLst/>
            <a:rect l="l" t="t" r="r" b="b"/>
            <a:pathLst>
              <a:path w="3518535" h="1108075">
                <a:moveTo>
                  <a:pt x="0" y="153670"/>
                </a:moveTo>
                <a:lnTo>
                  <a:pt x="7833" y="105096"/>
                </a:lnTo>
                <a:lnTo>
                  <a:pt x="29648" y="62912"/>
                </a:lnTo>
                <a:lnTo>
                  <a:pt x="62912" y="29648"/>
                </a:lnTo>
                <a:lnTo>
                  <a:pt x="105096" y="7833"/>
                </a:lnTo>
                <a:lnTo>
                  <a:pt x="153670" y="0"/>
                </a:lnTo>
                <a:lnTo>
                  <a:pt x="1016127" y="0"/>
                </a:lnTo>
                <a:lnTo>
                  <a:pt x="1451610" y="0"/>
                </a:lnTo>
                <a:lnTo>
                  <a:pt x="1588262" y="0"/>
                </a:lnTo>
                <a:lnTo>
                  <a:pt x="1636835" y="7833"/>
                </a:lnTo>
                <a:lnTo>
                  <a:pt x="1679019" y="29648"/>
                </a:lnTo>
                <a:lnTo>
                  <a:pt x="1712283" y="62912"/>
                </a:lnTo>
                <a:lnTo>
                  <a:pt x="1734098" y="105096"/>
                </a:lnTo>
                <a:lnTo>
                  <a:pt x="1741932" y="153670"/>
                </a:lnTo>
                <a:lnTo>
                  <a:pt x="1741932" y="537845"/>
                </a:lnTo>
                <a:lnTo>
                  <a:pt x="3518128" y="1107859"/>
                </a:lnTo>
                <a:lnTo>
                  <a:pt x="1741932" y="768350"/>
                </a:lnTo>
                <a:lnTo>
                  <a:pt x="1734098" y="816918"/>
                </a:lnTo>
                <a:lnTo>
                  <a:pt x="1712283" y="859101"/>
                </a:lnTo>
                <a:lnTo>
                  <a:pt x="1679019" y="892368"/>
                </a:lnTo>
                <a:lnTo>
                  <a:pt x="1636835" y="914185"/>
                </a:lnTo>
                <a:lnTo>
                  <a:pt x="1588262" y="922020"/>
                </a:lnTo>
                <a:lnTo>
                  <a:pt x="1451610" y="922020"/>
                </a:lnTo>
                <a:lnTo>
                  <a:pt x="1016127" y="922020"/>
                </a:lnTo>
                <a:lnTo>
                  <a:pt x="153670" y="922020"/>
                </a:lnTo>
                <a:lnTo>
                  <a:pt x="105096" y="914185"/>
                </a:lnTo>
                <a:lnTo>
                  <a:pt x="62912" y="892368"/>
                </a:lnTo>
                <a:lnTo>
                  <a:pt x="29648" y="859101"/>
                </a:lnTo>
                <a:lnTo>
                  <a:pt x="7833" y="816918"/>
                </a:lnTo>
                <a:lnTo>
                  <a:pt x="0" y="768350"/>
                </a:lnTo>
                <a:lnTo>
                  <a:pt x="0" y="537845"/>
                </a:lnTo>
                <a:lnTo>
                  <a:pt x="0" y="153670"/>
                </a:lnTo>
                <a:close/>
              </a:path>
            </a:pathLst>
          </a:custGeom>
          <a:ln w="25908">
            <a:solidFill>
              <a:srgbClr val="88A3A7"/>
            </a:solidFill>
          </a:ln>
        </p:spPr>
        <p:txBody>
          <a:bodyPr wrap="square" lIns="0" tIns="0" rIns="0" bIns="0" rtlCol="0"/>
          <a:lstStyle/>
          <a:p>
            <a:endParaRPr/>
          </a:p>
        </p:txBody>
      </p:sp>
      <p:sp>
        <p:nvSpPr>
          <p:cNvPr id="113" name="object 113"/>
          <p:cNvSpPr txBox="1"/>
          <p:nvPr/>
        </p:nvSpPr>
        <p:spPr>
          <a:xfrm>
            <a:off x="8322502" y="2226627"/>
            <a:ext cx="593090" cy="214629"/>
          </a:xfrm>
          <a:prstGeom prst="rect">
            <a:avLst/>
          </a:prstGeom>
          <a:ln w="3175">
            <a:solidFill>
              <a:srgbClr val="0D0D0D"/>
            </a:solidFill>
          </a:ln>
        </p:spPr>
        <p:txBody>
          <a:bodyPr vert="horz" wrap="square" lIns="0" tIns="8255" rIns="0" bIns="0" rtlCol="0">
            <a:spAutoFit/>
          </a:bodyPr>
          <a:lstStyle/>
          <a:p>
            <a:pPr marL="15875" marR="10160">
              <a:lnSpc>
                <a:spcPct val="100000"/>
              </a:lnSpc>
              <a:spcBef>
                <a:spcPts val="65"/>
              </a:spcBef>
            </a:pPr>
            <a:r>
              <a:rPr sz="350" b="1" dirty="0">
                <a:solidFill>
                  <a:srgbClr val="C00000"/>
                </a:solidFill>
                <a:latin typeface="Meiryo UI"/>
                <a:cs typeface="Meiryo UI"/>
              </a:rPr>
              <a:t>②</a:t>
            </a:r>
            <a:r>
              <a:rPr sz="350" spc="-15" dirty="0">
                <a:latin typeface="Meiryo UI"/>
                <a:cs typeface="Meiryo UI"/>
              </a:rPr>
              <a:t>心身の中リスク者を早期に見</a:t>
            </a:r>
            <a:r>
              <a:rPr sz="350" dirty="0">
                <a:latin typeface="Meiryo UI"/>
                <a:cs typeface="Meiryo UI"/>
              </a:rPr>
              <a:t>つけ</a:t>
            </a:r>
            <a:r>
              <a:rPr sz="350" b="1" spc="-5" dirty="0">
                <a:solidFill>
                  <a:srgbClr val="FF0000"/>
                </a:solidFill>
                <a:latin typeface="Meiryo UI"/>
                <a:cs typeface="Meiryo UI"/>
              </a:rPr>
              <a:t>落とさない</a:t>
            </a:r>
            <a:r>
              <a:rPr sz="350" spc="-30" dirty="0">
                <a:latin typeface="Meiryo UI"/>
                <a:cs typeface="Meiryo UI"/>
              </a:rPr>
              <a:t>仕組</a:t>
            </a:r>
            <a:endParaRPr sz="350">
              <a:latin typeface="Meiryo UI"/>
              <a:cs typeface="Meiryo UI"/>
            </a:endParaRPr>
          </a:p>
          <a:p>
            <a:pPr marL="15875" marR="19685">
              <a:lnSpc>
                <a:spcPts val="360"/>
              </a:lnSpc>
              <a:spcBef>
                <a:spcPts val="5"/>
              </a:spcBef>
            </a:pPr>
            <a:r>
              <a:rPr sz="300" b="1" spc="-30" dirty="0">
                <a:solidFill>
                  <a:srgbClr val="622422"/>
                </a:solidFill>
                <a:latin typeface="Meiryo UI"/>
                <a:cs typeface="Meiryo UI"/>
              </a:rPr>
              <a:t>プレハイリスク層＋ポピュレーション層</a:t>
            </a:r>
            <a:r>
              <a:rPr sz="300" b="1" spc="-25" dirty="0">
                <a:solidFill>
                  <a:srgbClr val="622422"/>
                </a:solidFill>
                <a:latin typeface="Meiryo UI"/>
                <a:cs typeface="Meiryo UI"/>
              </a:rPr>
              <a:t>へのアプローチ</a:t>
            </a:r>
            <a:r>
              <a:rPr sz="300" b="1" spc="-10" dirty="0">
                <a:solidFill>
                  <a:srgbClr val="622422"/>
                </a:solidFill>
                <a:latin typeface="Meiryo UI"/>
                <a:cs typeface="Meiryo UI"/>
              </a:rPr>
              <a:t>（新設</a:t>
            </a:r>
            <a:r>
              <a:rPr sz="300" b="1" spc="-50" dirty="0">
                <a:solidFill>
                  <a:srgbClr val="622422"/>
                </a:solidFill>
                <a:latin typeface="Meiryo UI"/>
                <a:cs typeface="Meiryo UI"/>
              </a:rPr>
              <a:t>）</a:t>
            </a:r>
            <a:endParaRPr sz="300">
              <a:latin typeface="Meiryo UI"/>
              <a:cs typeface="Meiryo UI"/>
            </a:endParaRPr>
          </a:p>
        </p:txBody>
      </p:sp>
      <p:grpSp>
        <p:nvGrpSpPr>
          <p:cNvPr id="114" name="object 114"/>
          <p:cNvGrpSpPr/>
          <p:nvPr/>
        </p:nvGrpSpPr>
        <p:grpSpPr>
          <a:xfrm>
            <a:off x="7410444" y="2204893"/>
            <a:ext cx="1503045" cy="501650"/>
            <a:chOff x="7410444" y="2204893"/>
            <a:chExt cx="1503045" cy="501650"/>
          </a:xfrm>
        </p:grpSpPr>
        <p:sp>
          <p:nvSpPr>
            <p:cNvPr id="115" name="object 115"/>
            <p:cNvSpPr/>
            <p:nvPr/>
          </p:nvSpPr>
          <p:spPr>
            <a:xfrm>
              <a:off x="8259911" y="2208068"/>
              <a:ext cx="0" cy="268605"/>
            </a:xfrm>
            <a:custGeom>
              <a:avLst/>
              <a:gdLst/>
              <a:ahLst/>
              <a:cxnLst/>
              <a:rect l="l" t="t" r="r" b="b"/>
              <a:pathLst>
                <a:path h="268605">
                  <a:moveTo>
                    <a:pt x="0" y="0"/>
                  </a:moveTo>
                  <a:lnTo>
                    <a:pt x="0" y="268557"/>
                  </a:lnTo>
                </a:path>
              </a:pathLst>
            </a:custGeom>
            <a:ln w="5915">
              <a:solidFill>
                <a:srgbClr val="C00000"/>
              </a:solidFill>
            </a:ln>
          </p:spPr>
          <p:txBody>
            <a:bodyPr wrap="square" lIns="0" tIns="0" rIns="0" bIns="0" rtlCol="0"/>
            <a:lstStyle/>
            <a:p>
              <a:endParaRPr/>
            </a:p>
          </p:txBody>
        </p:sp>
        <p:sp>
          <p:nvSpPr>
            <p:cNvPr id="116" name="object 116"/>
            <p:cNvSpPr/>
            <p:nvPr/>
          </p:nvSpPr>
          <p:spPr>
            <a:xfrm>
              <a:off x="8225521" y="2465144"/>
              <a:ext cx="69215" cy="69215"/>
            </a:xfrm>
            <a:custGeom>
              <a:avLst/>
              <a:gdLst/>
              <a:ahLst/>
              <a:cxnLst/>
              <a:rect l="l" t="t" r="r" b="b"/>
              <a:pathLst>
                <a:path w="69215" h="69214">
                  <a:moveTo>
                    <a:pt x="34389" y="68736"/>
                  </a:moveTo>
                  <a:lnTo>
                    <a:pt x="0" y="0"/>
                  </a:lnTo>
                  <a:lnTo>
                    <a:pt x="68785" y="3"/>
                  </a:lnTo>
                  <a:lnTo>
                    <a:pt x="34389" y="68736"/>
                  </a:lnTo>
                  <a:close/>
                </a:path>
              </a:pathLst>
            </a:custGeom>
            <a:solidFill>
              <a:srgbClr val="C00000"/>
            </a:solidFill>
          </p:spPr>
          <p:txBody>
            <a:bodyPr wrap="square" lIns="0" tIns="0" rIns="0" bIns="0" rtlCol="0"/>
            <a:lstStyle/>
            <a:p>
              <a:endParaRPr/>
            </a:p>
          </p:txBody>
        </p:sp>
        <p:sp>
          <p:nvSpPr>
            <p:cNvPr id="117" name="object 117"/>
            <p:cNvSpPr/>
            <p:nvPr/>
          </p:nvSpPr>
          <p:spPr>
            <a:xfrm>
              <a:off x="8275736" y="2260991"/>
              <a:ext cx="47625" cy="73025"/>
            </a:xfrm>
            <a:custGeom>
              <a:avLst/>
              <a:gdLst/>
              <a:ahLst/>
              <a:cxnLst/>
              <a:rect l="l" t="t" r="r" b="b"/>
              <a:pathLst>
                <a:path w="47625" h="73025">
                  <a:moveTo>
                    <a:pt x="47023" y="72661"/>
                  </a:moveTo>
                  <a:lnTo>
                    <a:pt x="0" y="0"/>
                  </a:lnTo>
                </a:path>
              </a:pathLst>
            </a:custGeom>
            <a:ln w="3175">
              <a:solidFill>
                <a:srgbClr val="000000"/>
              </a:solidFill>
            </a:ln>
          </p:spPr>
          <p:txBody>
            <a:bodyPr wrap="square" lIns="0" tIns="0" rIns="0" bIns="0" rtlCol="0"/>
            <a:lstStyle/>
            <a:p>
              <a:endParaRPr/>
            </a:p>
          </p:txBody>
        </p:sp>
        <p:sp>
          <p:nvSpPr>
            <p:cNvPr id="118" name="object 118"/>
            <p:cNvSpPr/>
            <p:nvPr/>
          </p:nvSpPr>
          <p:spPr>
            <a:xfrm>
              <a:off x="7410437" y="2538818"/>
              <a:ext cx="1503045" cy="22225"/>
            </a:xfrm>
            <a:custGeom>
              <a:avLst/>
              <a:gdLst/>
              <a:ahLst/>
              <a:cxnLst/>
              <a:rect l="l" t="t" r="r" b="b"/>
              <a:pathLst>
                <a:path w="1503045" h="22225">
                  <a:moveTo>
                    <a:pt x="1502918" y="18135"/>
                  </a:moveTo>
                  <a:lnTo>
                    <a:pt x="0" y="18135"/>
                  </a:lnTo>
                  <a:lnTo>
                    <a:pt x="0" y="21767"/>
                  </a:lnTo>
                  <a:lnTo>
                    <a:pt x="1502918" y="21767"/>
                  </a:lnTo>
                  <a:lnTo>
                    <a:pt x="1502918" y="18135"/>
                  </a:lnTo>
                  <a:close/>
                </a:path>
                <a:path w="1503045" h="22225">
                  <a:moveTo>
                    <a:pt x="1502918" y="7251"/>
                  </a:moveTo>
                  <a:lnTo>
                    <a:pt x="0" y="7251"/>
                  </a:lnTo>
                  <a:lnTo>
                    <a:pt x="0" y="14503"/>
                  </a:lnTo>
                  <a:lnTo>
                    <a:pt x="1502918" y="14503"/>
                  </a:lnTo>
                  <a:lnTo>
                    <a:pt x="1502918" y="7251"/>
                  </a:lnTo>
                  <a:close/>
                </a:path>
                <a:path w="1503045" h="22225">
                  <a:moveTo>
                    <a:pt x="1502918" y="0"/>
                  </a:moveTo>
                  <a:lnTo>
                    <a:pt x="0" y="0"/>
                  </a:lnTo>
                  <a:lnTo>
                    <a:pt x="0" y="3619"/>
                  </a:lnTo>
                  <a:lnTo>
                    <a:pt x="1502918" y="3619"/>
                  </a:lnTo>
                  <a:lnTo>
                    <a:pt x="1502918" y="0"/>
                  </a:lnTo>
                  <a:close/>
                </a:path>
              </a:pathLst>
            </a:custGeom>
            <a:solidFill>
              <a:srgbClr val="3A3838"/>
            </a:solidFill>
          </p:spPr>
          <p:txBody>
            <a:bodyPr wrap="square" lIns="0" tIns="0" rIns="0" bIns="0" rtlCol="0"/>
            <a:lstStyle/>
            <a:p>
              <a:endParaRPr/>
            </a:p>
          </p:txBody>
        </p:sp>
        <p:sp>
          <p:nvSpPr>
            <p:cNvPr id="119" name="object 119"/>
            <p:cNvSpPr/>
            <p:nvPr/>
          </p:nvSpPr>
          <p:spPr>
            <a:xfrm>
              <a:off x="7752982" y="2589560"/>
              <a:ext cx="1115695" cy="115570"/>
            </a:xfrm>
            <a:custGeom>
              <a:avLst/>
              <a:gdLst/>
              <a:ahLst/>
              <a:cxnLst/>
              <a:rect l="l" t="t" r="r" b="b"/>
              <a:pathLst>
                <a:path w="1115695" h="115569">
                  <a:moveTo>
                    <a:pt x="0" y="0"/>
                  </a:moveTo>
                  <a:lnTo>
                    <a:pt x="1115666" y="0"/>
                  </a:lnTo>
                  <a:lnTo>
                    <a:pt x="1115666" y="115479"/>
                  </a:lnTo>
                  <a:lnTo>
                    <a:pt x="0" y="115479"/>
                  </a:lnTo>
                  <a:lnTo>
                    <a:pt x="0" y="0"/>
                  </a:lnTo>
                  <a:close/>
                </a:path>
              </a:pathLst>
            </a:custGeom>
            <a:ln w="3175">
              <a:solidFill>
                <a:srgbClr val="0D0D0D"/>
              </a:solidFill>
            </a:ln>
          </p:spPr>
          <p:txBody>
            <a:bodyPr wrap="square" lIns="0" tIns="0" rIns="0" bIns="0" rtlCol="0"/>
            <a:lstStyle/>
            <a:p>
              <a:endParaRPr/>
            </a:p>
          </p:txBody>
        </p:sp>
      </p:grpSp>
      <p:sp>
        <p:nvSpPr>
          <p:cNvPr id="120" name="object 120"/>
          <p:cNvSpPr txBox="1"/>
          <p:nvPr/>
        </p:nvSpPr>
        <p:spPr>
          <a:xfrm>
            <a:off x="7754128" y="2584841"/>
            <a:ext cx="1113790" cy="123825"/>
          </a:xfrm>
          <a:prstGeom prst="rect">
            <a:avLst/>
          </a:prstGeom>
        </p:spPr>
        <p:txBody>
          <a:bodyPr vert="horz" wrap="square" lIns="0" tIns="13335" rIns="0" bIns="0" rtlCol="0">
            <a:spAutoFit/>
          </a:bodyPr>
          <a:lstStyle/>
          <a:p>
            <a:pPr marL="15240">
              <a:lnSpc>
                <a:spcPts val="415"/>
              </a:lnSpc>
              <a:spcBef>
                <a:spcPts val="105"/>
              </a:spcBef>
            </a:pPr>
            <a:r>
              <a:rPr sz="350" b="1" dirty="0">
                <a:solidFill>
                  <a:srgbClr val="C00000"/>
                </a:solidFill>
                <a:latin typeface="Meiryo UI"/>
                <a:cs typeface="Meiryo UI"/>
              </a:rPr>
              <a:t>①</a:t>
            </a:r>
            <a:r>
              <a:rPr sz="350" spc="-15" dirty="0">
                <a:latin typeface="Meiryo UI"/>
                <a:cs typeface="Meiryo UI"/>
              </a:rPr>
              <a:t>セーフティネットとしてハイリスク者を</a:t>
            </a:r>
            <a:r>
              <a:rPr sz="350" b="1" spc="-5" dirty="0">
                <a:solidFill>
                  <a:srgbClr val="FF0000"/>
                </a:solidFill>
                <a:latin typeface="Meiryo UI"/>
                <a:cs typeface="Meiryo UI"/>
              </a:rPr>
              <a:t>守る</a:t>
            </a:r>
            <a:r>
              <a:rPr sz="350" spc="-30" dirty="0">
                <a:latin typeface="Meiryo UI"/>
                <a:cs typeface="Meiryo UI"/>
              </a:rPr>
              <a:t>仕組</a:t>
            </a:r>
            <a:endParaRPr sz="350">
              <a:latin typeface="Meiryo UI"/>
              <a:cs typeface="Meiryo UI"/>
            </a:endParaRPr>
          </a:p>
          <a:p>
            <a:pPr marL="15240">
              <a:lnSpc>
                <a:spcPts val="355"/>
              </a:lnSpc>
            </a:pPr>
            <a:r>
              <a:rPr sz="300" spc="-20" dirty="0">
                <a:latin typeface="Meiryo UI"/>
                <a:cs typeface="Meiryo UI"/>
              </a:rPr>
              <a:t>（従来から整備</a:t>
            </a:r>
            <a:r>
              <a:rPr sz="300" spc="-10" dirty="0">
                <a:latin typeface="Meiryo UI"/>
                <a:cs typeface="Meiryo UI"/>
              </a:rPr>
              <a:t>）：</a:t>
            </a:r>
            <a:r>
              <a:rPr sz="300" b="1" spc="-30" dirty="0">
                <a:solidFill>
                  <a:srgbClr val="622422"/>
                </a:solidFill>
                <a:latin typeface="Meiryo UI"/>
                <a:cs typeface="Meiryo UI"/>
              </a:rPr>
              <a:t>ハイリスク者へのアプローチ</a:t>
            </a:r>
            <a:endParaRPr sz="300">
              <a:latin typeface="Meiryo UI"/>
              <a:cs typeface="Meiryo UI"/>
            </a:endParaRPr>
          </a:p>
        </p:txBody>
      </p:sp>
      <p:grpSp>
        <p:nvGrpSpPr>
          <p:cNvPr id="121" name="object 121"/>
          <p:cNvGrpSpPr/>
          <p:nvPr/>
        </p:nvGrpSpPr>
        <p:grpSpPr>
          <a:xfrm>
            <a:off x="7680178" y="2037611"/>
            <a:ext cx="410845" cy="611505"/>
            <a:chOff x="7680178" y="2037611"/>
            <a:chExt cx="410845" cy="611505"/>
          </a:xfrm>
        </p:grpSpPr>
        <p:sp>
          <p:nvSpPr>
            <p:cNvPr id="122" name="object 122"/>
            <p:cNvSpPr/>
            <p:nvPr/>
          </p:nvSpPr>
          <p:spPr>
            <a:xfrm>
              <a:off x="7681448" y="2556566"/>
              <a:ext cx="72390" cy="91440"/>
            </a:xfrm>
            <a:custGeom>
              <a:avLst/>
              <a:gdLst/>
              <a:ahLst/>
              <a:cxnLst/>
              <a:rect l="l" t="t" r="r" b="b"/>
              <a:pathLst>
                <a:path w="72390" h="91439">
                  <a:moveTo>
                    <a:pt x="0" y="0"/>
                  </a:moveTo>
                  <a:lnTo>
                    <a:pt x="0" y="91113"/>
                  </a:lnTo>
                  <a:lnTo>
                    <a:pt x="72049" y="91113"/>
                  </a:lnTo>
                </a:path>
              </a:pathLst>
            </a:custGeom>
            <a:ln w="3175">
              <a:solidFill>
                <a:srgbClr val="000000"/>
              </a:solidFill>
            </a:ln>
          </p:spPr>
          <p:txBody>
            <a:bodyPr wrap="square" lIns="0" tIns="0" rIns="0" bIns="0" rtlCol="0"/>
            <a:lstStyle/>
            <a:p>
              <a:endParaRPr/>
            </a:p>
          </p:txBody>
        </p:sp>
        <p:sp>
          <p:nvSpPr>
            <p:cNvPr id="123" name="object 123"/>
            <p:cNvSpPr/>
            <p:nvPr/>
          </p:nvSpPr>
          <p:spPr>
            <a:xfrm>
              <a:off x="8056314" y="2094867"/>
              <a:ext cx="0" cy="169545"/>
            </a:xfrm>
            <a:custGeom>
              <a:avLst/>
              <a:gdLst/>
              <a:ahLst/>
              <a:cxnLst/>
              <a:rect l="l" t="t" r="r" b="b"/>
              <a:pathLst>
                <a:path h="169544">
                  <a:moveTo>
                    <a:pt x="0" y="168923"/>
                  </a:moveTo>
                  <a:lnTo>
                    <a:pt x="0" y="0"/>
                  </a:lnTo>
                </a:path>
              </a:pathLst>
            </a:custGeom>
            <a:ln w="5914">
              <a:solidFill>
                <a:srgbClr val="C00000"/>
              </a:solidFill>
            </a:ln>
          </p:spPr>
          <p:txBody>
            <a:bodyPr wrap="square" lIns="0" tIns="0" rIns="0" bIns="0" rtlCol="0"/>
            <a:lstStyle/>
            <a:p>
              <a:endParaRPr/>
            </a:p>
          </p:txBody>
        </p:sp>
        <p:sp>
          <p:nvSpPr>
            <p:cNvPr id="124" name="object 124"/>
            <p:cNvSpPr/>
            <p:nvPr/>
          </p:nvSpPr>
          <p:spPr>
            <a:xfrm>
              <a:off x="8021927" y="2037611"/>
              <a:ext cx="69215" cy="69215"/>
            </a:xfrm>
            <a:custGeom>
              <a:avLst/>
              <a:gdLst/>
              <a:ahLst/>
              <a:cxnLst/>
              <a:rect l="l" t="t" r="r" b="b"/>
              <a:pathLst>
                <a:path w="69215" h="69214">
                  <a:moveTo>
                    <a:pt x="34387" y="0"/>
                  </a:moveTo>
                  <a:lnTo>
                    <a:pt x="0" y="68735"/>
                  </a:lnTo>
                  <a:lnTo>
                    <a:pt x="68782" y="68732"/>
                  </a:lnTo>
                  <a:lnTo>
                    <a:pt x="34387" y="0"/>
                  </a:lnTo>
                  <a:close/>
                </a:path>
              </a:pathLst>
            </a:custGeom>
            <a:solidFill>
              <a:srgbClr val="C00000"/>
            </a:solidFill>
          </p:spPr>
          <p:txBody>
            <a:bodyPr wrap="square" lIns="0" tIns="0" rIns="0" bIns="0" rtlCol="0"/>
            <a:lstStyle/>
            <a:p>
              <a:endParaRPr/>
            </a:p>
          </p:txBody>
        </p:sp>
      </p:grpSp>
      <p:sp>
        <p:nvSpPr>
          <p:cNvPr id="125" name="object 125"/>
          <p:cNvSpPr txBox="1"/>
          <p:nvPr/>
        </p:nvSpPr>
        <p:spPr>
          <a:xfrm>
            <a:off x="7400127" y="2073342"/>
            <a:ext cx="576580" cy="161290"/>
          </a:xfrm>
          <a:prstGeom prst="rect">
            <a:avLst/>
          </a:prstGeom>
          <a:ln w="3175">
            <a:solidFill>
              <a:srgbClr val="0D0D0D"/>
            </a:solidFill>
          </a:ln>
        </p:spPr>
        <p:txBody>
          <a:bodyPr vert="horz" wrap="square" lIns="0" tIns="8255" rIns="0" bIns="0" rtlCol="0">
            <a:spAutoFit/>
          </a:bodyPr>
          <a:lstStyle/>
          <a:p>
            <a:pPr marL="15240">
              <a:lnSpc>
                <a:spcPts val="415"/>
              </a:lnSpc>
              <a:spcBef>
                <a:spcPts val="65"/>
              </a:spcBef>
            </a:pPr>
            <a:r>
              <a:rPr sz="350" b="1" dirty="0">
                <a:solidFill>
                  <a:srgbClr val="C00000"/>
                </a:solidFill>
                <a:latin typeface="Meiryo UI"/>
                <a:cs typeface="Meiryo UI"/>
              </a:rPr>
              <a:t>③</a:t>
            </a:r>
            <a:r>
              <a:rPr sz="350" dirty="0">
                <a:latin typeface="Meiryo UI"/>
                <a:cs typeface="Meiryo UI"/>
              </a:rPr>
              <a:t>well-beingを</a:t>
            </a:r>
            <a:r>
              <a:rPr sz="350" b="1" dirty="0">
                <a:solidFill>
                  <a:srgbClr val="FF0000"/>
                </a:solidFill>
                <a:latin typeface="Meiryo UI"/>
                <a:cs typeface="Meiryo UI"/>
              </a:rPr>
              <a:t>高める</a:t>
            </a:r>
            <a:r>
              <a:rPr sz="350" spc="-25" dirty="0">
                <a:latin typeface="Meiryo UI"/>
                <a:cs typeface="Meiryo UI"/>
              </a:rPr>
              <a:t>仕組</a:t>
            </a:r>
            <a:endParaRPr sz="350">
              <a:latin typeface="Meiryo UI"/>
              <a:cs typeface="Meiryo UI"/>
            </a:endParaRPr>
          </a:p>
          <a:p>
            <a:pPr marL="15240" marR="221615">
              <a:lnSpc>
                <a:spcPts val="360"/>
              </a:lnSpc>
              <a:spcBef>
                <a:spcPts val="5"/>
              </a:spcBef>
            </a:pPr>
            <a:r>
              <a:rPr sz="300" b="1" spc="-30" dirty="0">
                <a:solidFill>
                  <a:srgbClr val="622422"/>
                </a:solidFill>
                <a:latin typeface="Meiryo UI"/>
                <a:cs typeface="Meiryo UI"/>
              </a:rPr>
              <a:t>ポピュレーション層への</a:t>
            </a:r>
            <a:r>
              <a:rPr sz="300" b="1" spc="-25" dirty="0">
                <a:solidFill>
                  <a:srgbClr val="622422"/>
                </a:solidFill>
                <a:latin typeface="Meiryo UI"/>
                <a:cs typeface="Meiryo UI"/>
              </a:rPr>
              <a:t>アプローチ</a:t>
            </a:r>
            <a:r>
              <a:rPr sz="300" b="1" spc="-10" dirty="0">
                <a:solidFill>
                  <a:srgbClr val="622422"/>
                </a:solidFill>
                <a:latin typeface="Meiryo UI"/>
                <a:cs typeface="Meiryo UI"/>
              </a:rPr>
              <a:t>（新設</a:t>
            </a:r>
            <a:r>
              <a:rPr sz="300" b="1" spc="-50" dirty="0">
                <a:solidFill>
                  <a:srgbClr val="622422"/>
                </a:solidFill>
                <a:latin typeface="Meiryo UI"/>
                <a:cs typeface="Meiryo UI"/>
              </a:rPr>
              <a:t>）</a:t>
            </a:r>
            <a:endParaRPr sz="300">
              <a:latin typeface="Meiryo UI"/>
              <a:cs typeface="Meiryo UI"/>
            </a:endParaRPr>
          </a:p>
        </p:txBody>
      </p:sp>
      <p:sp>
        <p:nvSpPr>
          <p:cNvPr id="126" name="object 126"/>
          <p:cNvSpPr/>
          <p:nvPr/>
        </p:nvSpPr>
        <p:spPr>
          <a:xfrm>
            <a:off x="7346476" y="2123518"/>
            <a:ext cx="0" cy="476250"/>
          </a:xfrm>
          <a:custGeom>
            <a:avLst/>
            <a:gdLst/>
            <a:ahLst/>
            <a:cxnLst/>
            <a:rect l="l" t="t" r="r" b="b"/>
            <a:pathLst>
              <a:path h="476250">
                <a:moveTo>
                  <a:pt x="0" y="0"/>
                </a:moveTo>
                <a:lnTo>
                  <a:pt x="0" y="475647"/>
                </a:lnTo>
              </a:path>
            </a:pathLst>
          </a:custGeom>
          <a:ln w="5915">
            <a:solidFill>
              <a:srgbClr val="AEABAB"/>
            </a:solidFill>
          </a:ln>
        </p:spPr>
        <p:txBody>
          <a:bodyPr wrap="square" lIns="0" tIns="0" rIns="0" bIns="0" rtlCol="0"/>
          <a:lstStyle/>
          <a:p>
            <a:endParaRPr/>
          </a:p>
        </p:txBody>
      </p:sp>
      <p:grpSp>
        <p:nvGrpSpPr>
          <p:cNvPr id="127" name="object 127"/>
          <p:cNvGrpSpPr/>
          <p:nvPr/>
        </p:nvGrpSpPr>
        <p:grpSpPr>
          <a:xfrm>
            <a:off x="7294891" y="2037599"/>
            <a:ext cx="750570" cy="647700"/>
            <a:chOff x="7294891" y="2037599"/>
            <a:chExt cx="750570" cy="647700"/>
          </a:xfrm>
        </p:grpSpPr>
        <p:sp>
          <p:nvSpPr>
            <p:cNvPr id="128" name="object 128"/>
            <p:cNvSpPr/>
            <p:nvPr/>
          </p:nvSpPr>
          <p:spPr>
            <a:xfrm>
              <a:off x="7975838" y="2127641"/>
              <a:ext cx="67945" cy="25400"/>
            </a:xfrm>
            <a:custGeom>
              <a:avLst/>
              <a:gdLst/>
              <a:ahLst/>
              <a:cxnLst/>
              <a:rect l="l" t="t" r="r" b="b"/>
              <a:pathLst>
                <a:path w="67945" h="25400">
                  <a:moveTo>
                    <a:pt x="0" y="25016"/>
                  </a:moveTo>
                  <a:lnTo>
                    <a:pt x="67887" y="0"/>
                  </a:lnTo>
                </a:path>
              </a:pathLst>
            </a:custGeom>
            <a:ln w="3175">
              <a:solidFill>
                <a:srgbClr val="000000"/>
              </a:solidFill>
            </a:ln>
          </p:spPr>
          <p:txBody>
            <a:bodyPr wrap="square" lIns="0" tIns="0" rIns="0" bIns="0" rtlCol="0"/>
            <a:lstStyle/>
            <a:p>
              <a:endParaRPr/>
            </a:p>
          </p:txBody>
        </p:sp>
        <p:sp>
          <p:nvSpPr>
            <p:cNvPr id="129" name="object 129"/>
            <p:cNvSpPr/>
            <p:nvPr/>
          </p:nvSpPr>
          <p:spPr>
            <a:xfrm>
              <a:off x="7294880" y="2037600"/>
              <a:ext cx="103505" cy="647700"/>
            </a:xfrm>
            <a:custGeom>
              <a:avLst/>
              <a:gdLst/>
              <a:ahLst/>
              <a:cxnLst/>
              <a:rect l="l" t="t" r="r" b="b"/>
              <a:pathLst>
                <a:path w="103504" h="647700">
                  <a:moveTo>
                    <a:pt x="103187" y="544398"/>
                  </a:moveTo>
                  <a:lnTo>
                    <a:pt x="12" y="544385"/>
                  </a:lnTo>
                  <a:lnTo>
                    <a:pt x="51587" y="647496"/>
                  </a:lnTo>
                  <a:lnTo>
                    <a:pt x="103187" y="544398"/>
                  </a:lnTo>
                  <a:close/>
                </a:path>
                <a:path w="103504" h="647700">
                  <a:moveTo>
                    <a:pt x="103187" y="103098"/>
                  </a:moveTo>
                  <a:lnTo>
                    <a:pt x="51587" y="0"/>
                  </a:lnTo>
                  <a:lnTo>
                    <a:pt x="0" y="103098"/>
                  </a:lnTo>
                  <a:lnTo>
                    <a:pt x="103187" y="103098"/>
                  </a:lnTo>
                  <a:close/>
                </a:path>
              </a:pathLst>
            </a:custGeom>
            <a:solidFill>
              <a:srgbClr val="AEABAB"/>
            </a:solidFill>
          </p:spPr>
          <p:txBody>
            <a:bodyPr wrap="square" lIns="0" tIns="0" rIns="0" bIns="0" rtlCol="0"/>
            <a:lstStyle/>
            <a:p>
              <a:endParaRPr/>
            </a:p>
          </p:txBody>
        </p:sp>
      </p:grpSp>
      <p:sp>
        <p:nvSpPr>
          <p:cNvPr id="130" name="object 130"/>
          <p:cNvSpPr txBox="1"/>
          <p:nvPr/>
        </p:nvSpPr>
        <p:spPr>
          <a:xfrm>
            <a:off x="7316246" y="2304893"/>
            <a:ext cx="62865" cy="70485"/>
          </a:xfrm>
          <a:prstGeom prst="rect">
            <a:avLst/>
          </a:prstGeom>
        </p:spPr>
        <p:txBody>
          <a:bodyPr vert="horz" wrap="square" lIns="0" tIns="11430" rIns="0" bIns="0" rtlCol="0">
            <a:spAutoFit/>
          </a:bodyPr>
          <a:lstStyle/>
          <a:p>
            <a:pPr marL="12700">
              <a:lnSpc>
                <a:spcPct val="100000"/>
              </a:lnSpc>
              <a:spcBef>
                <a:spcPts val="90"/>
              </a:spcBef>
            </a:pPr>
            <a:r>
              <a:rPr sz="300" b="1" spc="-50" dirty="0">
                <a:latin typeface="Meiryo UI"/>
                <a:cs typeface="Meiryo UI"/>
              </a:rPr>
              <a:t>中</a:t>
            </a:r>
            <a:endParaRPr sz="300">
              <a:latin typeface="Meiryo UI"/>
              <a:cs typeface="Meiryo UI"/>
            </a:endParaRPr>
          </a:p>
        </p:txBody>
      </p:sp>
      <p:sp>
        <p:nvSpPr>
          <p:cNvPr id="131" name="object 131"/>
          <p:cNvSpPr txBox="1"/>
          <p:nvPr/>
        </p:nvSpPr>
        <p:spPr>
          <a:xfrm>
            <a:off x="7316246" y="2073089"/>
            <a:ext cx="62865" cy="70485"/>
          </a:xfrm>
          <a:prstGeom prst="rect">
            <a:avLst/>
          </a:prstGeom>
        </p:spPr>
        <p:txBody>
          <a:bodyPr vert="horz" wrap="square" lIns="0" tIns="11430" rIns="0" bIns="0" rtlCol="0">
            <a:spAutoFit/>
          </a:bodyPr>
          <a:lstStyle/>
          <a:p>
            <a:pPr marL="12700">
              <a:lnSpc>
                <a:spcPct val="100000"/>
              </a:lnSpc>
              <a:spcBef>
                <a:spcPts val="90"/>
              </a:spcBef>
            </a:pPr>
            <a:r>
              <a:rPr sz="300" b="1" spc="-50" dirty="0">
                <a:latin typeface="Meiryo UI"/>
                <a:cs typeface="Meiryo UI"/>
              </a:rPr>
              <a:t>高</a:t>
            </a:r>
            <a:endParaRPr sz="300">
              <a:latin typeface="Meiryo UI"/>
              <a:cs typeface="Meiryo UI"/>
            </a:endParaRPr>
          </a:p>
        </p:txBody>
      </p:sp>
      <p:sp>
        <p:nvSpPr>
          <p:cNvPr id="132" name="object 132"/>
          <p:cNvSpPr txBox="1"/>
          <p:nvPr/>
        </p:nvSpPr>
        <p:spPr>
          <a:xfrm>
            <a:off x="7216209" y="2162074"/>
            <a:ext cx="62865" cy="396875"/>
          </a:xfrm>
          <a:prstGeom prst="rect">
            <a:avLst/>
          </a:prstGeom>
        </p:spPr>
        <p:txBody>
          <a:bodyPr vert="eaVert" wrap="square" lIns="0" tIns="0" rIns="0" bIns="0" rtlCol="0">
            <a:spAutoFit/>
          </a:bodyPr>
          <a:lstStyle/>
          <a:p>
            <a:pPr marL="12700">
              <a:lnSpc>
                <a:spcPct val="85000"/>
              </a:lnSpc>
            </a:pPr>
            <a:r>
              <a:rPr sz="300" b="1" dirty="0">
                <a:latin typeface="Meiryo UI"/>
                <a:cs typeface="Meiryo UI"/>
              </a:rPr>
              <a:t>住民の幸福度・健康度</a:t>
            </a:r>
            <a:endParaRPr sz="300">
              <a:latin typeface="Meiryo UI"/>
              <a:cs typeface="Meiryo UI"/>
            </a:endParaRPr>
          </a:p>
        </p:txBody>
      </p:sp>
      <p:sp>
        <p:nvSpPr>
          <p:cNvPr id="133" name="object 133"/>
          <p:cNvSpPr/>
          <p:nvPr/>
        </p:nvSpPr>
        <p:spPr>
          <a:xfrm>
            <a:off x="8187689" y="2076779"/>
            <a:ext cx="770890" cy="97790"/>
          </a:xfrm>
          <a:custGeom>
            <a:avLst/>
            <a:gdLst/>
            <a:ahLst/>
            <a:cxnLst/>
            <a:rect l="l" t="t" r="r" b="b"/>
            <a:pathLst>
              <a:path w="770890" h="97789">
                <a:moveTo>
                  <a:pt x="770367" y="97609"/>
                </a:moveTo>
                <a:lnTo>
                  <a:pt x="0" y="97609"/>
                </a:lnTo>
                <a:lnTo>
                  <a:pt x="0" y="0"/>
                </a:lnTo>
                <a:lnTo>
                  <a:pt x="770367" y="0"/>
                </a:lnTo>
                <a:lnTo>
                  <a:pt x="770367" y="97609"/>
                </a:lnTo>
                <a:close/>
              </a:path>
            </a:pathLst>
          </a:custGeom>
          <a:solidFill>
            <a:srgbClr val="ECECEC"/>
          </a:solidFill>
        </p:spPr>
        <p:txBody>
          <a:bodyPr wrap="square" lIns="0" tIns="0" rIns="0" bIns="0" rtlCol="0"/>
          <a:lstStyle/>
          <a:p>
            <a:endParaRPr/>
          </a:p>
        </p:txBody>
      </p:sp>
      <p:sp>
        <p:nvSpPr>
          <p:cNvPr id="134" name="object 134"/>
          <p:cNvSpPr txBox="1"/>
          <p:nvPr/>
        </p:nvSpPr>
        <p:spPr>
          <a:xfrm>
            <a:off x="8191981" y="2072398"/>
            <a:ext cx="732155" cy="106680"/>
          </a:xfrm>
          <a:prstGeom prst="rect">
            <a:avLst/>
          </a:prstGeom>
        </p:spPr>
        <p:txBody>
          <a:bodyPr vert="horz" wrap="square" lIns="0" tIns="10795" rIns="0" bIns="0" rtlCol="0">
            <a:spAutoFit/>
          </a:bodyPr>
          <a:lstStyle/>
          <a:p>
            <a:pPr marL="12700" marR="5080">
              <a:lnSpc>
                <a:spcPct val="108200"/>
              </a:lnSpc>
              <a:spcBef>
                <a:spcPts val="85"/>
              </a:spcBef>
            </a:pPr>
            <a:r>
              <a:rPr sz="250" b="1" spc="-10" dirty="0">
                <a:latin typeface="Meiryo UI"/>
                <a:cs typeface="Meiryo UI"/>
              </a:rPr>
              <a:t>ポピュレーションアプローチとハイリスクポピュレーションアプローチの二つの機能を持つシステムづくりが重要</a:t>
            </a:r>
            <a:endParaRPr sz="250">
              <a:latin typeface="Meiryo UI"/>
              <a:cs typeface="Meiryo UI"/>
            </a:endParaRPr>
          </a:p>
        </p:txBody>
      </p:sp>
      <p:grpSp>
        <p:nvGrpSpPr>
          <p:cNvPr id="135" name="object 135"/>
          <p:cNvGrpSpPr/>
          <p:nvPr/>
        </p:nvGrpSpPr>
        <p:grpSpPr>
          <a:xfrm>
            <a:off x="7616792" y="2249998"/>
            <a:ext cx="698500" cy="324485"/>
            <a:chOff x="7616792" y="2249998"/>
            <a:chExt cx="698500" cy="324485"/>
          </a:xfrm>
        </p:grpSpPr>
        <p:pic>
          <p:nvPicPr>
            <p:cNvPr id="136" name="object 136"/>
            <p:cNvPicPr/>
            <p:nvPr/>
          </p:nvPicPr>
          <p:blipFill>
            <a:blip r:embed="rId46" cstate="print"/>
            <a:stretch>
              <a:fillRect/>
            </a:stretch>
          </p:blipFill>
          <p:spPr>
            <a:xfrm>
              <a:off x="7616792" y="2277493"/>
              <a:ext cx="248977" cy="202080"/>
            </a:xfrm>
            <a:prstGeom prst="rect">
              <a:avLst/>
            </a:prstGeom>
          </p:spPr>
        </p:pic>
        <p:pic>
          <p:nvPicPr>
            <p:cNvPr id="137" name="object 137"/>
            <p:cNvPicPr/>
            <p:nvPr/>
          </p:nvPicPr>
          <p:blipFill>
            <a:blip r:embed="rId47" cstate="print"/>
            <a:stretch>
              <a:fillRect/>
            </a:stretch>
          </p:blipFill>
          <p:spPr>
            <a:xfrm>
              <a:off x="8214657" y="2326690"/>
              <a:ext cx="100123" cy="94080"/>
            </a:xfrm>
            <a:prstGeom prst="rect">
              <a:avLst/>
            </a:prstGeom>
          </p:spPr>
        </p:pic>
        <p:pic>
          <p:nvPicPr>
            <p:cNvPr id="138" name="object 138"/>
            <p:cNvPicPr/>
            <p:nvPr/>
          </p:nvPicPr>
          <p:blipFill>
            <a:blip r:embed="rId48" cstate="print"/>
            <a:stretch>
              <a:fillRect/>
            </a:stretch>
          </p:blipFill>
          <p:spPr>
            <a:xfrm>
              <a:off x="7876793" y="2249998"/>
              <a:ext cx="364545" cy="324431"/>
            </a:xfrm>
            <a:prstGeom prst="rect">
              <a:avLst/>
            </a:prstGeom>
          </p:spPr>
        </p:pic>
      </p:grpSp>
      <p:sp>
        <p:nvSpPr>
          <p:cNvPr id="139" name="object 139"/>
          <p:cNvSpPr txBox="1"/>
          <p:nvPr/>
        </p:nvSpPr>
        <p:spPr>
          <a:xfrm>
            <a:off x="7290846" y="2565653"/>
            <a:ext cx="382270" cy="70485"/>
          </a:xfrm>
          <a:prstGeom prst="rect">
            <a:avLst/>
          </a:prstGeom>
        </p:spPr>
        <p:txBody>
          <a:bodyPr vert="horz" wrap="square" lIns="0" tIns="11430" rIns="0" bIns="0" rtlCol="0">
            <a:spAutoFit/>
          </a:bodyPr>
          <a:lstStyle/>
          <a:p>
            <a:pPr marL="38100">
              <a:lnSpc>
                <a:spcPct val="100000"/>
              </a:lnSpc>
              <a:spcBef>
                <a:spcPts val="90"/>
              </a:spcBef>
            </a:pPr>
            <a:r>
              <a:rPr sz="450" b="1" spc="187" baseline="-27777" dirty="0">
                <a:latin typeface="Meiryo UI"/>
                <a:cs typeface="Meiryo UI"/>
              </a:rPr>
              <a:t>低 </a:t>
            </a:r>
            <a:r>
              <a:rPr sz="300" b="1" spc="-20" dirty="0">
                <a:solidFill>
                  <a:srgbClr val="001F5F"/>
                </a:solidFill>
                <a:latin typeface="Meiryo UI"/>
                <a:cs typeface="Meiryo UI"/>
              </a:rPr>
              <a:t>要介入支援層</a:t>
            </a:r>
            <a:endParaRPr sz="300">
              <a:latin typeface="Meiryo UI"/>
              <a:cs typeface="Meiryo UI"/>
            </a:endParaRPr>
          </a:p>
        </p:txBody>
      </p:sp>
      <p:sp>
        <p:nvSpPr>
          <p:cNvPr id="140" name="object 140"/>
          <p:cNvSpPr txBox="1"/>
          <p:nvPr/>
        </p:nvSpPr>
        <p:spPr>
          <a:xfrm>
            <a:off x="7380359" y="2618208"/>
            <a:ext cx="252095" cy="116205"/>
          </a:xfrm>
          <a:prstGeom prst="rect">
            <a:avLst/>
          </a:prstGeom>
        </p:spPr>
        <p:txBody>
          <a:bodyPr vert="horz" wrap="square" lIns="0" tIns="12065" rIns="0" bIns="0" rtlCol="0">
            <a:spAutoFit/>
          </a:bodyPr>
          <a:lstStyle/>
          <a:p>
            <a:pPr marL="12700" marR="5080">
              <a:lnSpc>
                <a:spcPct val="100000"/>
              </a:lnSpc>
              <a:spcBef>
                <a:spcPts val="95"/>
              </a:spcBef>
            </a:pPr>
            <a:r>
              <a:rPr sz="200" b="1" spc="-15" dirty="0">
                <a:solidFill>
                  <a:srgbClr val="001F5F"/>
                </a:solidFill>
                <a:latin typeface="Meiryo UI"/>
                <a:cs typeface="Meiryo UI"/>
              </a:rPr>
              <a:t>自治体・関係機関との</a:t>
            </a:r>
            <a:r>
              <a:rPr sz="200" b="1" spc="-20" dirty="0">
                <a:solidFill>
                  <a:srgbClr val="001F5F"/>
                </a:solidFill>
                <a:latin typeface="Meiryo UI"/>
                <a:cs typeface="Meiryo UI"/>
              </a:rPr>
              <a:t>連携により、より専門的</a:t>
            </a:r>
            <a:r>
              <a:rPr sz="200" b="1" spc="-15" dirty="0">
                <a:solidFill>
                  <a:srgbClr val="001F5F"/>
                </a:solidFill>
                <a:latin typeface="Meiryo UI"/>
                <a:cs typeface="Meiryo UI"/>
              </a:rPr>
              <a:t>な支援が必要な層</a:t>
            </a:r>
            <a:endParaRPr sz="200">
              <a:latin typeface="Meiryo UI"/>
              <a:cs typeface="Meiryo UI"/>
            </a:endParaRPr>
          </a:p>
        </p:txBody>
      </p:sp>
      <p:pic>
        <p:nvPicPr>
          <p:cNvPr id="141" name="object 141"/>
          <p:cNvPicPr/>
          <p:nvPr/>
        </p:nvPicPr>
        <p:blipFill>
          <a:blip r:embed="rId49" cstate="print"/>
          <a:stretch>
            <a:fillRect/>
          </a:stretch>
        </p:blipFill>
        <p:spPr>
          <a:xfrm>
            <a:off x="7400814" y="2254123"/>
            <a:ext cx="207716" cy="248828"/>
          </a:xfrm>
          <a:prstGeom prst="rect">
            <a:avLst/>
          </a:prstGeom>
        </p:spPr>
      </p:pic>
      <p:sp>
        <p:nvSpPr>
          <p:cNvPr id="142" name="object 142"/>
          <p:cNvSpPr txBox="1"/>
          <p:nvPr/>
        </p:nvSpPr>
        <p:spPr>
          <a:xfrm>
            <a:off x="7039485" y="1827090"/>
            <a:ext cx="1917064" cy="162560"/>
          </a:xfrm>
          <a:prstGeom prst="rect">
            <a:avLst/>
          </a:prstGeom>
        </p:spPr>
        <p:txBody>
          <a:bodyPr vert="horz" wrap="square" lIns="0" tIns="12700" rIns="0" bIns="0" rtlCol="0">
            <a:spAutoFit/>
          </a:bodyPr>
          <a:lstStyle/>
          <a:p>
            <a:pPr marL="12700">
              <a:lnSpc>
                <a:spcPct val="100000"/>
              </a:lnSpc>
              <a:spcBef>
                <a:spcPts val="100"/>
              </a:spcBef>
            </a:pPr>
            <a:r>
              <a:rPr sz="900" b="1" spc="-25" dirty="0">
                <a:latin typeface="Meiryo UI"/>
                <a:cs typeface="Meiryo UI"/>
              </a:rPr>
              <a:t>包摂的コミュニティプラットフォームの構築</a:t>
            </a:r>
            <a:endParaRPr sz="900">
              <a:latin typeface="Meiryo UI"/>
              <a:cs typeface="Meiryo UI"/>
            </a:endParaRPr>
          </a:p>
        </p:txBody>
      </p:sp>
      <p:grpSp>
        <p:nvGrpSpPr>
          <p:cNvPr id="143" name="object 143"/>
          <p:cNvGrpSpPr/>
          <p:nvPr/>
        </p:nvGrpSpPr>
        <p:grpSpPr>
          <a:xfrm>
            <a:off x="231647" y="1769303"/>
            <a:ext cx="8883650" cy="1121410"/>
            <a:chOff x="231647" y="1769303"/>
            <a:chExt cx="8883650" cy="1121410"/>
          </a:xfrm>
        </p:grpSpPr>
        <p:sp>
          <p:nvSpPr>
            <p:cNvPr id="144" name="object 144"/>
            <p:cNvSpPr/>
            <p:nvPr/>
          </p:nvSpPr>
          <p:spPr>
            <a:xfrm>
              <a:off x="5401525" y="1782320"/>
              <a:ext cx="3700779" cy="1095375"/>
            </a:xfrm>
            <a:custGeom>
              <a:avLst/>
              <a:gdLst/>
              <a:ahLst/>
              <a:cxnLst/>
              <a:rect l="l" t="t" r="r" b="b"/>
              <a:pathLst>
                <a:path w="3700779" h="1095375">
                  <a:moveTo>
                    <a:pt x="1602016" y="172212"/>
                  </a:moveTo>
                  <a:lnTo>
                    <a:pt x="1608167" y="126431"/>
                  </a:lnTo>
                  <a:lnTo>
                    <a:pt x="1625528" y="85293"/>
                  </a:lnTo>
                  <a:lnTo>
                    <a:pt x="1652455" y="50439"/>
                  </a:lnTo>
                  <a:lnTo>
                    <a:pt x="1687309" y="23511"/>
                  </a:lnTo>
                  <a:lnTo>
                    <a:pt x="1728447" y="6151"/>
                  </a:lnTo>
                  <a:lnTo>
                    <a:pt x="1774228" y="0"/>
                  </a:lnTo>
                  <a:lnTo>
                    <a:pt x="1951774" y="0"/>
                  </a:lnTo>
                  <a:lnTo>
                    <a:pt x="2476411" y="0"/>
                  </a:lnTo>
                  <a:lnTo>
                    <a:pt x="3528352" y="0"/>
                  </a:lnTo>
                  <a:lnTo>
                    <a:pt x="3574132" y="6151"/>
                  </a:lnTo>
                  <a:lnTo>
                    <a:pt x="3615270" y="23511"/>
                  </a:lnTo>
                  <a:lnTo>
                    <a:pt x="3650124" y="50439"/>
                  </a:lnTo>
                  <a:lnTo>
                    <a:pt x="3677052" y="85293"/>
                  </a:lnTo>
                  <a:lnTo>
                    <a:pt x="3694412" y="126431"/>
                  </a:lnTo>
                  <a:lnTo>
                    <a:pt x="3700564" y="172212"/>
                  </a:lnTo>
                  <a:lnTo>
                    <a:pt x="3700564" y="602742"/>
                  </a:lnTo>
                  <a:lnTo>
                    <a:pt x="3700564" y="861060"/>
                  </a:lnTo>
                  <a:lnTo>
                    <a:pt x="3694412" y="906840"/>
                  </a:lnTo>
                  <a:lnTo>
                    <a:pt x="3677052" y="947978"/>
                  </a:lnTo>
                  <a:lnTo>
                    <a:pt x="3650124" y="982832"/>
                  </a:lnTo>
                  <a:lnTo>
                    <a:pt x="3615270" y="1009760"/>
                  </a:lnTo>
                  <a:lnTo>
                    <a:pt x="3574132" y="1027120"/>
                  </a:lnTo>
                  <a:lnTo>
                    <a:pt x="3528352" y="1033272"/>
                  </a:lnTo>
                  <a:lnTo>
                    <a:pt x="2476411" y="1033272"/>
                  </a:lnTo>
                  <a:lnTo>
                    <a:pt x="1951774" y="1033272"/>
                  </a:lnTo>
                  <a:lnTo>
                    <a:pt x="1774228" y="1033272"/>
                  </a:lnTo>
                  <a:lnTo>
                    <a:pt x="1728447" y="1027120"/>
                  </a:lnTo>
                  <a:lnTo>
                    <a:pt x="1687309" y="1009760"/>
                  </a:lnTo>
                  <a:lnTo>
                    <a:pt x="1652455" y="982832"/>
                  </a:lnTo>
                  <a:lnTo>
                    <a:pt x="1625528" y="947978"/>
                  </a:lnTo>
                  <a:lnTo>
                    <a:pt x="1608167" y="906840"/>
                  </a:lnTo>
                  <a:lnTo>
                    <a:pt x="1602016" y="861060"/>
                  </a:lnTo>
                  <a:lnTo>
                    <a:pt x="0" y="1095146"/>
                  </a:lnTo>
                  <a:lnTo>
                    <a:pt x="1602016" y="602742"/>
                  </a:lnTo>
                  <a:lnTo>
                    <a:pt x="1602016" y="172212"/>
                  </a:lnTo>
                  <a:close/>
                </a:path>
              </a:pathLst>
            </a:custGeom>
            <a:ln w="25908">
              <a:solidFill>
                <a:srgbClr val="88A3A7"/>
              </a:solidFill>
            </a:ln>
          </p:spPr>
          <p:txBody>
            <a:bodyPr wrap="square" lIns="0" tIns="0" rIns="0" bIns="0" rtlCol="0"/>
            <a:lstStyle/>
            <a:p>
              <a:endParaRPr/>
            </a:p>
          </p:txBody>
        </p:sp>
        <p:pic>
          <p:nvPicPr>
            <p:cNvPr id="145" name="object 145"/>
            <p:cNvPicPr/>
            <p:nvPr/>
          </p:nvPicPr>
          <p:blipFill>
            <a:blip r:embed="rId50" cstate="print"/>
            <a:stretch>
              <a:fillRect/>
            </a:stretch>
          </p:blipFill>
          <p:spPr>
            <a:xfrm>
              <a:off x="231647" y="1955292"/>
              <a:ext cx="1621523" cy="753680"/>
            </a:xfrm>
            <a:prstGeom prst="rect">
              <a:avLst/>
            </a:prstGeom>
          </p:spPr>
        </p:pic>
      </p:grpSp>
      <p:sp>
        <p:nvSpPr>
          <p:cNvPr id="146" name="object 146"/>
          <p:cNvSpPr txBox="1"/>
          <p:nvPr/>
        </p:nvSpPr>
        <p:spPr>
          <a:xfrm>
            <a:off x="281514" y="1806948"/>
            <a:ext cx="1539240" cy="162560"/>
          </a:xfrm>
          <a:prstGeom prst="rect">
            <a:avLst/>
          </a:prstGeom>
        </p:spPr>
        <p:txBody>
          <a:bodyPr vert="horz" wrap="square" lIns="0" tIns="12700" rIns="0" bIns="0" rtlCol="0">
            <a:spAutoFit/>
          </a:bodyPr>
          <a:lstStyle/>
          <a:p>
            <a:pPr marL="12700">
              <a:lnSpc>
                <a:spcPct val="100000"/>
              </a:lnSpc>
              <a:spcBef>
                <a:spcPts val="100"/>
              </a:spcBef>
            </a:pPr>
            <a:r>
              <a:rPr sz="900" b="1" spc="-25" dirty="0">
                <a:latin typeface="Meiryo UI"/>
                <a:cs typeface="Meiryo UI"/>
              </a:rPr>
              <a:t>統合型ヘルスケアシステムの構築</a:t>
            </a:r>
            <a:endParaRPr sz="900">
              <a:latin typeface="Meiryo UI"/>
              <a:cs typeface="Meiryo UI"/>
            </a:endParaRPr>
          </a:p>
        </p:txBody>
      </p:sp>
      <p:pic>
        <p:nvPicPr>
          <p:cNvPr id="147" name="object 147"/>
          <p:cNvPicPr/>
          <p:nvPr/>
        </p:nvPicPr>
        <p:blipFill>
          <a:blip r:embed="rId51" cstate="print"/>
          <a:stretch>
            <a:fillRect/>
          </a:stretch>
        </p:blipFill>
        <p:spPr>
          <a:xfrm>
            <a:off x="114300" y="5239511"/>
            <a:ext cx="1965959" cy="970787"/>
          </a:xfrm>
          <a:prstGeom prst="rect">
            <a:avLst/>
          </a:prstGeom>
        </p:spPr>
      </p:pic>
      <p:sp>
        <p:nvSpPr>
          <p:cNvPr id="148" name="object 148"/>
          <p:cNvSpPr txBox="1"/>
          <p:nvPr/>
        </p:nvSpPr>
        <p:spPr>
          <a:xfrm>
            <a:off x="192172" y="5071930"/>
            <a:ext cx="2409825" cy="292735"/>
          </a:xfrm>
          <a:prstGeom prst="rect">
            <a:avLst/>
          </a:prstGeom>
        </p:spPr>
        <p:txBody>
          <a:bodyPr vert="horz" wrap="square" lIns="0" tIns="15240" rIns="0" bIns="0" rtlCol="0">
            <a:spAutoFit/>
          </a:bodyPr>
          <a:lstStyle/>
          <a:p>
            <a:pPr marR="11430" algn="r">
              <a:lnSpc>
                <a:spcPct val="100000"/>
              </a:lnSpc>
              <a:spcBef>
                <a:spcPts val="120"/>
              </a:spcBef>
            </a:pPr>
            <a:r>
              <a:rPr sz="800" spc="75" dirty="0">
                <a:latin typeface="Meiryo UI"/>
                <a:cs typeface="Meiryo UI"/>
              </a:rPr>
              <a:t>効率的なインフラマネ</a:t>
            </a:r>
            <a:endParaRPr sz="800">
              <a:latin typeface="Meiryo UI"/>
              <a:cs typeface="Meiryo UI"/>
            </a:endParaRPr>
          </a:p>
          <a:p>
            <a:pPr marR="5080" algn="r">
              <a:lnSpc>
                <a:spcPct val="100000"/>
              </a:lnSpc>
              <a:spcBef>
                <a:spcPts val="40"/>
              </a:spcBef>
            </a:pPr>
            <a:r>
              <a:rPr sz="900" b="1" spc="-15" dirty="0">
                <a:latin typeface="Meiryo UI"/>
                <a:cs typeface="Meiryo UI"/>
              </a:rPr>
              <a:t>スマート防災ネットワークの構</a:t>
            </a:r>
            <a:r>
              <a:rPr sz="900" b="1" spc="-525" dirty="0">
                <a:latin typeface="Meiryo UI"/>
                <a:cs typeface="Meiryo UI"/>
              </a:rPr>
              <a:t>築</a:t>
            </a:r>
            <a:r>
              <a:rPr sz="800" spc="70" dirty="0">
                <a:latin typeface="Meiryo UI"/>
                <a:cs typeface="Meiryo UI"/>
              </a:rPr>
              <a:t>ジメントが進んだ社会</a:t>
            </a:r>
            <a:endParaRPr sz="800">
              <a:latin typeface="Meiryo UI"/>
              <a:cs typeface="Meiryo UI"/>
            </a:endParaRPr>
          </a:p>
        </p:txBody>
      </p:sp>
      <p:grpSp>
        <p:nvGrpSpPr>
          <p:cNvPr id="149" name="object 149"/>
          <p:cNvGrpSpPr/>
          <p:nvPr/>
        </p:nvGrpSpPr>
        <p:grpSpPr>
          <a:xfrm>
            <a:off x="30416" y="5105797"/>
            <a:ext cx="8895715" cy="1278255"/>
            <a:chOff x="30416" y="5105797"/>
            <a:chExt cx="8895715" cy="1278255"/>
          </a:xfrm>
        </p:grpSpPr>
        <p:sp>
          <p:nvSpPr>
            <p:cNvPr id="150" name="object 150"/>
            <p:cNvSpPr/>
            <p:nvPr/>
          </p:nvSpPr>
          <p:spPr>
            <a:xfrm>
              <a:off x="43433" y="5118815"/>
              <a:ext cx="3582670" cy="1124585"/>
            </a:xfrm>
            <a:custGeom>
              <a:avLst/>
              <a:gdLst/>
              <a:ahLst/>
              <a:cxnLst/>
              <a:rect l="l" t="t" r="r" b="b"/>
              <a:pathLst>
                <a:path w="3582670" h="1124585">
                  <a:moveTo>
                    <a:pt x="0" y="225094"/>
                  </a:moveTo>
                  <a:lnTo>
                    <a:pt x="6424" y="177285"/>
                  </a:lnTo>
                  <a:lnTo>
                    <a:pt x="24553" y="134326"/>
                  </a:lnTo>
                  <a:lnTo>
                    <a:pt x="52673" y="97931"/>
                  </a:lnTo>
                  <a:lnTo>
                    <a:pt x="89069" y="69813"/>
                  </a:lnTo>
                  <a:lnTo>
                    <a:pt x="132027" y="51686"/>
                  </a:lnTo>
                  <a:lnTo>
                    <a:pt x="179832" y="45262"/>
                  </a:lnTo>
                  <a:lnTo>
                    <a:pt x="1250823" y="45262"/>
                  </a:lnTo>
                  <a:lnTo>
                    <a:pt x="1786889" y="45262"/>
                  </a:lnTo>
                  <a:lnTo>
                    <a:pt x="1964436" y="45262"/>
                  </a:lnTo>
                  <a:lnTo>
                    <a:pt x="2012240" y="51686"/>
                  </a:lnTo>
                  <a:lnTo>
                    <a:pt x="2055198" y="69813"/>
                  </a:lnTo>
                  <a:lnTo>
                    <a:pt x="2091594" y="97931"/>
                  </a:lnTo>
                  <a:lnTo>
                    <a:pt x="2119714" y="134326"/>
                  </a:lnTo>
                  <a:lnTo>
                    <a:pt x="2137843" y="177285"/>
                  </a:lnTo>
                  <a:lnTo>
                    <a:pt x="2144268" y="225094"/>
                  </a:lnTo>
                  <a:lnTo>
                    <a:pt x="3582466" y="0"/>
                  </a:lnTo>
                  <a:lnTo>
                    <a:pt x="2144268" y="494842"/>
                  </a:lnTo>
                  <a:lnTo>
                    <a:pt x="2144268" y="944410"/>
                  </a:lnTo>
                  <a:lnTo>
                    <a:pt x="2137843" y="992220"/>
                  </a:lnTo>
                  <a:lnTo>
                    <a:pt x="2119714" y="1035181"/>
                  </a:lnTo>
                  <a:lnTo>
                    <a:pt x="2091594" y="1071579"/>
                  </a:lnTo>
                  <a:lnTo>
                    <a:pt x="2055198" y="1099700"/>
                  </a:lnTo>
                  <a:lnTo>
                    <a:pt x="2012240" y="1117830"/>
                  </a:lnTo>
                  <a:lnTo>
                    <a:pt x="1964436" y="1124254"/>
                  </a:lnTo>
                  <a:lnTo>
                    <a:pt x="1786889" y="1124254"/>
                  </a:lnTo>
                  <a:lnTo>
                    <a:pt x="1250823" y="1124254"/>
                  </a:lnTo>
                  <a:lnTo>
                    <a:pt x="179832" y="1124254"/>
                  </a:lnTo>
                  <a:lnTo>
                    <a:pt x="132027" y="1117830"/>
                  </a:lnTo>
                  <a:lnTo>
                    <a:pt x="89069" y="1099700"/>
                  </a:lnTo>
                  <a:lnTo>
                    <a:pt x="52673" y="1071579"/>
                  </a:lnTo>
                  <a:lnTo>
                    <a:pt x="24553" y="1035181"/>
                  </a:lnTo>
                  <a:lnTo>
                    <a:pt x="6424" y="992220"/>
                  </a:lnTo>
                  <a:lnTo>
                    <a:pt x="0" y="944410"/>
                  </a:lnTo>
                  <a:lnTo>
                    <a:pt x="0" y="494842"/>
                  </a:lnTo>
                  <a:lnTo>
                    <a:pt x="0" y="225094"/>
                  </a:lnTo>
                  <a:close/>
                </a:path>
              </a:pathLst>
            </a:custGeom>
            <a:ln w="25908">
              <a:solidFill>
                <a:srgbClr val="88A3A7"/>
              </a:solidFill>
            </a:ln>
          </p:spPr>
          <p:txBody>
            <a:bodyPr wrap="square" lIns="0" tIns="0" rIns="0" bIns="0" rtlCol="0"/>
            <a:lstStyle/>
            <a:p>
              <a:endParaRPr/>
            </a:p>
          </p:txBody>
        </p:sp>
        <p:pic>
          <p:nvPicPr>
            <p:cNvPr id="151" name="object 151"/>
            <p:cNvPicPr/>
            <p:nvPr/>
          </p:nvPicPr>
          <p:blipFill>
            <a:blip r:embed="rId52" cstate="print"/>
            <a:stretch>
              <a:fillRect/>
            </a:stretch>
          </p:blipFill>
          <p:spPr>
            <a:xfrm>
              <a:off x="7112508" y="5394960"/>
              <a:ext cx="1813546" cy="989075"/>
            </a:xfrm>
            <a:prstGeom prst="rect">
              <a:avLst/>
            </a:prstGeom>
          </p:spPr>
        </p:pic>
      </p:grpSp>
      <p:sp>
        <p:nvSpPr>
          <p:cNvPr id="152" name="object 152"/>
          <p:cNvSpPr txBox="1"/>
          <p:nvPr/>
        </p:nvSpPr>
        <p:spPr>
          <a:xfrm>
            <a:off x="7147559" y="5394959"/>
            <a:ext cx="1742439" cy="139065"/>
          </a:xfrm>
          <a:prstGeom prst="rect">
            <a:avLst/>
          </a:prstGeom>
          <a:solidFill>
            <a:srgbClr val="FFFFFF"/>
          </a:solidFill>
        </p:spPr>
        <p:txBody>
          <a:bodyPr vert="horz" wrap="square" lIns="0" tIns="0" rIns="0" bIns="0" rtlCol="0">
            <a:spAutoFit/>
          </a:bodyPr>
          <a:lstStyle/>
          <a:p>
            <a:pPr>
              <a:lnSpc>
                <a:spcPts val="1025"/>
              </a:lnSpc>
            </a:pPr>
            <a:r>
              <a:rPr sz="900" b="1" spc="-20" dirty="0">
                <a:latin typeface="Meiryo UI"/>
                <a:cs typeface="Meiryo UI"/>
              </a:rPr>
              <a:t>海洋安全保障プラットフォームの構築</a:t>
            </a:r>
            <a:endParaRPr sz="900">
              <a:latin typeface="Meiryo UI"/>
              <a:cs typeface="Meiryo UI"/>
            </a:endParaRPr>
          </a:p>
        </p:txBody>
      </p:sp>
      <p:sp>
        <p:nvSpPr>
          <p:cNvPr id="153" name="object 153"/>
          <p:cNvSpPr/>
          <p:nvPr/>
        </p:nvSpPr>
        <p:spPr>
          <a:xfrm>
            <a:off x="6756222" y="4334310"/>
            <a:ext cx="2313940" cy="2090420"/>
          </a:xfrm>
          <a:custGeom>
            <a:avLst/>
            <a:gdLst/>
            <a:ahLst/>
            <a:cxnLst/>
            <a:rect l="l" t="t" r="r" b="b"/>
            <a:pathLst>
              <a:path w="2313940" h="2090420">
                <a:moveTo>
                  <a:pt x="247319" y="1169365"/>
                </a:moveTo>
                <a:lnTo>
                  <a:pt x="253897" y="1120411"/>
                </a:lnTo>
                <a:lnTo>
                  <a:pt x="272462" y="1076421"/>
                </a:lnTo>
                <a:lnTo>
                  <a:pt x="301256" y="1039152"/>
                </a:lnTo>
                <a:lnTo>
                  <a:pt x="338526" y="1010357"/>
                </a:lnTo>
                <a:lnTo>
                  <a:pt x="382516" y="991793"/>
                </a:lnTo>
                <a:lnTo>
                  <a:pt x="431469" y="985215"/>
                </a:lnTo>
                <a:lnTo>
                  <a:pt x="591743" y="985215"/>
                </a:lnTo>
                <a:lnTo>
                  <a:pt x="0" y="0"/>
                </a:lnTo>
                <a:lnTo>
                  <a:pt x="1108379" y="985215"/>
                </a:lnTo>
                <a:lnTo>
                  <a:pt x="2129713" y="985215"/>
                </a:lnTo>
                <a:lnTo>
                  <a:pt x="2178667" y="991793"/>
                </a:lnTo>
                <a:lnTo>
                  <a:pt x="2222657" y="1010357"/>
                </a:lnTo>
                <a:lnTo>
                  <a:pt x="2259926" y="1039152"/>
                </a:lnTo>
                <a:lnTo>
                  <a:pt x="2288721" y="1076421"/>
                </a:lnTo>
                <a:lnTo>
                  <a:pt x="2307285" y="1120411"/>
                </a:lnTo>
                <a:lnTo>
                  <a:pt x="2313863" y="1169365"/>
                </a:lnTo>
                <a:lnTo>
                  <a:pt x="2313863" y="1445590"/>
                </a:lnTo>
                <a:lnTo>
                  <a:pt x="2313863" y="1905952"/>
                </a:lnTo>
                <a:lnTo>
                  <a:pt x="2307285" y="1954911"/>
                </a:lnTo>
                <a:lnTo>
                  <a:pt x="2288721" y="1998904"/>
                </a:lnTo>
                <a:lnTo>
                  <a:pt x="2259926" y="2036176"/>
                </a:lnTo>
                <a:lnTo>
                  <a:pt x="2222657" y="2064972"/>
                </a:lnTo>
                <a:lnTo>
                  <a:pt x="2178667" y="2083537"/>
                </a:lnTo>
                <a:lnTo>
                  <a:pt x="2129713" y="2090115"/>
                </a:lnTo>
                <a:lnTo>
                  <a:pt x="1108379" y="2090115"/>
                </a:lnTo>
                <a:lnTo>
                  <a:pt x="591743" y="2090115"/>
                </a:lnTo>
                <a:lnTo>
                  <a:pt x="431469" y="2090115"/>
                </a:lnTo>
                <a:lnTo>
                  <a:pt x="382516" y="2083537"/>
                </a:lnTo>
                <a:lnTo>
                  <a:pt x="338526" y="2064972"/>
                </a:lnTo>
                <a:lnTo>
                  <a:pt x="301256" y="2036176"/>
                </a:lnTo>
                <a:lnTo>
                  <a:pt x="272462" y="1998904"/>
                </a:lnTo>
                <a:lnTo>
                  <a:pt x="253897" y="1954911"/>
                </a:lnTo>
                <a:lnTo>
                  <a:pt x="247319" y="1905952"/>
                </a:lnTo>
                <a:lnTo>
                  <a:pt x="247319" y="1445590"/>
                </a:lnTo>
                <a:lnTo>
                  <a:pt x="247319" y="1169365"/>
                </a:lnTo>
                <a:close/>
              </a:path>
            </a:pathLst>
          </a:custGeom>
          <a:ln w="25908">
            <a:solidFill>
              <a:srgbClr val="88A3A7"/>
            </a:solidFill>
          </a:ln>
        </p:spPr>
        <p:txBody>
          <a:bodyPr wrap="square" lIns="0" tIns="0" rIns="0" bIns="0" rtlCol="0"/>
          <a:lstStyle/>
          <a:p>
            <a:endParaRPr/>
          </a:p>
        </p:txBody>
      </p:sp>
    </p:spTree>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object 2"/>
          <p:cNvGrpSpPr/>
          <p:nvPr/>
        </p:nvGrpSpPr>
        <p:grpSpPr>
          <a:xfrm>
            <a:off x="6096" y="0"/>
            <a:ext cx="9138285" cy="585470"/>
            <a:chOff x="6096" y="0"/>
            <a:chExt cx="9138285" cy="585470"/>
          </a:xfrm>
        </p:grpSpPr>
        <p:pic>
          <p:nvPicPr>
            <p:cNvPr id="3" name="object 3"/>
            <p:cNvPicPr/>
            <p:nvPr/>
          </p:nvPicPr>
          <p:blipFill>
            <a:blip r:embed="rId2" cstate="print"/>
            <a:stretch>
              <a:fillRect/>
            </a:stretch>
          </p:blipFill>
          <p:spPr>
            <a:xfrm>
              <a:off x="6096" y="0"/>
              <a:ext cx="9137904" cy="585215"/>
            </a:xfrm>
            <a:prstGeom prst="rect">
              <a:avLst/>
            </a:prstGeom>
          </p:spPr>
        </p:pic>
        <p:pic>
          <p:nvPicPr>
            <p:cNvPr id="4" name="object 4"/>
            <p:cNvPicPr/>
            <p:nvPr/>
          </p:nvPicPr>
          <p:blipFill>
            <a:blip r:embed="rId3" cstate="print"/>
            <a:stretch>
              <a:fillRect/>
            </a:stretch>
          </p:blipFill>
          <p:spPr>
            <a:xfrm>
              <a:off x="106121" y="161162"/>
              <a:ext cx="8501684" cy="299656"/>
            </a:xfrm>
            <a:prstGeom prst="rect">
              <a:avLst/>
            </a:prstGeom>
          </p:spPr>
        </p:pic>
        <p:sp>
          <p:nvSpPr>
            <p:cNvPr id="5" name="object 5"/>
            <p:cNvSpPr/>
            <p:nvPr/>
          </p:nvSpPr>
          <p:spPr>
            <a:xfrm>
              <a:off x="8725857" y="185972"/>
              <a:ext cx="321310" cy="247650"/>
            </a:xfrm>
            <a:custGeom>
              <a:avLst/>
              <a:gdLst/>
              <a:ahLst/>
              <a:cxnLst/>
              <a:rect l="l" t="t" r="r" b="b"/>
              <a:pathLst>
                <a:path w="321309" h="247650">
                  <a:moveTo>
                    <a:pt x="231419" y="0"/>
                  </a:moveTo>
                  <a:lnTo>
                    <a:pt x="170688" y="0"/>
                  </a:lnTo>
                  <a:lnTo>
                    <a:pt x="170688" y="247650"/>
                  </a:lnTo>
                  <a:lnTo>
                    <a:pt x="230225" y="247650"/>
                  </a:lnTo>
                  <a:lnTo>
                    <a:pt x="247489" y="246013"/>
                  </a:lnTo>
                  <a:lnTo>
                    <a:pt x="263563" y="241104"/>
                  </a:lnTo>
                  <a:lnTo>
                    <a:pt x="278445" y="232921"/>
                  </a:lnTo>
                  <a:lnTo>
                    <a:pt x="292138" y="221462"/>
                  </a:lnTo>
                  <a:lnTo>
                    <a:pt x="301870" y="208368"/>
                  </a:lnTo>
                  <a:lnTo>
                    <a:pt x="206413" y="208368"/>
                  </a:lnTo>
                  <a:lnTo>
                    <a:pt x="206413" y="39293"/>
                  </a:lnTo>
                  <a:lnTo>
                    <a:pt x="301872" y="39293"/>
                  </a:lnTo>
                  <a:lnTo>
                    <a:pt x="292138" y="26200"/>
                  </a:lnTo>
                  <a:lnTo>
                    <a:pt x="278519" y="14739"/>
                  </a:lnTo>
                  <a:lnTo>
                    <a:pt x="263859" y="6551"/>
                  </a:lnTo>
                  <a:lnTo>
                    <a:pt x="248159" y="1638"/>
                  </a:lnTo>
                  <a:lnTo>
                    <a:pt x="231419" y="0"/>
                  </a:lnTo>
                  <a:close/>
                </a:path>
                <a:path w="321309" h="247650">
                  <a:moveTo>
                    <a:pt x="301872" y="39293"/>
                  </a:moveTo>
                  <a:lnTo>
                    <a:pt x="230225" y="39293"/>
                  </a:lnTo>
                  <a:lnTo>
                    <a:pt x="239602" y="40334"/>
                  </a:lnTo>
                  <a:lnTo>
                    <a:pt x="248681" y="43457"/>
                  </a:lnTo>
                  <a:lnTo>
                    <a:pt x="278442" y="81265"/>
                  </a:lnTo>
                  <a:lnTo>
                    <a:pt x="282613" y="123825"/>
                  </a:lnTo>
                  <a:lnTo>
                    <a:pt x="281570" y="147268"/>
                  </a:lnTo>
                  <a:lnTo>
                    <a:pt x="265938" y="191693"/>
                  </a:lnTo>
                  <a:lnTo>
                    <a:pt x="230225" y="208368"/>
                  </a:lnTo>
                  <a:lnTo>
                    <a:pt x="301870" y="208368"/>
                  </a:lnTo>
                  <a:lnTo>
                    <a:pt x="304639" y="204644"/>
                  </a:lnTo>
                  <a:lnTo>
                    <a:pt x="313569" y="182764"/>
                  </a:lnTo>
                  <a:lnTo>
                    <a:pt x="318927" y="155824"/>
                  </a:lnTo>
                  <a:lnTo>
                    <a:pt x="320713" y="123825"/>
                  </a:lnTo>
                  <a:lnTo>
                    <a:pt x="318927" y="91827"/>
                  </a:lnTo>
                  <a:lnTo>
                    <a:pt x="313569" y="64892"/>
                  </a:lnTo>
                  <a:lnTo>
                    <a:pt x="304639" y="43016"/>
                  </a:lnTo>
                  <a:lnTo>
                    <a:pt x="301872" y="39293"/>
                  </a:lnTo>
                  <a:close/>
                </a:path>
                <a:path w="321309" h="247650">
                  <a:moveTo>
                    <a:pt x="66675" y="1193"/>
                  </a:moveTo>
                  <a:lnTo>
                    <a:pt x="0" y="1193"/>
                  </a:lnTo>
                  <a:lnTo>
                    <a:pt x="0" y="246456"/>
                  </a:lnTo>
                  <a:lnTo>
                    <a:pt x="36918" y="246456"/>
                  </a:lnTo>
                  <a:lnTo>
                    <a:pt x="36918" y="161925"/>
                  </a:lnTo>
                  <a:lnTo>
                    <a:pt x="66675" y="161925"/>
                  </a:lnTo>
                  <a:lnTo>
                    <a:pt x="109319" y="150545"/>
                  </a:lnTo>
                  <a:lnTo>
                    <a:pt x="132602" y="122631"/>
                  </a:lnTo>
                  <a:lnTo>
                    <a:pt x="36918" y="122631"/>
                  </a:lnTo>
                  <a:lnTo>
                    <a:pt x="36918" y="38100"/>
                  </a:lnTo>
                  <a:lnTo>
                    <a:pt x="132055" y="38100"/>
                  </a:lnTo>
                  <a:lnTo>
                    <a:pt x="129114" y="31631"/>
                  </a:lnTo>
                  <a:lnTo>
                    <a:pt x="120256" y="20243"/>
                  </a:lnTo>
                  <a:lnTo>
                    <a:pt x="109764" y="11909"/>
                  </a:lnTo>
                  <a:lnTo>
                    <a:pt x="97337" y="5956"/>
                  </a:lnTo>
                  <a:lnTo>
                    <a:pt x="82974" y="2384"/>
                  </a:lnTo>
                  <a:lnTo>
                    <a:pt x="66675" y="1193"/>
                  </a:lnTo>
                  <a:close/>
                </a:path>
                <a:path w="321309" h="247650">
                  <a:moveTo>
                    <a:pt x="132055" y="38100"/>
                  </a:moveTo>
                  <a:lnTo>
                    <a:pt x="69062" y="38100"/>
                  </a:lnTo>
                  <a:lnTo>
                    <a:pt x="75458" y="38769"/>
                  </a:lnTo>
                  <a:lnTo>
                    <a:pt x="81559" y="40778"/>
                  </a:lnTo>
                  <a:lnTo>
                    <a:pt x="103593" y="80962"/>
                  </a:lnTo>
                  <a:lnTo>
                    <a:pt x="102998" y="90934"/>
                  </a:lnTo>
                  <a:lnTo>
                    <a:pt x="75982" y="121962"/>
                  </a:lnTo>
                  <a:lnTo>
                    <a:pt x="69062" y="122631"/>
                  </a:lnTo>
                  <a:lnTo>
                    <a:pt x="132602" y="122631"/>
                  </a:lnTo>
                  <a:lnTo>
                    <a:pt x="135339" y="116609"/>
                  </a:lnTo>
                  <a:lnTo>
                    <a:pt x="135440" y="116385"/>
                  </a:lnTo>
                  <a:lnTo>
                    <a:pt x="139235" y="99938"/>
                  </a:lnTo>
                  <a:lnTo>
                    <a:pt x="140500" y="80962"/>
                  </a:lnTo>
                  <a:lnTo>
                    <a:pt x="139250" y="62209"/>
                  </a:lnTo>
                  <a:lnTo>
                    <a:pt x="139235" y="61988"/>
                  </a:lnTo>
                  <a:lnTo>
                    <a:pt x="135440" y="45545"/>
                  </a:lnTo>
                  <a:lnTo>
                    <a:pt x="132055" y="38100"/>
                  </a:lnTo>
                  <a:close/>
                </a:path>
              </a:pathLst>
            </a:custGeom>
            <a:solidFill>
              <a:srgbClr val="404040"/>
            </a:solidFill>
          </p:spPr>
          <p:txBody>
            <a:bodyPr wrap="square" lIns="0" tIns="0" rIns="0" bIns="0" rtlCol="0"/>
            <a:lstStyle/>
            <a:p>
              <a:endParaRPr/>
            </a:p>
          </p:txBody>
        </p:sp>
        <p:pic>
          <p:nvPicPr>
            <p:cNvPr id="6" name="object 6"/>
            <p:cNvPicPr/>
            <p:nvPr/>
          </p:nvPicPr>
          <p:blipFill>
            <a:blip r:embed="rId4" cstate="print"/>
            <a:stretch>
              <a:fillRect/>
            </a:stretch>
          </p:blipFill>
          <p:spPr>
            <a:xfrm>
              <a:off x="8758204" y="219500"/>
              <a:ext cx="75819" cy="93675"/>
            </a:xfrm>
            <a:prstGeom prst="rect">
              <a:avLst/>
            </a:prstGeom>
          </p:spPr>
        </p:pic>
        <p:pic>
          <p:nvPicPr>
            <p:cNvPr id="7" name="object 7"/>
            <p:cNvPicPr/>
            <p:nvPr/>
          </p:nvPicPr>
          <p:blipFill>
            <a:blip r:embed="rId5" cstate="print"/>
            <a:stretch>
              <a:fillRect/>
            </a:stretch>
          </p:blipFill>
          <p:spPr>
            <a:xfrm>
              <a:off x="8927698" y="220694"/>
              <a:ext cx="85344" cy="178206"/>
            </a:xfrm>
            <a:prstGeom prst="rect">
              <a:avLst/>
            </a:prstGeom>
          </p:spPr>
        </p:pic>
        <p:sp>
          <p:nvSpPr>
            <p:cNvPr id="8" name="object 8"/>
            <p:cNvSpPr/>
            <p:nvPr/>
          </p:nvSpPr>
          <p:spPr>
            <a:xfrm>
              <a:off x="8725857" y="185972"/>
              <a:ext cx="321310" cy="247650"/>
            </a:xfrm>
            <a:custGeom>
              <a:avLst/>
              <a:gdLst/>
              <a:ahLst/>
              <a:cxnLst/>
              <a:rect l="l" t="t" r="r" b="b"/>
              <a:pathLst>
                <a:path w="321309" h="247650">
                  <a:moveTo>
                    <a:pt x="0" y="1193"/>
                  </a:moveTo>
                  <a:lnTo>
                    <a:pt x="66675" y="1193"/>
                  </a:lnTo>
                  <a:lnTo>
                    <a:pt x="82974" y="2384"/>
                  </a:lnTo>
                  <a:lnTo>
                    <a:pt x="120256" y="20243"/>
                  </a:lnTo>
                  <a:lnTo>
                    <a:pt x="139235" y="61986"/>
                  </a:lnTo>
                  <a:lnTo>
                    <a:pt x="140500" y="80962"/>
                  </a:lnTo>
                  <a:lnTo>
                    <a:pt x="139235" y="99938"/>
                  </a:lnTo>
                  <a:lnTo>
                    <a:pt x="120256" y="141693"/>
                  </a:lnTo>
                  <a:lnTo>
                    <a:pt x="82526" y="160660"/>
                  </a:lnTo>
                  <a:lnTo>
                    <a:pt x="66675" y="161925"/>
                  </a:lnTo>
                  <a:lnTo>
                    <a:pt x="36918" y="161925"/>
                  </a:lnTo>
                  <a:lnTo>
                    <a:pt x="36918" y="246456"/>
                  </a:lnTo>
                  <a:lnTo>
                    <a:pt x="0" y="246456"/>
                  </a:lnTo>
                  <a:lnTo>
                    <a:pt x="0" y="1193"/>
                  </a:lnTo>
                  <a:close/>
                </a:path>
                <a:path w="321309" h="247650">
                  <a:moveTo>
                    <a:pt x="170688" y="0"/>
                  </a:moveTo>
                  <a:lnTo>
                    <a:pt x="231419" y="0"/>
                  </a:lnTo>
                  <a:lnTo>
                    <a:pt x="248159" y="1638"/>
                  </a:lnTo>
                  <a:lnTo>
                    <a:pt x="292138" y="26200"/>
                  </a:lnTo>
                  <a:lnTo>
                    <a:pt x="313569" y="64892"/>
                  </a:lnTo>
                  <a:lnTo>
                    <a:pt x="320713" y="123825"/>
                  </a:lnTo>
                  <a:lnTo>
                    <a:pt x="318927" y="155824"/>
                  </a:lnTo>
                  <a:lnTo>
                    <a:pt x="304639" y="204644"/>
                  </a:lnTo>
                  <a:lnTo>
                    <a:pt x="278445" y="232921"/>
                  </a:lnTo>
                  <a:lnTo>
                    <a:pt x="230225" y="247650"/>
                  </a:lnTo>
                  <a:lnTo>
                    <a:pt x="170688" y="247650"/>
                  </a:lnTo>
                  <a:lnTo>
                    <a:pt x="170688" y="0"/>
                  </a:lnTo>
                  <a:close/>
                </a:path>
              </a:pathLst>
            </a:custGeom>
            <a:ln w="9144">
              <a:solidFill>
                <a:srgbClr val="FFFFFF"/>
              </a:solidFill>
            </a:ln>
          </p:spPr>
          <p:txBody>
            <a:bodyPr wrap="square" lIns="0" tIns="0" rIns="0" bIns="0" rtlCol="0"/>
            <a:lstStyle/>
            <a:p>
              <a:endParaRPr/>
            </a:p>
          </p:txBody>
        </p:sp>
      </p:grpSp>
      <p:sp>
        <p:nvSpPr>
          <p:cNvPr id="9" name="object 9"/>
          <p:cNvSpPr txBox="1"/>
          <p:nvPr/>
        </p:nvSpPr>
        <p:spPr>
          <a:xfrm>
            <a:off x="8886128" y="6500666"/>
            <a:ext cx="176530" cy="299720"/>
          </a:xfrm>
          <a:prstGeom prst="rect">
            <a:avLst/>
          </a:prstGeom>
        </p:spPr>
        <p:txBody>
          <a:bodyPr vert="horz" wrap="square" lIns="0" tIns="12700" rIns="0" bIns="0" rtlCol="0">
            <a:spAutoFit/>
          </a:bodyPr>
          <a:lstStyle/>
          <a:p>
            <a:pPr marL="12700">
              <a:lnSpc>
                <a:spcPct val="100000"/>
              </a:lnSpc>
              <a:spcBef>
                <a:spcPts val="100"/>
              </a:spcBef>
            </a:pPr>
            <a:r>
              <a:rPr sz="1800" b="1" spc="-50" dirty="0">
                <a:latin typeface="HGPｺﾞｼｯｸM"/>
                <a:cs typeface="HGPｺﾞｼｯｸM"/>
              </a:rPr>
              <a:t>７</a:t>
            </a:r>
            <a:endParaRPr sz="1800">
              <a:latin typeface="HGPｺﾞｼｯｸM"/>
              <a:cs typeface="HGPｺﾞｼｯｸM"/>
            </a:endParaRPr>
          </a:p>
        </p:txBody>
      </p:sp>
      <p:grpSp>
        <p:nvGrpSpPr>
          <p:cNvPr id="10" name="object 10"/>
          <p:cNvGrpSpPr/>
          <p:nvPr/>
        </p:nvGrpSpPr>
        <p:grpSpPr>
          <a:xfrm>
            <a:off x="153917" y="3931920"/>
            <a:ext cx="890269" cy="672465"/>
            <a:chOff x="153917" y="3931920"/>
            <a:chExt cx="890269" cy="672465"/>
          </a:xfrm>
        </p:grpSpPr>
        <p:sp>
          <p:nvSpPr>
            <p:cNvPr id="11" name="object 11"/>
            <p:cNvSpPr/>
            <p:nvPr/>
          </p:nvSpPr>
          <p:spPr>
            <a:xfrm>
              <a:off x="153924" y="3931920"/>
              <a:ext cx="666115" cy="664845"/>
            </a:xfrm>
            <a:custGeom>
              <a:avLst/>
              <a:gdLst/>
              <a:ahLst/>
              <a:cxnLst/>
              <a:rect l="l" t="t" r="r" b="b"/>
              <a:pathLst>
                <a:path w="666115" h="664845">
                  <a:moveTo>
                    <a:pt x="332994" y="0"/>
                  </a:moveTo>
                  <a:lnTo>
                    <a:pt x="283786" y="3602"/>
                  </a:lnTo>
                  <a:lnTo>
                    <a:pt x="236820" y="14066"/>
                  </a:lnTo>
                  <a:lnTo>
                    <a:pt x="192611" y="30878"/>
                  </a:lnTo>
                  <a:lnTo>
                    <a:pt x="151674" y="53523"/>
                  </a:lnTo>
                  <a:lnTo>
                    <a:pt x="114524" y="81489"/>
                  </a:lnTo>
                  <a:lnTo>
                    <a:pt x="81677" y="114262"/>
                  </a:lnTo>
                  <a:lnTo>
                    <a:pt x="53647" y="151326"/>
                  </a:lnTo>
                  <a:lnTo>
                    <a:pt x="30949" y="192170"/>
                  </a:lnTo>
                  <a:lnTo>
                    <a:pt x="14098" y="236277"/>
                  </a:lnTo>
                  <a:lnTo>
                    <a:pt x="3610" y="283136"/>
                  </a:lnTo>
                  <a:lnTo>
                    <a:pt x="0" y="332231"/>
                  </a:lnTo>
                  <a:lnTo>
                    <a:pt x="3610" y="381327"/>
                  </a:lnTo>
                  <a:lnTo>
                    <a:pt x="14098" y="428186"/>
                  </a:lnTo>
                  <a:lnTo>
                    <a:pt x="30949" y="472293"/>
                  </a:lnTo>
                  <a:lnTo>
                    <a:pt x="53647" y="513137"/>
                  </a:lnTo>
                  <a:lnTo>
                    <a:pt x="81677" y="550201"/>
                  </a:lnTo>
                  <a:lnTo>
                    <a:pt x="114524" y="582974"/>
                  </a:lnTo>
                  <a:lnTo>
                    <a:pt x="151674" y="610940"/>
                  </a:lnTo>
                  <a:lnTo>
                    <a:pt x="192611" y="633585"/>
                  </a:lnTo>
                  <a:lnTo>
                    <a:pt x="236820" y="650397"/>
                  </a:lnTo>
                  <a:lnTo>
                    <a:pt x="283786" y="660861"/>
                  </a:lnTo>
                  <a:lnTo>
                    <a:pt x="332994" y="664463"/>
                  </a:lnTo>
                  <a:lnTo>
                    <a:pt x="382201" y="660861"/>
                  </a:lnTo>
                  <a:lnTo>
                    <a:pt x="429167" y="650397"/>
                  </a:lnTo>
                  <a:lnTo>
                    <a:pt x="473376" y="633585"/>
                  </a:lnTo>
                  <a:lnTo>
                    <a:pt x="514313" y="610940"/>
                  </a:lnTo>
                  <a:lnTo>
                    <a:pt x="551463" y="582974"/>
                  </a:lnTo>
                  <a:lnTo>
                    <a:pt x="584310" y="550201"/>
                  </a:lnTo>
                  <a:lnTo>
                    <a:pt x="612340" y="513137"/>
                  </a:lnTo>
                  <a:lnTo>
                    <a:pt x="635038" y="472293"/>
                  </a:lnTo>
                  <a:lnTo>
                    <a:pt x="651889" y="428186"/>
                  </a:lnTo>
                  <a:lnTo>
                    <a:pt x="662377" y="381327"/>
                  </a:lnTo>
                  <a:lnTo>
                    <a:pt x="665988" y="332231"/>
                  </a:lnTo>
                  <a:lnTo>
                    <a:pt x="662377" y="283136"/>
                  </a:lnTo>
                  <a:lnTo>
                    <a:pt x="651889" y="236277"/>
                  </a:lnTo>
                  <a:lnTo>
                    <a:pt x="635038" y="192170"/>
                  </a:lnTo>
                  <a:lnTo>
                    <a:pt x="612340" y="151326"/>
                  </a:lnTo>
                  <a:lnTo>
                    <a:pt x="584310" y="114262"/>
                  </a:lnTo>
                  <a:lnTo>
                    <a:pt x="551463" y="81489"/>
                  </a:lnTo>
                  <a:lnTo>
                    <a:pt x="514313" y="53523"/>
                  </a:lnTo>
                  <a:lnTo>
                    <a:pt x="473376" y="30878"/>
                  </a:lnTo>
                  <a:lnTo>
                    <a:pt x="429167" y="14066"/>
                  </a:lnTo>
                  <a:lnTo>
                    <a:pt x="382201" y="3602"/>
                  </a:lnTo>
                  <a:lnTo>
                    <a:pt x="332994" y="0"/>
                  </a:lnTo>
                  <a:close/>
                </a:path>
              </a:pathLst>
            </a:custGeom>
            <a:solidFill>
              <a:srgbClr val="C9D2DA"/>
            </a:solidFill>
          </p:spPr>
          <p:txBody>
            <a:bodyPr wrap="square" lIns="0" tIns="0" rIns="0" bIns="0" rtlCol="0"/>
            <a:lstStyle/>
            <a:p>
              <a:endParaRPr/>
            </a:p>
          </p:txBody>
        </p:sp>
        <p:pic>
          <p:nvPicPr>
            <p:cNvPr id="12" name="object 12"/>
            <p:cNvPicPr/>
            <p:nvPr/>
          </p:nvPicPr>
          <p:blipFill>
            <a:blip r:embed="rId6" cstate="print"/>
            <a:stretch>
              <a:fillRect/>
            </a:stretch>
          </p:blipFill>
          <p:spPr>
            <a:xfrm>
              <a:off x="237771" y="3958551"/>
              <a:ext cx="511067" cy="638909"/>
            </a:xfrm>
            <a:prstGeom prst="rect">
              <a:avLst/>
            </a:prstGeom>
          </p:spPr>
        </p:pic>
        <p:sp>
          <p:nvSpPr>
            <p:cNvPr id="13" name="object 13"/>
            <p:cNvSpPr/>
            <p:nvPr/>
          </p:nvSpPr>
          <p:spPr>
            <a:xfrm>
              <a:off x="155441" y="3934966"/>
              <a:ext cx="668020" cy="668020"/>
            </a:xfrm>
            <a:custGeom>
              <a:avLst/>
              <a:gdLst/>
              <a:ahLst/>
              <a:cxnLst/>
              <a:rect l="l" t="t" r="r" b="b"/>
              <a:pathLst>
                <a:path w="668019" h="668020">
                  <a:moveTo>
                    <a:pt x="334111" y="0"/>
                  </a:moveTo>
                  <a:lnTo>
                    <a:pt x="401497" y="6781"/>
                  </a:lnTo>
                  <a:lnTo>
                    <a:pt x="464083" y="26314"/>
                  </a:lnTo>
                  <a:lnTo>
                    <a:pt x="520700" y="57010"/>
                  </a:lnTo>
                  <a:lnTo>
                    <a:pt x="570141" y="97675"/>
                  </a:lnTo>
                  <a:lnTo>
                    <a:pt x="610806" y="147116"/>
                  </a:lnTo>
                  <a:lnTo>
                    <a:pt x="641515" y="204139"/>
                  </a:lnTo>
                  <a:lnTo>
                    <a:pt x="661047" y="266725"/>
                  </a:lnTo>
                  <a:lnTo>
                    <a:pt x="667816" y="334111"/>
                  </a:lnTo>
                  <a:lnTo>
                    <a:pt x="666229" y="368388"/>
                  </a:lnTo>
                  <a:lnTo>
                    <a:pt x="652665" y="433387"/>
                  </a:lnTo>
                  <a:lnTo>
                    <a:pt x="627557" y="493191"/>
                  </a:lnTo>
                  <a:lnTo>
                    <a:pt x="591667" y="546214"/>
                  </a:lnTo>
                  <a:lnTo>
                    <a:pt x="546214" y="591667"/>
                  </a:lnTo>
                  <a:lnTo>
                    <a:pt x="493191" y="627545"/>
                  </a:lnTo>
                  <a:lnTo>
                    <a:pt x="433387" y="652665"/>
                  </a:lnTo>
                  <a:lnTo>
                    <a:pt x="368401" y="666216"/>
                  </a:lnTo>
                  <a:lnTo>
                    <a:pt x="334111" y="667816"/>
                  </a:lnTo>
                  <a:lnTo>
                    <a:pt x="299821" y="666216"/>
                  </a:lnTo>
                  <a:lnTo>
                    <a:pt x="234835" y="652665"/>
                  </a:lnTo>
                  <a:lnTo>
                    <a:pt x="174637" y="627545"/>
                  </a:lnTo>
                  <a:lnTo>
                    <a:pt x="121602" y="591667"/>
                  </a:lnTo>
                  <a:lnTo>
                    <a:pt x="76149" y="546214"/>
                  </a:lnTo>
                  <a:lnTo>
                    <a:pt x="40271" y="493191"/>
                  </a:lnTo>
                  <a:lnTo>
                    <a:pt x="15151" y="433387"/>
                  </a:lnTo>
                  <a:lnTo>
                    <a:pt x="1600" y="368388"/>
                  </a:lnTo>
                  <a:lnTo>
                    <a:pt x="0" y="334111"/>
                  </a:lnTo>
                  <a:lnTo>
                    <a:pt x="1600" y="299821"/>
                  </a:lnTo>
                  <a:lnTo>
                    <a:pt x="15151" y="234835"/>
                  </a:lnTo>
                  <a:lnTo>
                    <a:pt x="40271" y="174637"/>
                  </a:lnTo>
                  <a:lnTo>
                    <a:pt x="76149" y="121602"/>
                  </a:lnTo>
                  <a:lnTo>
                    <a:pt x="121602" y="76149"/>
                  </a:lnTo>
                  <a:lnTo>
                    <a:pt x="174637" y="40271"/>
                  </a:lnTo>
                  <a:lnTo>
                    <a:pt x="234835" y="15151"/>
                  </a:lnTo>
                  <a:lnTo>
                    <a:pt x="299821" y="1600"/>
                  </a:lnTo>
                  <a:lnTo>
                    <a:pt x="334111" y="0"/>
                  </a:lnTo>
                  <a:close/>
                </a:path>
              </a:pathLst>
            </a:custGeom>
            <a:ln w="3175">
              <a:solidFill>
                <a:srgbClr val="000000"/>
              </a:solidFill>
            </a:ln>
          </p:spPr>
          <p:txBody>
            <a:bodyPr wrap="square" lIns="0" tIns="0" rIns="0" bIns="0" rtlCol="0"/>
            <a:lstStyle/>
            <a:p>
              <a:endParaRPr/>
            </a:p>
          </p:txBody>
        </p:sp>
        <p:pic>
          <p:nvPicPr>
            <p:cNvPr id="14" name="object 14"/>
            <p:cNvPicPr/>
            <p:nvPr/>
          </p:nvPicPr>
          <p:blipFill>
            <a:blip r:embed="rId7" cstate="print"/>
            <a:stretch>
              <a:fillRect/>
            </a:stretch>
          </p:blipFill>
          <p:spPr>
            <a:xfrm>
              <a:off x="844296" y="3986786"/>
              <a:ext cx="199644" cy="166116"/>
            </a:xfrm>
            <a:prstGeom prst="rect">
              <a:avLst/>
            </a:prstGeom>
          </p:spPr>
        </p:pic>
      </p:grpSp>
      <p:sp>
        <p:nvSpPr>
          <p:cNvPr id="15" name="object 15"/>
          <p:cNvSpPr txBox="1"/>
          <p:nvPr/>
        </p:nvSpPr>
        <p:spPr>
          <a:xfrm>
            <a:off x="853556" y="3937867"/>
            <a:ext cx="2171065" cy="629920"/>
          </a:xfrm>
          <a:prstGeom prst="rect">
            <a:avLst/>
          </a:prstGeom>
        </p:spPr>
        <p:txBody>
          <a:bodyPr vert="horz" wrap="square" lIns="0" tIns="54610" rIns="0" bIns="0" rtlCol="0">
            <a:spAutoFit/>
          </a:bodyPr>
          <a:lstStyle/>
          <a:p>
            <a:pPr marL="12700">
              <a:lnSpc>
                <a:spcPct val="100000"/>
              </a:lnSpc>
              <a:spcBef>
                <a:spcPts val="430"/>
              </a:spcBef>
            </a:pPr>
            <a:r>
              <a:rPr sz="1000" b="1" dirty="0">
                <a:solidFill>
                  <a:srgbClr val="FFFFFF"/>
                </a:solidFill>
                <a:latin typeface="Meiryo UI"/>
                <a:cs typeface="Meiryo UI"/>
              </a:rPr>
              <a:t>05</a:t>
            </a:r>
            <a:r>
              <a:rPr sz="1000" b="1" spc="180" dirty="0">
                <a:solidFill>
                  <a:srgbClr val="FFFFFF"/>
                </a:solidFill>
                <a:latin typeface="Meiryo UI"/>
                <a:cs typeface="Meiryo UI"/>
              </a:rPr>
              <a:t> </a:t>
            </a:r>
            <a:r>
              <a:rPr sz="1000" b="1" spc="-25" dirty="0">
                <a:latin typeface="Meiryo UI"/>
                <a:cs typeface="Meiryo UI"/>
              </a:rPr>
              <a:t>海洋安全保障プラットフォームの構築</a:t>
            </a:r>
            <a:endParaRPr sz="1000">
              <a:latin typeface="Meiryo UI"/>
              <a:cs typeface="Meiryo UI"/>
            </a:endParaRPr>
          </a:p>
          <a:p>
            <a:pPr marL="77470">
              <a:lnSpc>
                <a:spcPct val="100000"/>
              </a:lnSpc>
              <a:spcBef>
                <a:spcPts val="464"/>
              </a:spcBef>
            </a:pPr>
            <a:r>
              <a:rPr sz="1500" b="1" spc="-10" dirty="0">
                <a:latin typeface="Meiryo UI"/>
                <a:cs typeface="Meiryo UI"/>
              </a:rPr>
              <a:t>石井 正一</a:t>
            </a:r>
            <a:endParaRPr sz="1500">
              <a:latin typeface="Meiryo UI"/>
              <a:cs typeface="Meiryo UI"/>
            </a:endParaRPr>
          </a:p>
          <a:p>
            <a:pPr marL="77470">
              <a:lnSpc>
                <a:spcPct val="100000"/>
              </a:lnSpc>
            </a:pPr>
            <a:r>
              <a:rPr sz="800" dirty="0">
                <a:latin typeface="Meiryo UI"/>
                <a:cs typeface="Meiryo UI"/>
              </a:rPr>
              <a:t>日本</a:t>
            </a:r>
            <a:r>
              <a:rPr sz="800" spc="-10" dirty="0">
                <a:latin typeface="Meiryo UI"/>
                <a:cs typeface="Meiryo UI"/>
              </a:rPr>
              <a:t>CCS</a:t>
            </a:r>
            <a:r>
              <a:rPr sz="800" spc="25" dirty="0">
                <a:latin typeface="Meiryo UI"/>
                <a:cs typeface="Meiryo UI"/>
              </a:rPr>
              <a:t>調査㈱ 顧問</a:t>
            </a:r>
            <a:endParaRPr sz="800">
              <a:latin typeface="Meiryo UI"/>
              <a:cs typeface="Meiryo UI"/>
            </a:endParaRPr>
          </a:p>
        </p:txBody>
      </p:sp>
      <p:grpSp>
        <p:nvGrpSpPr>
          <p:cNvPr id="16" name="object 16"/>
          <p:cNvGrpSpPr/>
          <p:nvPr/>
        </p:nvGrpSpPr>
        <p:grpSpPr>
          <a:xfrm>
            <a:off x="150876" y="3139438"/>
            <a:ext cx="883919" cy="672465"/>
            <a:chOff x="150876" y="3139438"/>
            <a:chExt cx="883919" cy="672465"/>
          </a:xfrm>
        </p:grpSpPr>
        <p:pic>
          <p:nvPicPr>
            <p:cNvPr id="17" name="object 17"/>
            <p:cNvPicPr/>
            <p:nvPr/>
          </p:nvPicPr>
          <p:blipFill>
            <a:blip r:embed="rId8" cstate="print"/>
            <a:stretch>
              <a:fillRect/>
            </a:stretch>
          </p:blipFill>
          <p:spPr>
            <a:xfrm>
              <a:off x="153924" y="3142488"/>
              <a:ext cx="665987" cy="662495"/>
            </a:xfrm>
            <a:prstGeom prst="rect">
              <a:avLst/>
            </a:prstGeom>
          </p:spPr>
        </p:pic>
        <p:sp>
          <p:nvSpPr>
            <p:cNvPr id="18" name="object 18"/>
            <p:cNvSpPr/>
            <p:nvPr/>
          </p:nvSpPr>
          <p:spPr>
            <a:xfrm>
              <a:off x="152400" y="3140962"/>
              <a:ext cx="669925" cy="669925"/>
            </a:xfrm>
            <a:custGeom>
              <a:avLst/>
              <a:gdLst/>
              <a:ahLst/>
              <a:cxnLst/>
              <a:rect l="l" t="t" r="r" b="b"/>
              <a:pathLst>
                <a:path w="669925" h="669925">
                  <a:moveTo>
                    <a:pt x="334899" y="0"/>
                  </a:moveTo>
                  <a:lnTo>
                    <a:pt x="402285" y="6781"/>
                  </a:lnTo>
                  <a:lnTo>
                    <a:pt x="464870" y="26314"/>
                  </a:lnTo>
                  <a:lnTo>
                    <a:pt x="521893" y="57010"/>
                  </a:lnTo>
                  <a:lnTo>
                    <a:pt x="571334" y="98082"/>
                  </a:lnTo>
                  <a:lnTo>
                    <a:pt x="612381" y="147510"/>
                  </a:lnTo>
                  <a:lnTo>
                    <a:pt x="643089" y="204533"/>
                  </a:lnTo>
                  <a:lnTo>
                    <a:pt x="662622" y="267512"/>
                  </a:lnTo>
                  <a:lnTo>
                    <a:pt x="669404" y="334899"/>
                  </a:lnTo>
                  <a:lnTo>
                    <a:pt x="667804" y="369189"/>
                  </a:lnTo>
                  <a:lnTo>
                    <a:pt x="654253" y="434174"/>
                  </a:lnTo>
                  <a:lnTo>
                    <a:pt x="629132" y="494372"/>
                  </a:lnTo>
                  <a:lnTo>
                    <a:pt x="592848" y="547801"/>
                  </a:lnTo>
                  <a:lnTo>
                    <a:pt x="547801" y="592848"/>
                  </a:lnTo>
                  <a:lnTo>
                    <a:pt x="494372" y="629132"/>
                  </a:lnTo>
                  <a:lnTo>
                    <a:pt x="434174" y="654253"/>
                  </a:lnTo>
                  <a:lnTo>
                    <a:pt x="369189" y="667804"/>
                  </a:lnTo>
                  <a:lnTo>
                    <a:pt x="334899" y="669404"/>
                  </a:lnTo>
                  <a:lnTo>
                    <a:pt x="300609" y="667804"/>
                  </a:lnTo>
                  <a:lnTo>
                    <a:pt x="235229" y="654253"/>
                  </a:lnTo>
                  <a:lnTo>
                    <a:pt x="175425" y="629132"/>
                  </a:lnTo>
                  <a:lnTo>
                    <a:pt x="121996" y="592848"/>
                  </a:lnTo>
                  <a:lnTo>
                    <a:pt x="76555" y="547801"/>
                  </a:lnTo>
                  <a:lnTo>
                    <a:pt x="40259" y="494372"/>
                  </a:lnTo>
                  <a:lnTo>
                    <a:pt x="15151" y="434174"/>
                  </a:lnTo>
                  <a:lnTo>
                    <a:pt x="1587" y="369189"/>
                  </a:lnTo>
                  <a:lnTo>
                    <a:pt x="0" y="334899"/>
                  </a:lnTo>
                  <a:lnTo>
                    <a:pt x="1587" y="300621"/>
                  </a:lnTo>
                  <a:lnTo>
                    <a:pt x="15151" y="235229"/>
                  </a:lnTo>
                  <a:lnTo>
                    <a:pt x="40259" y="175425"/>
                  </a:lnTo>
                  <a:lnTo>
                    <a:pt x="76555" y="121996"/>
                  </a:lnTo>
                  <a:lnTo>
                    <a:pt x="121996" y="76555"/>
                  </a:lnTo>
                  <a:lnTo>
                    <a:pt x="175425" y="40271"/>
                  </a:lnTo>
                  <a:lnTo>
                    <a:pt x="235229" y="15151"/>
                  </a:lnTo>
                  <a:lnTo>
                    <a:pt x="300609" y="1600"/>
                  </a:lnTo>
                  <a:lnTo>
                    <a:pt x="334899" y="0"/>
                  </a:lnTo>
                  <a:close/>
                </a:path>
              </a:pathLst>
            </a:custGeom>
            <a:ln w="3175">
              <a:solidFill>
                <a:srgbClr val="000000"/>
              </a:solidFill>
            </a:ln>
          </p:spPr>
          <p:txBody>
            <a:bodyPr wrap="square" lIns="0" tIns="0" rIns="0" bIns="0" rtlCol="0"/>
            <a:lstStyle/>
            <a:p>
              <a:endParaRPr/>
            </a:p>
          </p:txBody>
        </p:sp>
        <p:pic>
          <p:nvPicPr>
            <p:cNvPr id="19" name="object 19"/>
            <p:cNvPicPr/>
            <p:nvPr/>
          </p:nvPicPr>
          <p:blipFill>
            <a:blip r:embed="rId7" cstate="print"/>
            <a:stretch>
              <a:fillRect/>
            </a:stretch>
          </p:blipFill>
          <p:spPr>
            <a:xfrm>
              <a:off x="835152" y="3194306"/>
              <a:ext cx="199644" cy="166115"/>
            </a:xfrm>
            <a:prstGeom prst="rect">
              <a:avLst/>
            </a:prstGeom>
          </p:spPr>
        </p:pic>
      </p:grpSp>
      <p:sp>
        <p:nvSpPr>
          <p:cNvPr id="20" name="object 20"/>
          <p:cNvSpPr txBox="1"/>
          <p:nvPr/>
        </p:nvSpPr>
        <p:spPr>
          <a:xfrm>
            <a:off x="844073" y="3148967"/>
            <a:ext cx="3748404" cy="622300"/>
          </a:xfrm>
          <a:prstGeom prst="rect">
            <a:avLst/>
          </a:prstGeom>
        </p:spPr>
        <p:txBody>
          <a:bodyPr vert="horz" wrap="square" lIns="0" tIns="51435" rIns="0" bIns="0" rtlCol="0">
            <a:spAutoFit/>
          </a:bodyPr>
          <a:lstStyle/>
          <a:p>
            <a:pPr marL="12700">
              <a:lnSpc>
                <a:spcPct val="100000"/>
              </a:lnSpc>
              <a:spcBef>
                <a:spcPts val="405"/>
              </a:spcBef>
            </a:pPr>
            <a:r>
              <a:rPr sz="1000" b="1" dirty="0">
                <a:solidFill>
                  <a:srgbClr val="FFFFFF"/>
                </a:solidFill>
                <a:latin typeface="Meiryo UI"/>
                <a:cs typeface="Meiryo UI"/>
              </a:rPr>
              <a:t>04</a:t>
            </a:r>
            <a:r>
              <a:rPr sz="1000" b="1" spc="330" dirty="0">
                <a:solidFill>
                  <a:srgbClr val="FFFFFF"/>
                </a:solidFill>
                <a:latin typeface="Meiryo UI"/>
                <a:cs typeface="Meiryo UI"/>
              </a:rPr>
              <a:t> </a:t>
            </a:r>
            <a:r>
              <a:rPr sz="1500" b="1" spc="-44" baseline="2777" dirty="0">
                <a:latin typeface="Meiryo UI"/>
                <a:cs typeface="Meiryo UI"/>
              </a:rPr>
              <a:t>ポストコロナ時代の学び方・働き方を実現するプラットフォームの構築</a:t>
            </a:r>
            <a:endParaRPr sz="1500" baseline="2777">
              <a:latin typeface="Meiryo UI"/>
              <a:cs typeface="Meiryo UI"/>
            </a:endParaRPr>
          </a:p>
          <a:p>
            <a:pPr marL="86995">
              <a:lnSpc>
                <a:spcPct val="100000"/>
              </a:lnSpc>
              <a:spcBef>
                <a:spcPts val="425"/>
              </a:spcBef>
            </a:pPr>
            <a:r>
              <a:rPr sz="1500" b="1" spc="-10" dirty="0">
                <a:latin typeface="Meiryo UI"/>
                <a:cs typeface="Meiryo UI"/>
              </a:rPr>
              <a:t>西村 訓弘</a:t>
            </a:r>
            <a:endParaRPr sz="1500">
              <a:latin typeface="Meiryo UI"/>
              <a:cs typeface="Meiryo UI"/>
            </a:endParaRPr>
          </a:p>
          <a:p>
            <a:pPr marL="86995">
              <a:lnSpc>
                <a:spcPct val="100000"/>
              </a:lnSpc>
              <a:spcBef>
                <a:spcPts val="5"/>
              </a:spcBef>
            </a:pPr>
            <a:r>
              <a:rPr sz="800" spc="-5" dirty="0">
                <a:latin typeface="Meiryo UI"/>
                <a:cs typeface="Meiryo UI"/>
              </a:rPr>
              <a:t>三重大学大学院 地域イノベーション学研究科 教授・特命副学長</a:t>
            </a:r>
            <a:endParaRPr sz="800">
              <a:latin typeface="Meiryo UI"/>
              <a:cs typeface="Meiryo UI"/>
            </a:endParaRPr>
          </a:p>
        </p:txBody>
      </p:sp>
      <p:grpSp>
        <p:nvGrpSpPr>
          <p:cNvPr id="21" name="object 21"/>
          <p:cNvGrpSpPr/>
          <p:nvPr/>
        </p:nvGrpSpPr>
        <p:grpSpPr>
          <a:xfrm>
            <a:off x="4671053" y="2337814"/>
            <a:ext cx="671195" cy="671195"/>
            <a:chOff x="4671053" y="2337814"/>
            <a:chExt cx="671195" cy="671195"/>
          </a:xfrm>
        </p:grpSpPr>
        <p:pic>
          <p:nvPicPr>
            <p:cNvPr id="22" name="object 22"/>
            <p:cNvPicPr/>
            <p:nvPr/>
          </p:nvPicPr>
          <p:blipFill>
            <a:blip r:embed="rId9" cstate="print"/>
            <a:stretch>
              <a:fillRect/>
            </a:stretch>
          </p:blipFill>
          <p:spPr>
            <a:xfrm>
              <a:off x="4674107" y="2340864"/>
              <a:ext cx="664463" cy="664463"/>
            </a:xfrm>
            <a:prstGeom prst="rect">
              <a:avLst/>
            </a:prstGeom>
          </p:spPr>
        </p:pic>
        <p:sp>
          <p:nvSpPr>
            <p:cNvPr id="23" name="object 23"/>
            <p:cNvSpPr/>
            <p:nvPr/>
          </p:nvSpPr>
          <p:spPr>
            <a:xfrm>
              <a:off x="4672577" y="2339338"/>
              <a:ext cx="668020" cy="668020"/>
            </a:xfrm>
            <a:custGeom>
              <a:avLst/>
              <a:gdLst/>
              <a:ahLst/>
              <a:cxnLst/>
              <a:rect l="l" t="t" r="r" b="b"/>
              <a:pathLst>
                <a:path w="668020" h="668019">
                  <a:moveTo>
                    <a:pt x="334111" y="0"/>
                  </a:moveTo>
                  <a:lnTo>
                    <a:pt x="401497" y="6781"/>
                  </a:lnTo>
                  <a:lnTo>
                    <a:pt x="464083" y="26314"/>
                  </a:lnTo>
                  <a:lnTo>
                    <a:pt x="520699" y="57010"/>
                  </a:lnTo>
                  <a:lnTo>
                    <a:pt x="570141" y="97675"/>
                  </a:lnTo>
                  <a:lnTo>
                    <a:pt x="610806" y="147116"/>
                  </a:lnTo>
                  <a:lnTo>
                    <a:pt x="641515" y="204139"/>
                  </a:lnTo>
                  <a:lnTo>
                    <a:pt x="661047" y="266725"/>
                  </a:lnTo>
                  <a:lnTo>
                    <a:pt x="667816" y="334111"/>
                  </a:lnTo>
                  <a:lnTo>
                    <a:pt x="666229" y="368388"/>
                  </a:lnTo>
                  <a:lnTo>
                    <a:pt x="652665" y="433387"/>
                  </a:lnTo>
                  <a:lnTo>
                    <a:pt x="627557" y="493191"/>
                  </a:lnTo>
                  <a:lnTo>
                    <a:pt x="591667" y="546214"/>
                  </a:lnTo>
                  <a:lnTo>
                    <a:pt x="546214" y="591667"/>
                  </a:lnTo>
                  <a:lnTo>
                    <a:pt x="493191" y="627545"/>
                  </a:lnTo>
                  <a:lnTo>
                    <a:pt x="433387" y="652665"/>
                  </a:lnTo>
                  <a:lnTo>
                    <a:pt x="368401" y="666216"/>
                  </a:lnTo>
                  <a:lnTo>
                    <a:pt x="334111" y="667816"/>
                  </a:lnTo>
                  <a:lnTo>
                    <a:pt x="299821" y="666216"/>
                  </a:lnTo>
                  <a:lnTo>
                    <a:pt x="234835" y="652665"/>
                  </a:lnTo>
                  <a:lnTo>
                    <a:pt x="174637" y="627545"/>
                  </a:lnTo>
                  <a:lnTo>
                    <a:pt x="121602" y="591667"/>
                  </a:lnTo>
                  <a:lnTo>
                    <a:pt x="76149" y="546214"/>
                  </a:lnTo>
                  <a:lnTo>
                    <a:pt x="40271" y="493191"/>
                  </a:lnTo>
                  <a:lnTo>
                    <a:pt x="15151" y="433387"/>
                  </a:lnTo>
                  <a:lnTo>
                    <a:pt x="1600" y="368388"/>
                  </a:lnTo>
                  <a:lnTo>
                    <a:pt x="0" y="334111"/>
                  </a:lnTo>
                  <a:lnTo>
                    <a:pt x="1600" y="299821"/>
                  </a:lnTo>
                  <a:lnTo>
                    <a:pt x="15151" y="234835"/>
                  </a:lnTo>
                  <a:lnTo>
                    <a:pt x="40271" y="174637"/>
                  </a:lnTo>
                  <a:lnTo>
                    <a:pt x="76149" y="121602"/>
                  </a:lnTo>
                  <a:lnTo>
                    <a:pt x="121602" y="76149"/>
                  </a:lnTo>
                  <a:lnTo>
                    <a:pt x="174637" y="40271"/>
                  </a:lnTo>
                  <a:lnTo>
                    <a:pt x="234835" y="15151"/>
                  </a:lnTo>
                  <a:lnTo>
                    <a:pt x="299821" y="1600"/>
                  </a:lnTo>
                  <a:lnTo>
                    <a:pt x="334111" y="0"/>
                  </a:lnTo>
                  <a:close/>
                </a:path>
              </a:pathLst>
            </a:custGeom>
            <a:ln w="3175">
              <a:solidFill>
                <a:srgbClr val="000000"/>
              </a:solidFill>
            </a:ln>
          </p:spPr>
          <p:txBody>
            <a:bodyPr wrap="square" lIns="0" tIns="0" rIns="0" bIns="0" rtlCol="0"/>
            <a:lstStyle/>
            <a:p>
              <a:endParaRPr/>
            </a:p>
          </p:txBody>
        </p:sp>
      </p:grpSp>
      <p:pic>
        <p:nvPicPr>
          <p:cNvPr id="24" name="object 24"/>
          <p:cNvPicPr/>
          <p:nvPr/>
        </p:nvPicPr>
        <p:blipFill>
          <a:blip r:embed="rId10" cstate="print"/>
          <a:stretch>
            <a:fillRect/>
          </a:stretch>
        </p:blipFill>
        <p:spPr>
          <a:xfrm>
            <a:off x="5426964" y="3122678"/>
            <a:ext cx="199644" cy="166115"/>
          </a:xfrm>
          <a:prstGeom prst="rect">
            <a:avLst/>
          </a:prstGeom>
        </p:spPr>
      </p:pic>
      <p:sp>
        <p:nvSpPr>
          <p:cNvPr id="25" name="object 25"/>
          <p:cNvSpPr txBox="1"/>
          <p:nvPr/>
        </p:nvSpPr>
        <p:spPr>
          <a:xfrm>
            <a:off x="5436506" y="3075357"/>
            <a:ext cx="3472179" cy="756920"/>
          </a:xfrm>
          <a:prstGeom prst="rect">
            <a:avLst/>
          </a:prstGeom>
        </p:spPr>
        <p:txBody>
          <a:bodyPr vert="horz" wrap="square" lIns="0" tIns="56515" rIns="0" bIns="0" rtlCol="0">
            <a:spAutoFit/>
          </a:bodyPr>
          <a:lstStyle/>
          <a:p>
            <a:pPr marL="12700">
              <a:lnSpc>
                <a:spcPct val="100000"/>
              </a:lnSpc>
              <a:spcBef>
                <a:spcPts val="445"/>
              </a:spcBef>
            </a:pPr>
            <a:r>
              <a:rPr sz="1000" b="1" dirty="0">
                <a:solidFill>
                  <a:srgbClr val="FFFFFF"/>
                </a:solidFill>
                <a:latin typeface="Meiryo UI"/>
                <a:cs typeface="Meiryo UI"/>
              </a:rPr>
              <a:t>11</a:t>
            </a:r>
            <a:r>
              <a:rPr sz="1000" b="1" spc="120" dirty="0">
                <a:solidFill>
                  <a:srgbClr val="FFFFFF"/>
                </a:solidFill>
                <a:latin typeface="Meiryo UI"/>
                <a:cs typeface="Meiryo UI"/>
              </a:rPr>
              <a:t> </a:t>
            </a:r>
            <a:r>
              <a:rPr sz="1000" b="1" spc="-35" dirty="0">
                <a:latin typeface="Meiryo UI"/>
                <a:cs typeface="Meiryo UI"/>
              </a:rPr>
              <a:t>人協調型ロボティクスの拡大に向けた基盤技術・ルールの整備</a:t>
            </a:r>
            <a:endParaRPr sz="1000">
              <a:latin typeface="Meiryo UI"/>
              <a:cs typeface="Meiryo UI"/>
            </a:endParaRPr>
          </a:p>
          <a:p>
            <a:pPr marL="63500">
              <a:lnSpc>
                <a:spcPct val="100000"/>
              </a:lnSpc>
              <a:spcBef>
                <a:spcPts val="484"/>
              </a:spcBef>
            </a:pPr>
            <a:r>
              <a:rPr sz="1500" b="1" spc="-10" dirty="0">
                <a:latin typeface="Meiryo UI"/>
                <a:cs typeface="Meiryo UI"/>
              </a:rPr>
              <a:t>山海 嘉之</a:t>
            </a:r>
            <a:endParaRPr sz="1500">
              <a:latin typeface="Meiryo UI"/>
              <a:cs typeface="Meiryo UI"/>
            </a:endParaRPr>
          </a:p>
          <a:p>
            <a:pPr marL="63500" marR="5080">
              <a:lnSpc>
                <a:spcPct val="100000"/>
              </a:lnSpc>
              <a:spcBef>
                <a:spcPts val="5"/>
              </a:spcBef>
            </a:pPr>
            <a:r>
              <a:rPr sz="800" spc="-25" dirty="0">
                <a:latin typeface="Meiryo UI"/>
                <a:cs typeface="Meiryo UI"/>
              </a:rPr>
              <a:t>筑波大学 システム情報系教授 兼 サイバニクス研究センター 研究統括 兼 未来</a:t>
            </a:r>
            <a:r>
              <a:rPr sz="800" spc="500" dirty="0">
                <a:latin typeface="Meiryo UI"/>
                <a:cs typeface="Meiryo UI"/>
              </a:rPr>
              <a:t> </a:t>
            </a:r>
            <a:r>
              <a:rPr sz="800" spc="-10" dirty="0">
                <a:latin typeface="Meiryo UI"/>
                <a:cs typeface="Meiryo UI"/>
              </a:rPr>
              <a:t>社会工学開発研究センター センター長／CYBERDYNE</a:t>
            </a:r>
            <a:r>
              <a:rPr sz="800" dirty="0">
                <a:latin typeface="Meiryo UI"/>
                <a:cs typeface="Meiryo UI"/>
              </a:rPr>
              <a:t>㈱ 代表取締役社長・</a:t>
            </a:r>
            <a:r>
              <a:rPr sz="800" spc="-25" dirty="0">
                <a:latin typeface="Meiryo UI"/>
                <a:cs typeface="Meiryo UI"/>
              </a:rPr>
              <a:t>CEO</a:t>
            </a:r>
            <a:endParaRPr sz="800">
              <a:latin typeface="Meiryo UI"/>
              <a:cs typeface="Meiryo UI"/>
            </a:endParaRPr>
          </a:p>
        </p:txBody>
      </p:sp>
      <p:pic>
        <p:nvPicPr>
          <p:cNvPr id="26" name="object 26"/>
          <p:cNvPicPr/>
          <p:nvPr/>
        </p:nvPicPr>
        <p:blipFill>
          <a:blip r:embed="rId10" cstate="print"/>
          <a:stretch>
            <a:fillRect/>
          </a:stretch>
        </p:blipFill>
        <p:spPr>
          <a:xfrm>
            <a:off x="5426964" y="794006"/>
            <a:ext cx="199644" cy="166115"/>
          </a:xfrm>
          <a:prstGeom prst="rect">
            <a:avLst/>
          </a:prstGeom>
        </p:spPr>
      </p:pic>
      <p:sp>
        <p:nvSpPr>
          <p:cNvPr id="27" name="object 27"/>
          <p:cNvSpPr txBox="1"/>
          <p:nvPr/>
        </p:nvSpPr>
        <p:spPr>
          <a:xfrm>
            <a:off x="5436848" y="745473"/>
            <a:ext cx="2214880" cy="635000"/>
          </a:xfrm>
          <a:prstGeom prst="rect">
            <a:avLst/>
          </a:prstGeom>
        </p:spPr>
        <p:txBody>
          <a:bodyPr vert="horz" wrap="square" lIns="0" tIns="56515" rIns="0" bIns="0" rtlCol="0">
            <a:spAutoFit/>
          </a:bodyPr>
          <a:lstStyle/>
          <a:p>
            <a:pPr marL="12700">
              <a:lnSpc>
                <a:spcPct val="100000"/>
              </a:lnSpc>
              <a:spcBef>
                <a:spcPts val="445"/>
              </a:spcBef>
            </a:pPr>
            <a:r>
              <a:rPr sz="1000" b="1" dirty="0">
                <a:solidFill>
                  <a:srgbClr val="FFFFFF"/>
                </a:solidFill>
                <a:latin typeface="Meiryo UI"/>
                <a:cs typeface="Meiryo UI"/>
              </a:rPr>
              <a:t>08</a:t>
            </a:r>
            <a:r>
              <a:rPr sz="1000" b="1" spc="85" dirty="0">
                <a:solidFill>
                  <a:srgbClr val="FFFFFF"/>
                </a:solidFill>
                <a:latin typeface="Meiryo UI"/>
                <a:cs typeface="Meiryo UI"/>
              </a:rPr>
              <a:t> </a:t>
            </a:r>
            <a:r>
              <a:rPr sz="1000" b="1" spc="-25" dirty="0">
                <a:latin typeface="Meiryo UI"/>
                <a:cs typeface="Meiryo UI"/>
              </a:rPr>
              <a:t>スマート防災ネットワークの構築</a:t>
            </a:r>
            <a:endParaRPr sz="1000">
              <a:latin typeface="Meiryo UI"/>
              <a:cs typeface="Meiryo UI"/>
            </a:endParaRPr>
          </a:p>
          <a:p>
            <a:pPr marL="63500">
              <a:lnSpc>
                <a:spcPct val="100000"/>
              </a:lnSpc>
              <a:spcBef>
                <a:spcPts val="484"/>
              </a:spcBef>
            </a:pPr>
            <a:r>
              <a:rPr sz="1500" b="1" spc="-15" dirty="0">
                <a:latin typeface="Meiryo UI"/>
                <a:cs typeface="Meiryo UI"/>
              </a:rPr>
              <a:t>楠 浩一</a:t>
            </a:r>
            <a:endParaRPr sz="1500">
              <a:latin typeface="Meiryo UI"/>
              <a:cs typeface="Meiryo UI"/>
            </a:endParaRPr>
          </a:p>
          <a:p>
            <a:pPr marL="63500">
              <a:lnSpc>
                <a:spcPct val="100000"/>
              </a:lnSpc>
              <a:spcBef>
                <a:spcPts val="5"/>
              </a:spcBef>
            </a:pPr>
            <a:r>
              <a:rPr sz="800" spc="-20" dirty="0">
                <a:latin typeface="Meiryo UI"/>
                <a:cs typeface="Meiryo UI"/>
              </a:rPr>
              <a:t>東京大学 地震研究所 災害科学系研究部門 教授</a:t>
            </a:r>
            <a:endParaRPr sz="800">
              <a:latin typeface="Meiryo UI"/>
              <a:cs typeface="Meiryo UI"/>
            </a:endParaRPr>
          </a:p>
        </p:txBody>
      </p:sp>
      <p:pic>
        <p:nvPicPr>
          <p:cNvPr id="28" name="object 28"/>
          <p:cNvPicPr/>
          <p:nvPr/>
        </p:nvPicPr>
        <p:blipFill>
          <a:blip r:embed="rId7" cstate="print"/>
          <a:stretch>
            <a:fillRect/>
          </a:stretch>
        </p:blipFill>
        <p:spPr>
          <a:xfrm>
            <a:off x="5423915" y="1597154"/>
            <a:ext cx="199644" cy="166115"/>
          </a:xfrm>
          <a:prstGeom prst="rect">
            <a:avLst/>
          </a:prstGeom>
        </p:spPr>
      </p:pic>
      <p:sp>
        <p:nvSpPr>
          <p:cNvPr id="29" name="object 29"/>
          <p:cNvSpPr txBox="1"/>
          <p:nvPr/>
        </p:nvSpPr>
        <p:spPr>
          <a:xfrm>
            <a:off x="5433682" y="1549754"/>
            <a:ext cx="3472815" cy="627380"/>
          </a:xfrm>
          <a:prstGeom prst="rect">
            <a:avLst/>
          </a:prstGeom>
        </p:spPr>
        <p:txBody>
          <a:bodyPr vert="horz" wrap="square" lIns="0" tIns="53340" rIns="0" bIns="0" rtlCol="0">
            <a:spAutoFit/>
          </a:bodyPr>
          <a:lstStyle/>
          <a:p>
            <a:pPr marL="12700">
              <a:lnSpc>
                <a:spcPct val="100000"/>
              </a:lnSpc>
              <a:spcBef>
                <a:spcPts val="420"/>
              </a:spcBef>
            </a:pPr>
            <a:r>
              <a:rPr sz="1000" b="1" dirty="0">
                <a:solidFill>
                  <a:srgbClr val="FFFFFF"/>
                </a:solidFill>
                <a:latin typeface="Meiryo UI"/>
                <a:cs typeface="Meiryo UI"/>
              </a:rPr>
              <a:t>09</a:t>
            </a:r>
            <a:r>
              <a:rPr sz="1000" b="1" spc="125" dirty="0">
                <a:solidFill>
                  <a:srgbClr val="FFFFFF"/>
                </a:solidFill>
                <a:latin typeface="Meiryo UI"/>
                <a:cs typeface="Meiryo UI"/>
              </a:rPr>
              <a:t> </a:t>
            </a:r>
            <a:r>
              <a:rPr sz="1500" b="1" spc="-44" baseline="2777" dirty="0">
                <a:latin typeface="Meiryo UI"/>
                <a:cs typeface="Meiryo UI"/>
              </a:rPr>
              <a:t>スマートインフラマネジメントシステムの構築</a:t>
            </a:r>
            <a:endParaRPr sz="1500" baseline="2777">
              <a:latin typeface="Meiryo UI"/>
              <a:cs typeface="Meiryo UI"/>
            </a:endParaRPr>
          </a:p>
          <a:p>
            <a:pPr marL="66675">
              <a:lnSpc>
                <a:spcPct val="100000"/>
              </a:lnSpc>
              <a:spcBef>
                <a:spcPts val="450"/>
              </a:spcBef>
            </a:pPr>
            <a:r>
              <a:rPr sz="1500" b="1" spc="-15" dirty="0">
                <a:latin typeface="Meiryo UI"/>
                <a:cs typeface="Meiryo UI"/>
              </a:rPr>
              <a:t>久田 真</a:t>
            </a:r>
            <a:endParaRPr sz="1500">
              <a:latin typeface="Meiryo UI"/>
              <a:cs typeface="Meiryo UI"/>
            </a:endParaRPr>
          </a:p>
          <a:p>
            <a:pPr marL="66675">
              <a:lnSpc>
                <a:spcPct val="100000"/>
              </a:lnSpc>
              <a:spcBef>
                <a:spcPts val="5"/>
              </a:spcBef>
            </a:pPr>
            <a:r>
              <a:rPr sz="800" spc="-25" dirty="0">
                <a:latin typeface="Meiryo UI"/>
                <a:cs typeface="Meiryo UI"/>
              </a:rPr>
              <a:t>東北大学大学院工学研究科 教授 兼 インフラ・マネジメント研究センター センター長</a:t>
            </a:r>
            <a:endParaRPr sz="800">
              <a:latin typeface="Meiryo UI"/>
              <a:cs typeface="Meiryo UI"/>
            </a:endParaRPr>
          </a:p>
        </p:txBody>
      </p:sp>
      <p:pic>
        <p:nvPicPr>
          <p:cNvPr id="30" name="object 30"/>
          <p:cNvPicPr/>
          <p:nvPr/>
        </p:nvPicPr>
        <p:blipFill>
          <a:blip r:embed="rId10" cstate="print"/>
          <a:stretch>
            <a:fillRect/>
          </a:stretch>
        </p:blipFill>
        <p:spPr>
          <a:xfrm>
            <a:off x="5426964" y="2389633"/>
            <a:ext cx="199644" cy="166115"/>
          </a:xfrm>
          <a:prstGeom prst="rect">
            <a:avLst/>
          </a:prstGeom>
        </p:spPr>
      </p:pic>
      <p:sp>
        <p:nvSpPr>
          <p:cNvPr id="31" name="object 31"/>
          <p:cNvSpPr txBox="1"/>
          <p:nvPr/>
        </p:nvSpPr>
        <p:spPr>
          <a:xfrm>
            <a:off x="5436848" y="2340809"/>
            <a:ext cx="2279015" cy="633095"/>
          </a:xfrm>
          <a:prstGeom prst="rect">
            <a:avLst/>
          </a:prstGeom>
        </p:spPr>
        <p:txBody>
          <a:bodyPr vert="horz" wrap="square" lIns="0" tIns="55880" rIns="0" bIns="0" rtlCol="0">
            <a:spAutoFit/>
          </a:bodyPr>
          <a:lstStyle/>
          <a:p>
            <a:pPr marL="12700">
              <a:lnSpc>
                <a:spcPct val="100000"/>
              </a:lnSpc>
              <a:spcBef>
                <a:spcPts val="440"/>
              </a:spcBef>
            </a:pPr>
            <a:r>
              <a:rPr sz="1000" b="1" dirty="0">
                <a:solidFill>
                  <a:srgbClr val="FFFFFF"/>
                </a:solidFill>
                <a:latin typeface="Meiryo UI"/>
                <a:cs typeface="Meiryo UI"/>
              </a:rPr>
              <a:t>10</a:t>
            </a:r>
            <a:r>
              <a:rPr sz="1000" b="1" spc="110" dirty="0">
                <a:solidFill>
                  <a:srgbClr val="FFFFFF"/>
                </a:solidFill>
                <a:latin typeface="Meiryo UI"/>
                <a:cs typeface="Meiryo UI"/>
              </a:rPr>
              <a:t> </a:t>
            </a:r>
            <a:r>
              <a:rPr sz="1000" b="1" spc="-30" dirty="0">
                <a:latin typeface="Meiryo UI"/>
                <a:cs typeface="Meiryo UI"/>
              </a:rPr>
              <a:t>スマートモビリティプラットフォームの構築</a:t>
            </a:r>
            <a:endParaRPr sz="1000">
              <a:latin typeface="Meiryo UI"/>
              <a:cs typeface="Meiryo UI"/>
            </a:endParaRPr>
          </a:p>
          <a:p>
            <a:pPr marL="63500">
              <a:lnSpc>
                <a:spcPct val="100000"/>
              </a:lnSpc>
              <a:spcBef>
                <a:spcPts val="480"/>
              </a:spcBef>
            </a:pPr>
            <a:r>
              <a:rPr sz="1500" b="1" spc="-10" dirty="0">
                <a:latin typeface="Meiryo UI"/>
                <a:cs typeface="Meiryo UI"/>
              </a:rPr>
              <a:t>石田 東生</a:t>
            </a:r>
            <a:endParaRPr sz="1500">
              <a:latin typeface="Meiryo UI"/>
              <a:cs typeface="Meiryo UI"/>
            </a:endParaRPr>
          </a:p>
          <a:p>
            <a:pPr marL="63500">
              <a:lnSpc>
                <a:spcPct val="100000"/>
              </a:lnSpc>
            </a:pPr>
            <a:r>
              <a:rPr sz="800" spc="-10" dirty="0">
                <a:latin typeface="Meiryo UI"/>
                <a:cs typeface="Meiryo UI"/>
              </a:rPr>
              <a:t>筑波大学 名誉教授</a:t>
            </a:r>
            <a:endParaRPr sz="800">
              <a:latin typeface="Meiryo UI"/>
              <a:cs typeface="Meiryo UI"/>
            </a:endParaRPr>
          </a:p>
        </p:txBody>
      </p:sp>
      <p:pic>
        <p:nvPicPr>
          <p:cNvPr id="32" name="object 32"/>
          <p:cNvPicPr/>
          <p:nvPr/>
        </p:nvPicPr>
        <p:blipFill>
          <a:blip r:embed="rId7" cstate="print"/>
          <a:stretch>
            <a:fillRect/>
          </a:stretch>
        </p:blipFill>
        <p:spPr>
          <a:xfrm>
            <a:off x="5428488" y="3983738"/>
            <a:ext cx="199644" cy="166116"/>
          </a:xfrm>
          <a:prstGeom prst="rect">
            <a:avLst/>
          </a:prstGeom>
        </p:spPr>
      </p:pic>
      <p:sp>
        <p:nvSpPr>
          <p:cNvPr id="33" name="object 33"/>
          <p:cNvSpPr txBox="1"/>
          <p:nvPr/>
        </p:nvSpPr>
        <p:spPr>
          <a:xfrm>
            <a:off x="5437198" y="3933077"/>
            <a:ext cx="3215640" cy="635000"/>
          </a:xfrm>
          <a:prstGeom prst="rect">
            <a:avLst/>
          </a:prstGeom>
        </p:spPr>
        <p:txBody>
          <a:bodyPr vert="horz" wrap="square" lIns="0" tIns="56515" rIns="0" bIns="0" rtlCol="0">
            <a:spAutoFit/>
          </a:bodyPr>
          <a:lstStyle/>
          <a:p>
            <a:pPr marL="12700">
              <a:lnSpc>
                <a:spcPct val="100000"/>
              </a:lnSpc>
              <a:spcBef>
                <a:spcPts val="445"/>
              </a:spcBef>
            </a:pPr>
            <a:r>
              <a:rPr sz="1000" b="1" dirty="0">
                <a:solidFill>
                  <a:srgbClr val="FFFFFF"/>
                </a:solidFill>
                <a:latin typeface="Meiryo UI"/>
                <a:cs typeface="Meiryo UI"/>
              </a:rPr>
              <a:t>12</a:t>
            </a:r>
            <a:r>
              <a:rPr sz="1000" b="1" spc="120" dirty="0">
                <a:solidFill>
                  <a:srgbClr val="FFFFFF"/>
                </a:solidFill>
                <a:latin typeface="Meiryo UI"/>
                <a:cs typeface="Meiryo UI"/>
              </a:rPr>
              <a:t> </a:t>
            </a:r>
            <a:r>
              <a:rPr sz="1000" b="1" spc="-35" dirty="0">
                <a:latin typeface="Meiryo UI"/>
                <a:cs typeface="Meiryo UI"/>
              </a:rPr>
              <a:t>バーチャルエコノミー拡大に向けた基盤技術・ルールの整備</a:t>
            </a:r>
            <a:endParaRPr sz="1000">
              <a:latin typeface="Meiryo UI"/>
              <a:cs typeface="Meiryo UI"/>
            </a:endParaRPr>
          </a:p>
          <a:p>
            <a:pPr marL="62865">
              <a:lnSpc>
                <a:spcPct val="100000"/>
              </a:lnSpc>
              <a:spcBef>
                <a:spcPts val="484"/>
              </a:spcBef>
            </a:pPr>
            <a:r>
              <a:rPr sz="1500" b="1" spc="-10" dirty="0">
                <a:latin typeface="Meiryo UI"/>
                <a:cs typeface="Meiryo UI"/>
              </a:rPr>
              <a:t>持丸 正明</a:t>
            </a:r>
            <a:endParaRPr sz="1500">
              <a:latin typeface="Meiryo UI"/>
              <a:cs typeface="Meiryo UI"/>
            </a:endParaRPr>
          </a:p>
          <a:p>
            <a:pPr marL="62865">
              <a:lnSpc>
                <a:spcPct val="100000"/>
              </a:lnSpc>
              <a:spcBef>
                <a:spcPts val="5"/>
              </a:spcBef>
            </a:pPr>
            <a:r>
              <a:rPr sz="800" dirty="0">
                <a:latin typeface="Meiryo UI"/>
                <a:cs typeface="Meiryo UI"/>
              </a:rPr>
              <a:t>（国研）</a:t>
            </a:r>
            <a:r>
              <a:rPr sz="800" spc="-15" dirty="0">
                <a:latin typeface="Meiryo UI"/>
                <a:cs typeface="Meiryo UI"/>
              </a:rPr>
              <a:t>産業技術総合研究所 人間拡張研究センター 研究センター長</a:t>
            </a:r>
            <a:endParaRPr sz="800">
              <a:latin typeface="Meiryo UI"/>
              <a:cs typeface="Meiryo UI"/>
            </a:endParaRPr>
          </a:p>
        </p:txBody>
      </p:sp>
      <p:pic>
        <p:nvPicPr>
          <p:cNvPr id="34" name="object 34"/>
          <p:cNvPicPr/>
          <p:nvPr/>
        </p:nvPicPr>
        <p:blipFill>
          <a:blip r:embed="rId11" cstate="print"/>
          <a:stretch>
            <a:fillRect/>
          </a:stretch>
        </p:blipFill>
        <p:spPr>
          <a:xfrm>
            <a:off x="5428488" y="4770122"/>
            <a:ext cx="199644" cy="166116"/>
          </a:xfrm>
          <a:prstGeom prst="rect">
            <a:avLst/>
          </a:prstGeom>
        </p:spPr>
      </p:pic>
      <p:sp>
        <p:nvSpPr>
          <p:cNvPr id="35" name="object 35"/>
          <p:cNvSpPr txBox="1"/>
          <p:nvPr/>
        </p:nvSpPr>
        <p:spPr>
          <a:xfrm>
            <a:off x="5437683" y="4730212"/>
            <a:ext cx="3443604" cy="635000"/>
          </a:xfrm>
          <a:prstGeom prst="rect">
            <a:avLst/>
          </a:prstGeom>
        </p:spPr>
        <p:txBody>
          <a:bodyPr vert="horz" wrap="square" lIns="0" tIns="56515" rIns="0" bIns="0" rtlCol="0">
            <a:spAutoFit/>
          </a:bodyPr>
          <a:lstStyle/>
          <a:p>
            <a:pPr marL="12700">
              <a:lnSpc>
                <a:spcPct val="100000"/>
              </a:lnSpc>
              <a:spcBef>
                <a:spcPts val="445"/>
              </a:spcBef>
            </a:pPr>
            <a:r>
              <a:rPr sz="1500" b="1" baseline="2777" dirty="0">
                <a:solidFill>
                  <a:srgbClr val="FFFFFF"/>
                </a:solidFill>
                <a:latin typeface="Meiryo UI"/>
                <a:cs typeface="Meiryo UI"/>
              </a:rPr>
              <a:t>13</a:t>
            </a:r>
            <a:r>
              <a:rPr sz="1500" b="1" spc="60" baseline="2777" dirty="0">
                <a:solidFill>
                  <a:srgbClr val="FFFFFF"/>
                </a:solidFill>
                <a:latin typeface="Meiryo UI"/>
                <a:cs typeface="Meiryo UI"/>
              </a:rPr>
              <a:t> </a:t>
            </a:r>
            <a:r>
              <a:rPr sz="1000" b="1" spc="-25" dirty="0">
                <a:latin typeface="Meiryo UI"/>
                <a:cs typeface="Meiryo UI"/>
              </a:rPr>
              <a:t>先端的量子技術基盤の社会課題への応用促進</a:t>
            </a:r>
            <a:endParaRPr sz="1000">
              <a:latin typeface="Meiryo UI"/>
              <a:cs typeface="Meiryo UI"/>
            </a:endParaRPr>
          </a:p>
          <a:p>
            <a:pPr marL="62230">
              <a:lnSpc>
                <a:spcPct val="100000"/>
              </a:lnSpc>
              <a:spcBef>
                <a:spcPts val="484"/>
              </a:spcBef>
            </a:pPr>
            <a:r>
              <a:rPr sz="1500" b="1" spc="-10" dirty="0">
                <a:latin typeface="Meiryo UI"/>
                <a:cs typeface="Meiryo UI"/>
              </a:rPr>
              <a:t>寒川 哲臣</a:t>
            </a:r>
            <a:endParaRPr sz="1500">
              <a:latin typeface="Meiryo UI"/>
              <a:cs typeface="Meiryo UI"/>
            </a:endParaRPr>
          </a:p>
          <a:p>
            <a:pPr marL="62230">
              <a:lnSpc>
                <a:spcPct val="100000"/>
              </a:lnSpc>
              <a:spcBef>
                <a:spcPts val="5"/>
              </a:spcBef>
            </a:pPr>
            <a:r>
              <a:rPr sz="800" spc="-15" dirty="0">
                <a:latin typeface="Meiryo UI"/>
                <a:cs typeface="Meiryo UI"/>
              </a:rPr>
              <a:t>日本電信電話㈱ 先端技術総合研究所 常務理事 基礎・先端研究プリンシパル</a:t>
            </a:r>
            <a:endParaRPr sz="800">
              <a:latin typeface="Meiryo UI"/>
              <a:cs typeface="Meiryo UI"/>
            </a:endParaRPr>
          </a:p>
        </p:txBody>
      </p:sp>
      <p:pic>
        <p:nvPicPr>
          <p:cNvPr id="36" name="object 36"/>
          <p:cNvPicPr/>
          <p:nvPr/>
        </p:nvPicPr>
        <p:blipFill>
          <a:blip r:embed="rId10" cstate="print"/>
          <a:stretch>
            <a:fillRect/>
          </a:stretch>
        </p:blipFill>
        <p:spPr>
          <a:xfrm>
            <a:off x="5426964" y="5576318"/>
            <a:ext cx="199644" cy="166116"/>
          </a:xfrm>
          <a:prstGeom prst="rect">
            <a:avLst/>
          </a:prstGeom>
        </p:spPr>
      </p:pic>
      <p:sp>
        <p:nvSpPr>
          <p:cNvPr id="37" name="object 37"/>
          <p:cNvSpPr txBox="1"/>
          <p:nvPr/>
        </p:nvSpPr>
        <p:spPr>
          <a:xfrm>
            <a:off x="5436848" y="5527160"/>
            <a:ext cx="3104515" cy="635000"/>
          </a:xfrm>
          <a:prstGeom prst="rect">
            <a:avLst/>
          </a:prstGeom>
        </p:spPr>
        <p:txBody>
          <a:bodyPr vert="horz" wrap="square" lIns="0" tIns="56515" rIns="0" bIns="0" rtlCol="0">
            <a:spAutoFit/>
          </a:bodyPr>
          <a:lstStyle/>
          <a:p>
            <a:pPr marL="12700">
              <a:lnSpc>
                <a:spcPct val="100000"/>
              </a:lnSpc>
              <a:spcBef>
                <a:spcPts val="445"/>
              </a:spcBef>
            </a:pPr>
            <a:r>
              <a:rPr sz="1000" b="1" dirty="0">
                <a:solidFill>
                  <a:srgbClr val="FFFFFF"/>
                </a:solidFill>
                <a:latin typeface="Meiryo UI"/>
                <a:cs typeface="Meiryo UI"/>
              </a:rPr>
              <a:t>14</a:t>
            </a:r>
            <a:r>
              <a:rPr sz="1000" b="1" spc="120" dirty="0">
                <a:solidFill>
                  <a:srgbClr val="FFFFFF"/>
                </a:solidFill>
                <a:latin typeface="Meiryo UI"/>
                <a:cs typeface="Meiryo UI"/>
              </a:rPr>
              <a:t> </a:t>
            </a:r>
            <a:r>
              <a:rPr sz="1000" b="1" spc="-35" dirty="0">
                <a:latin typeface="Meiryo UI"/>
                <a:cs typeface="Meiryo UI"/>
              </a:rPr>
              <a:t>マテリアル事業化イノベーション・育成エコシステムの構築</a:t>
            </a:r>
            <a:endParaRPr sz="1000">
              <a:latin typeface="Meiryo UI"/>
              <a:cs typeface="Meiryo UI"/>
            </a:endParaRPr>
          </a:p>
          <a:p>
            <a:pPr marL="63500">
              <a:lnSpc>
                <a:spcPct val="100000"/>
              </a:lnSpc>
              <a:spcBef>
                <a:spcPts val="484"/>
              </a:spcBef>
            </a:pPr>
            <a:r>
              <a:rPr sz="1500" b="1" spc="-10" dirty="0">
                <a:latin typeface="Meiryo UI"/>
                <a:cs typeface="Meiryo UI"/>
              </a:rPr>
              <a:t>木場 祥介</a:t>
            </a:r>
            <a:endParaRPr sz="1500">
              <a:latin typeface="Meiryo UI"/>
              <a:cs typeface="Meiryo UI"/>
            </a:endParaRPr>
          </a:p>
          <a:p>
            <a:pPr marL="63500">
              <a:lnSpc>
                <a:spcPct val="100000"/>
              </a:lnSpc>
              <a:spcBef>
                <a:spcPts val="5"/>
              </a:spcBef>
            </a:pPr>
            <a:r>
              <a:rPr sz="800" spc="-15" dirty="0">
                <a:latin typeface="Meiryo UI"/>
                <a:cs typeface="Meiryo UI"/>
              </a:rPr>
              <a:t>ユニバーサルマテリアルズインキュベーター㈱ 代表取締役パートナー</a:t>
            </a:r>
            <a:endParaRPr sz="800">
              <a:latin typeface="Meiryo UI"/>
              <a:cs typeface="Meiryo UI"/>
            </a:endParaRPr>
          </a:p>
        </p:txBody>
      </p:sp>
      <p:pic>
        <p:nvPicPr>
          <p:cNvPr id="38" name="object 38"/>
          <p:cNvPicPr/>
          <p:nvPr/>
        </p:nvPicPr>
        <p:blipFill>
          <a:blip r:embed="rId7" cstate="print"/>
          <a:stretch>
            <a:fillRect/>
          </a:stretch>
        </p:blipFill>
        <p:spPr>
          <a:xfrm>
            <a:off x="839724" y="800102"/>
            <a:ext cx="199644" cy="166115"/>
          </a:xfrm>
          <a:prstGeom prst="rect">
            <a:avLst/>
          </a:prstGeom>
        </p:spPr>
      </p:pic>
      <p:sp>
        <p:nvSpPr>
          <p:cNvPr id="39" name="object 39"/>
          <p:cNvSpPr txBox="1"/>
          <p:nvPr/>
        </p:nvSpPr>
        <p:spPr>
          <a:xfrm>
            <a:off x="848810" y="752347"/>
            <a:ext cx="3108325" cy="628015"/>
          </a:xfrm>
          <a:prstGeom prst="rect">
            <a:avLst/>
          </a:prstGeom>
        </p:spPr>
        <p:txBody>
          <a:bodyPr vert="horz" wrap="square" lIns="0" tIns="53975" rIns="0" bIns="0" rtlCol="0">
            <a:spAutoFit/>
          </a:bodyPr>
          <a:lstStyle/>
          <a:p>
            <a:pPr marL="12700">
              <a:lnSpc>
                <a:spcPct val="100000"/>
              </a:lnSpc>
              <a:spcBef>
                <a:spcPts val="425"/>
              </a:spcBef>
            </a:pPr>
            <a:r>
              <a:rPr sz="1000" b="1" dirty="0">
                <a:solidFill>
                  <a:srgbClr val="FFFFFF"/>
                </a:solidFill>
                <a:latin typeface="Meiryo UI"/>
                <a:cs typeface="Meiryo UI"/>
              </a:rPr>
              <a:t>01</a:t>
            </a:r>
            <a:r>
              <a:rPr sz="1000" b="1" spc="245" dirty="0">
                <a:solidFill>
                  <a:srgbClr val="FFFFFF"/>
                </a:solidFill>
                <a:latin typeface="Meiryo UI"/>
                <a:cs typeface="Meiryo UI"/>
              </a:rPr>
              <a:t> </a:t>
            </a:r>
            <a:r>
              <a:rPr sz="1500" b="1" spc="-44" baseline="2777" dirty="0">
                <a:latin typeface="Meiryo UI"/>
                <a:cs typeface="Meiryo UI"/>
              </a:rPr>
              <a:t>豊かな食が提供される持続可能なフードチェーンの構築</a:t>
            </a:r>
            <a:endParaRPr sz="1500" baseline="2777">
              <a:latin typeface="Meiryo UI"/>
              <a:cs typeface="Meiryo UI"/>
            </a:endParaRPr>
          </a:p>
          <a:p>
            <a:pPr marL="81915">
              <a:lnSpc>
                <a:spcPct val="100000"/>
              </a:lnSpc>
              <a:spcBef>
                <a:spcPts val="450"/>
              </a:spcBef>
            </a:pPr>
            <a:r>
              <a:rPr sz="1500" b="1" spc="-10" dirty="0">
                <a:latin typeface="Meiryo UI"/>
                <a:cs typeface="Meiryo UI"/>
              </a:rPr>
              <a:t>松本 英三</a:t>
            </a:r>
            <a:endParaRPr sz="1500">
              <a:latin typeface="Meiryo UI"/>
              <a:cs typeface="Meiryo UI"/>
            </a:endParaRPr>
          </a:p>
          <a:p>
            <a:pPr marL="81915">
              <a:lnSpc>
                <a:spcPct val="100000"/>
              </a:lnSpc>
              <a:spcBef>
                <a:spcPts val="5"/>
              </a:spcBef>
            </a:pPr>
            <a:r>
              <a:rPr sz="800" spc="-15" dirty="0">
                <a:latin typeface="Meiryo UI"/>
                <a:cs typeface="Meiryo UI"/>
              </a:rPr>
              <a:t>㈱Ｊ－オイルミルズ 取締役常務執行役員</a:t>
            </a:r>
            <a:endParaRPr sz="800">
              <a:latin typeface="Meiryo UI"/>
              <a:cs typeface="Meiryo UI"/>
            </a:endParaRPr>
          </a:p>
        </p:txBody>
      </p:sp>
      <p:pic>
        <p:nvPicPr>
          <p:cNvPr id="40" name="object 40"/>
          <p:cNvPicPr/>
          <p:nvPr/>
        </p:nvPicPr>
        <p:blipFill>
          <a:blip r:embed="rId7" cstate="print"/>
          <a:stretch>
            <a:fillRect/>
          </a:stretch>
        </p:blipFill>
        <p:spPr>
          <a:xfrm>
            <a:off x="836675" y="1595630"/>
            <a:ext cx="199644" cy="166115"/>
          </a:xfrm>
          <a:prstGeom prst="rect">
            <a:avLst/>
          </a:prstGeom>
        </p:spPr>
      </p:pic>
      <p:sp>
        <p:nvSpPr>
          <p:cNvPr id="41" name="object 41"/>
          <p:cNvSpPr txBox="1"/>
          <p:nvPr/>
        </p:nvSpPr>
        <p:spPr>
          <a:xfrm>
            <a:off x="845644" y="1547156"/>
            <a:ext cx="1944370" cy="629920"/>
          </a:xfrm>
          <a:prstGeom prst="rect">
            <a:avLst/>
          </a:prstGeom>
        </p:spPr>
        <p:txBody>
          <a:bodyPr vert="horz" wrap="square" lIns="0" tIns="54610" rIns="0" bIns="0" rtlCol="0">
            <a:spAutoFit/>
          </a:bodyPr>
          <a:lstStyle/>
          <a:p>
            <a:pPr marL="12700">
              <a:lnSpc>
                <a:spcPct val="100000"/>
              </a:lnSpc>
              <a:spcBef>
                <a:spcPts val="430"/>
              </a:spcBef>
            </a:pPr>
            <a:r>
              <a:rPr sz="1000" b="1" dirty="0">
                <a:solidFill>
                  <a:srgbClr val="FFFFFF"/>
                </a:solidFill>
                <a:latin typeface="Meiryo UI"/>
                <a:cs typeface="Meiryo UI"/>
              </a:rPr>
              <a:t>02</a:t>
            </a:r>
            <a:r>
              <a:rPr sz="1000" b="1" spc="240" dirty="0">
                <a:solidFill>
                  <a:srgbClr val="FFFFFF"/>
                </a:solidFill>
                <a:latin typeface="Meiryo UI"/>
                <a:cs typeface="Meiryo UI"/>
              </a:rPr>
              <a:t> </a:t>
            </a:r>
            <a:r>
              <a:rPr sz="1000" b="1" spc="-25" dirty="0">
                <a:latin typeface="Meiryo UI"/>
                <a:cs typeface="Meiryo UI"/>
              </a:rPr>
              <a:t>統合型ヘルスケアシステムの構築</a:t>
            </a:r>
            <a:endParaRPr sz="1000">
              <a:latin typeface="Meiryo UI"/>
              <a:cs typeface="Meiryo UI"/>
            </a:endParaRPr>
          </a:p>
          <a:p>
            <a:pPr marL="85090">
              <a:lnSpc>
                <a:spcPct val="100000"/>
              </a:lnSpc>
              <a:spcBef>
                <a:spcPts val="459"/>
              </a:spcBef>
            </a:pPr>
            <a:r>
              <a:rPr sz="1500" b="1" spc="-10" dirty="0">
                <a:latin typeface="Meiryo UI"/>
                <a:cs typeface="Meiryo UI"/>
              </a:rPr>
              <a:t>永井 良三</a:t>
            </a:r>
            <a:endParaRPr sz="1500">
              <a:latin typeface="Meiryo UI"/>
              <a:cs typeface="Meiryo UI"/>
            </a:endParaRPr>
          </a:p>
          <a:p>
            <a:pPr marL="85090">
              <a:lnSpc>
                <a:spcPct val="100000"/>
              </a:lnSpc>
              <a:spcBef>
                <a:spcPts val="5"/>
              </a:spcBef>
            </a:pPr>
            <a:r>
              <a:rPr sz="800" spc="20" dirty="0">
                <a:latin typeface="Meiryo UI"/>
                <a:cs typeface="Meiryo UI"/>
              </a:rPr>
              <a:t>自治医科大学 学長</a:t>
            </a:r>
            <a:endParaRPr sz="800">
              <a:latin typeface="Meiryo UI"/>
              <a:cs typeface="Meiryo UI"/>
            </a:endParaRPr>
          </a:p>
        </p:txBody>
      </p:sp>
      <p:pic>
        <p:nvPicPr>
          <p:cNvPr id="42" name="object 42"/>
          <p:cNvPicPr/>
          <p:nvPr/>
        </p:nvPicPr>
        <p:blipFill>
          <a:blip r:embed="rId7" cstate="print"/>
          <a:stretch>
            <a:fillRect/>
          </a:stretch>
        </p:blipFill>
        <p:spPr>
          <a:xfrm>
            <a:off x="835152" y="2325626"/>
            <a:ext cx="199644" cy="166115"/>
          </a:xfrm>
          <a:prstGeom prst="rect">
            <a:avLst/>
          </a:prstGeom>
        </p:spPr>
      </p:pic>
      <p:sp>
        <p:nvSpPr>
          <p:cNvPr id="43" name="object 43"/>
          <p:cNvSpPr txBox="1"/>
          <p:nvPr/>
        </p:nvSpPr>
        <p:spPr>
          <a:xfrm>
            <a:off x="844414" y="2278409"/>
            <a:ext cx="2488565" cy="756920"/>
          </a:xfrm>
          <a:prstGeom prst="rect">
            <a:avLst/>
          </a:prstGeom>
        </p:spPr>
        <p:txBody>
          <a:bodyPr vert="horz" wrap="square" lIns="0" tIns="56515" rIns="0" bIns="0" rtlCol="0">
            <a:spAutoFit/>
          </a:bodyPr>
          <a:lstStyle/>
          <a:p>
            <a:pPr marL="12700">
              <a:lnSpc>
                <a:spcPct val="100000"/>
              </a:lnSpc>
              <a:spcBef>
                <a:spcPts val="445"/>
              </a:spcBef>
            </a:pPr>
            <a:r>
              <a:rPr sz="1000" b="1" dirty="0">
                <a:solidFill>
                  <a:srgbClr val="FFFFFF"/>
                </a:solidFill>
                <a:latin typeface="Meiryo UI"/>
                <a:cs typeface="Meiryo UI"/>
              </a:rPr>
              <a:t>03</a:t>
            </a:r>
            <a:r>
              <a:rPr sz="1000" b="1" spc="290" dirty="0">
                <a:solidFill>
                  <a:srgbClr val="FFFFFF"/>
                </a:solidFill>
                <a:latin typeface="Meiryo UI"/>
                <a:cs typeface="Meiryo UI"/>
              </a:rPr>
              <a:t> </a:t>
            </a:r>
            <a:r>
              <a:rPr sz="1000" b="1" spc="-35" dirty="0">
                <a:latin typeface="Meiryo UI"/>
                <a:cs typeface="Meiryo UI"/>
              </a:rPr>
              <a:t>包摂的コミュニティプラットフォームの構築</a:t>
            </a:r>
            <a:endParaRPr sz="1000">
              <a:latin typeface="Meiryo UI"/>
              <a:cs typeface="Meiryo UI"/>
            </a:endParaRPr>
          </a:p>
          <a:p>
            <a:pPr marL="86360">
              <a:lnSpc>
                <a:spcPct val="100000"/>
              </a:lnSpc>
              <a:spcBef>
                <a:spcPts val="484"/>
              </a:spcBef>
            </a:pPr>
            <a:r>
              <a:rPr sz="1500" b="1" spc="-10" dirty="0">
                <a:latin typeface="Meiryo UI"/>
                <a:cs typeface="Meiryo UI"/>
              </a:rPr>
              <a:t>久野 譜也</a:t>
            </a:r>
            <a:endParaRPr sz="1500">
              <a:latin typeface="Meiryo UI"/>
              <a:cs typeface="Meiryo UI"/>
            </a:endParaRPr>
          </a:p>
          <a:p>
            <a:pPr marL="86360">
              <a:lnSpc>
                <a:spcPct val="100000"/>
              </a:lnSpc>
              <a:spcBef>
                <a:spcPts val="5"/>
              </a:spcBef>
            </a:pPr>
            <a:r>
              <a:rPr sz="800" spc="-5" dirty="0">
                <a:latin typeface="Meiryo UI"/>
                <a:cs typeface="Meiryo UI"/>
              </a:rPr>
              <a:t>筑波大学大学院 人間総合科学学術院 教授 兼</a:t>
            </a:r>
            <a:endParaRPr sz="800">
              <a:latin typeface="Meiryo UI"/>
              <a:cs typeface="Meiryo UI"/>
            </a:endParaRPr>
          </a:p>
          <a:p>
            <a:pPr marL="86360">
              <a:lnSpc>
                <a:spcPct val="100000"/>
              </a:lnSpc>
            </a:pPr>
            <a:r>
              <a:rPr sz="800" spc="-20" dirty="0">
                <a:latin typeface="Meiryo UI"/>
                <a:cs typeface="Meiryo UI"/>
              </a:rPr>
              <a:t>筑波大学 スマートウエルネスシティ政策開発研究センター長</a:t>
            </a:r>
            <a:endParaRPr sz="800">
              <a:latin typeface="Meiryo UI"/>
              <a:cs typeface="Meiryo UI"/>
            </a:endParaRPr>
          </a:p>
        </p:txBody>
      </p:sp>
      <p:pic>
        <p:nvPicPr>
          <p:cNvPr id="44" name="object 44"/>
          <p:cNvPicPr/>
          <p:nvPr/>
        </p:nvPicPr>
        <p:blipFill>
          <a:blip r:embed="rId12" cstate="print"/>
          <a:stretch>
            <a:fillRect/>
          </a:stretch>
        </p:blipFill>
        <p:spPr>
          <a:xfrm>
            <a:off x="836675" y="4724402"/>
            <a:ext cx="198119" cy="166116"/>
          </a:xfrm>
          <a:prstGeom prst="rect">
            <a:avLst/>
          </a:prstGeom>
        </p:spPr>
      </p:pic>
      <p:sp>
        <p:nvSpPr>
          <p:cNvPr id="45" name="object 45"/>
          <p:cNvSpPr txBox="1"/>
          <p:nvPr/>
        </p:nvSpPr>
        <p:spPr>
          <a:xfrm>
            <a:off x="845251" y="4677166"/>
            <a:ext cx="3491865" cy="748665"/>
          </a:xfrm>
          <a:prstGeom prst="rect">
            <a:avLst/>
          </a:prstGeom>
        </p:spPr>
        <p:txBody>
          <a:bodyPr vert="horz" wrap="square" lIns="0" tIns="53340" rIns="0" bIns="0" rtlCol="0">
            <a:spAutoFit/>
          </a:bodyPr>
          <a:lstStyle/>
          <a:p>
            <a:pPr marL="12700">
              <a:lnSpc>
                <a:spcPct val="100000"/>
              </a:lnSpc>
              <a:spcBef>
                <a:spcPts val="420"/>
              </a:spcBef>
            </a:pPr>
            <a:r>
              <a:rPr sz="1000" b="1" dirty="0">
                <a:solidFill>
                  <a:srgbClr val="FFFFFF"/>
                </a:solidFill>
                <a:latin typeface="Meiryo UI"/>
                <a:cs typeface="Meiryo UI"/>
              </a:rPr>
              <a:t>06</a:t>
            </a:r>
            <a:r>
              <a:rPr sz="1000" b="1" spc="290" dirty="0">
                <a:solidFill>
                  <a:srgbClr val="FFFFFF"/>
                </a:solidFill>
                <a:latin typeface="Meiryo UI"/>
                <a:cs typeface="Meiryo UI"/>
              </a:rPr>
              <a:t> </a:t>
            </a:r>
            <a:r>
              <a:rPr sz="1500" b="1" spc="-44" baseline="2777" dirty="0">
                <a:latin typeface="Meiryo UI"/>
                <a:cs typeface="Meiryo UI"/>
              </a:rPr>
              <a:t>スマートエネルギーマネジメントシステムの構築</a:t>
            </a:r>
            <a:endParaRPr sz="1500" baseline="2777">
              <a:latin typeface="Meiryo UI"/>
              <a:cs typeface="Meiryo UI"/>
            </a:endParaRPr>
          </a:p>
          <a:p>
            <a:pPr marL="85725">
              <a:lnSpc>
                <a:spcPct val="100000"/>
              </a:lnSpc>
              <a:spcBef>
                <a:spcPts val="445"/>
              </a:spcBef>
            </a:pPr>
            <a:r>
              <a:rPr sz="1500" b="1" spc="-10" dirty="0">
                <a:latin typeface="Meiryo UI"/>
                <a:cs typeface="Meiryo UI"/>
              </a:rPr>
              <a:t>浅野 浩志</a:t>
            </a:r>
            <a:endParaRPr sz="1500">
              <a:latin typeface="Meiryo UI"/>
              <a:cs typeface="Meiryo UI"/>
            </a:endParaRPr>
          </a:p>
          <a:p>
            <a:pPr marL="85725" marR="5080" indent="-635">
              <a:lnSpc>
                <a:spcPct val="100000"/>
              </a:lnSpc>
              <a:spcBef>
                <a:spcPts val="5"/>
              </a:spcBef>
            </a:pPr>
            <a:r>
              <a:rPr sz="800" spc="-5" dirty="0">
                <a:latin typeface="Meiryo UI"/>
                <a:cs typeface="Meiryo UI"/>
              </a:rPr>
              <a:t>岐阜大学高等研究院 特任教授</a:t>
            </a:r>
            <a:r>
              <a:rPr sz="800" dirty="0">
                <a:latin typeface="Meiryo UI"/>
                <a:cs typeface="Meiryo UI"/>
              </a:rPr>
              <a:t>／（一財）</a:t>
            </a:r>
            <a:r>
              <a:rPr sz="800" spc="-25" dirty="0">
                <a:latin typeface="Meiryo UI"/>
                <a:cs typeface="Meiryo UI"/>
              </a:rPr>
              <a:t>電力中央研究所 研究アドバイザー／</a:t>
            </a:r>
            <a:r>
              <a:rPr sz="800" spc="-15" dirty="0">
                <a:latin typeface="Meiryo UI"/>
                <a:cs typeface="Meiryo UI"/>
              </a:rPr>
              <a:t>東京工業大学 科学技術創成研究院 特任教授</a:t>
            </a:r>
            <a:endParaRPr sz="800">
              <a:latin typeface="Meiryo UI"/>
              <a:cs typeface="Meiryo UI"/>
            </a:endParaRPr>
          </a:p>
        </p:txBody>
      </p:sp>
      <p:pic>
        <p:nvPicPr>
          <p:cNvPr id="46" name="object 46"/>
          <p:cNvPicPr/>
          <p:nvPr/>
        </p:nvPicPr>
        <p:blipFill>
          <a:blip r:embed="rId11" cstate="print"/>
          <a:stretch>
            <a:fillRect/>
          </a:stretch>
        </p:blipFill>
        <p:spPr>
          <a:xfrm>
            <a:off x="835152" y="5579366"/>
            <a:ext cx="199644" cy="166116"/>
          </a:xfrm>
          <a:prstGeom prst="rect">
            <a:avLst/>
          </a:prstGeom>
        </p:spPr>
      </p:pic>
      <p:sp>
        <p:nvSpPr>
          <p:cNvPr id="47" name="object 47"/>
          <p:cNvSpPr txBox="1"/>
          <p:nvPr/>
        </p:nvSpPr>
        <p:spPr>
          <a:xfrm>
            <a:off x="844414" y="5531351"/>
            <a:ext cx="2151380" cy="630555"/>
          </a:xfrm>
          <a:prstGeom prst="rect">
            <a:avLst/>
          </a:prstGeom>
        </p:spPr>
        <p:txBody>
          <a:bodyPr vert="horz" wrap="square" lIns="0" tIns="54610" rIns="0" bIns="0" rtlCol="0">
            <a:spAutoFit/>
          </a:bodyPr>
          <a:lstStyle/>
          <a:p>
            <a:pPr marL="12700">
              <a:lnSpc>
                <a:spcPct val="100000"/>
              </a:lnSpc>
              <a:spcBef>
                <a:spcPts val="430"/>
              </a:spcBef>
            </a:pPr>
            <a:r>
              <a:rPr sz="1000" b="1" dirty="0">
                <a:solidFill>
                  <a:srgbClr val="FFFFFF"/>
                </a:solidFill>
                <a:latin typeface="Meiryo UI"/>
                <a:cs typeface="Meiryo UI"/>
              </a:rPr>
              <a:t>07</a:t>
            </a:r>
            <a:r>
              <a:rPr sz="1000" b="1" spc="280" dirty="0">
                <a:solidFill>
                  <a:srgbClr val="FFFFFF"/>
                </a:solidFill>
                <a:latin typeface="Meiryo UI"/>
                <a:cs typeface="Meiryo UI"/>
              </a:rPr>
              <a:t> </a:t>
            </a:r>
            <a:r>
              <a:rPr sz="1000" b="1" spc="-35" dirty="0">
                <a:latin typeface="Meiryo UI"/>
                <a:cs typeface="Meiryo UI"/>
              </a:rPr>
              <a:t>サーキュラーエコノミーシステムの構築</a:t>
            </a:r>
            <a:endParaRPr sz="1000">
              <a:latin typeface="Meiryo UI"/>
              <a:cs typeface="Meiryo UI"/>
            </a:endParaRPr>
          </a:p>
          <a:p>
            <a:pPr marL="86360">
              <a:lnSpc>
                <a:spcPct val="100000"/>
              </a:lnSpc>
              <a:spcBef>
                <a:spcPts val="465"/>
              </a:spcBef>
            </a:pPr>
            <a:r>
              <a:rPr sz="1500" b="1" spc="-10" dirty="0">
                <a:latin typeface="Meiryo UI"/>
                <a:cs typeface="Meiryo UI"/>
              </a:rPr>
              <a:t>伊藤 耕三</a:t>
            </a:r>
            <a:endParaRPr sz="1500">
              <a:latin typeface="Meiryo UI"/>
              <a:cs typeface="Meiryo UI"/>
            </a:endParaRPr>
          </a:p>
          <a:p>
            <a:pPr marL="86360">
              <a:lnSpc>
                <a:spcPct val="100000"/>
              </a:lnSpc>
              <a:spcBef>
                <a:spcPts val="5"/>
              </a:spcBef>
            </a:pPr>
            <a:r>
              <a:rPr sz="800" spc="-5" dirty="0">
                <a:latin typeface="Meiryo UI"/>
                <a:cs typeface="Meiryo UI"/>
              </a:rPr>
              <a:t>東京大学大学院 新領域創成科学研究科 教授</a:t>
            </a:r>
            <a:endParaRPr sz="800">
              <a:latin typeface="Meiryo UI"/>
              <a:cs typeface="Meiryo UI"/>
            </a:endParaRPr>
          </a:p>
        </p:txBody>
      </p:sp>
      <p:grpSp>
        <p:nvGrpSpPr>
          <p:cNvPr id="48" name="object 48"/>
          <p:cNvGrpSpPr/>
          <p:nvPr/>
        </p:nvGrpSpPr>
        <p:grpSpPr>
          <a:xfrm>
            <a:off x="150876" y="743710"/>
            <a:ext cx="672465" cy="671195"/>
            <a:chOff x="150876" y="743710"/>
            <a:chExt cx="672465" cy="671195"/>
          </a:xfrm>
        </p:grpSpPr>
        <p:pic>
          <p:nvPicPr>
            <p:cNvPr id="49" name="object 49"/>
            <p:cNvPicPr/>
            <p:nvPr/>
          </p:nvPicPr>
          <p:blipFill>
            <a:blip r:embed="rId13" cstate="print"/>
            <a:stretch>
              <a:fillRect/>
            </a:stretch>
          </p:blipFill>
          <p:spPr>
            <a:xfrm>
              <a:off x="153924" y="746760"/>
              <a:ext cx="665988" cy="664463"/>
            </a:xfrm>
            <a:prstGeom prst="rect">
              <a:avLst/>
            </a:prstGeom>
          </p:spPr>
        </p:pic>
        <p:sp>
          <p:nvSpPr>
            <p:cNvPr id="50" name="object 50"/>
            <p:cNvSpPr/>
            <p:nvPr/>
          </p:nvSpPr>
          <p:spPr>
            <a:xfrm>
              <a:off x="152400" y="745234"/>
              <a:ext cx="669925" cy="668020"/>
            </a:xfrm>
            <a:custGeom>
              <a:avLst/>
              <a:gdLst/>
              <a:ahLst/>
              <a:cxnLst/>
              <a:rect l="l" t="t" r="r" b="b"/>
              <a:pathLst>
                <a:path w="669925" h="668019">
                  <a:moveTo>
                    <a:pt x="334899" y="0"/>
                  </a:moveTo>
                  <a:lnTo>
                    <a:pt x="402285" y="6781"/>
                  </a:lnTo>
                  <a:lnTo>
                    <a:pt x="464870" y="26314"/>
                  </a:lnTo>
                  <a:lnTo>
                    <a:pt x="521881" y="57010"/>
                  </a:lnTo>
                  <a:lnTo>
                    <a:pt x="571334" y="97688"/>
                  </a:lnTo>
                  <a:lnTo>
                    <a:pt x="612381" y="147104"/>
                  </a:lnTo>
                  <a:lnTo>
                    <a:pt x="643089" y="204139"/>
                  </a:lnTo>
                  <a:lnTo>
                    <a:pt x="662622" y="266725"/>
                  </a:lnTo>
                  <a:lnTo>
                    <a:pt x="669404" y="334111"/>
                  </a:lnTo>
                  <a:lnTo>
                    <a:pt x="667804" y="368388"/>
                  </a:lnTo>
                  <a:lnTo>
                    <a:pt x="654253" y="433387"/>
                  </a:lnTo>
                  <a:lnTo>
                    <a:pt x="629132" y="493191"/>
                  </a:lnTo>
                  <a:lnTo>
                    <a:pt x="592848" y="546214"/>
                  </a:lnTo>
                  <a:lnTo>
                    <a:pt x="547801" y="591667"/>
                  </a:lnTo>
                  <a:lnTo>
                    <a:pt x="494372" y="627545"/>
                  </a:lnTo>
                  <a:lnTo>
                    <a:pt x="434174" y="652665"/>
                  </a:lnTo>
                  <a:lnTo>
                    <a:pt x="369189" y="666216"/>
                  </a:lnTo>
                  <a:lnTo>
                    <a:pt x="334899" y="667816"/>
                  </a:lnTo>
                  <a:lnTo>
                    <a:pt x="300609" y="666216"/>
                  </a:lnTo>
                  <a:lnTo>
                    <a:pt x="235229" y="652665"/>
                  </a:lnTo>
                  <a:lnTo>
                    <a:pt x="175425" y="627545"/>
                  </a:lnTo>
                  <a:lnTo>
                    <a:pt x="121996" y="591667"/>
                  </a:lnTo>
                  <a:lnTo>
                    <a:pt x="76555" y="546214"/>
                  </a:lnTo>
                  <a:lnTo>
                    <a:pt x="40271" y="493191"/>
                  </a:lnTo>
                  <a:lnTo>
                    <a:pt x="15151" y="433387"/>
                  </a:lnTo>
                  <a:lnTo>
                    <a:pt x="1587" y="368388"/>
                  </a:lnTo>
                  <a:lnTo>
                    <a:pt x="0" y="334111"/>
                  </a:lnTo>
                  <a:lnTo>
                    <a:pt x="1587" y="299821"/>
                  </a:lnTo>
                  <a:lnTo>
                    <a:pt x="15151" y="234835"/>
                  </a:lnTo>
                  <a:lnTo>
                    <a:pt x="40259" y="174637"/>
                  </a:lnTo>
                  <a:lnTo>
                    <a:pt x="76555" y="121602"/>
                  </a:lnTo>
                  <a:lnTo>
                    <a:pt x="121996" y="76149"/>
                  </a:lnTo>
                  <a:lnTo>
                    <a:pt x="175425" y="40271"/>
                  </a:lnTo>
                  <a:lnTo>
                    <a:pt x="235229" y="15151"/>
                  </a:lnTo>
                  <a:lnTo>
                    <a:pt x="300609" y="1600"/>
                  </a:lnTo>
                  <a:lnTo>
                    <a:pt x="334899" y="0"/>
                  </a:lnTo>
                  <a:close/>
                </a:path>
              </a:pathLst>
            </a:custGeom>
            <a:ln w="3175">
              <a:solidFill>
                <a:srgbClr val="000000"/>
              </a:solidFill>
            </a:ln>
          </p:spPr>
          <p:txBody>
            <a:bodyPr wrap="square" lIns="0" tIns="0" rIns="0" bIns="0" rtlCol="0"/>
            <a:lstStyle/>
            <a:p>
              <a:endParaRPr/>
            </a:p>
          </p:txBody>
        </p:sp>
      </p:grpSp>
      <p:grpSp>
        <p:nvGrpSpPr>
          <p:cNvPr id="51" name="object 51"/>
          <p:cNvGrpSpPr/>
          <p:nvPr/>
        </p:nvGrpSpPr>
        <p:grpSpPr>
          <a:xfrm>
            <a:off x="150869" y="1537714"/>
            <a:ext cx="671195" cy="671195"/>
            <a:chOff x="150869" y="1537714"/>
            <a:chExt cx="671195" cy="671195"/>
          </a:xfrm>
        </p:grpSpPr>
        <p:pic>
          <p:nvPicPr>
            <p:cNvPr id="52" name="object 52"/>
            <p:cNvPicPr/>
            <p:nvPr/>
          </p:nvPicPr>
          <p:blipFill>
            <a:blip r:embed="rId14" cstate="print"/>
            <a:stretch>
              <a:fillRect/>
            </a:stretch>
          </p:blipFill>
          <p:spPr>
            <a:xfrm>
              <a:off x="153924" y="1540764"/>
              <a:ext cx="664464" cy="664463"/>
            </a:xfrm>
            <a:prstGeom prst="rect">
              <a:avLst/>
            </a:prstGeom>
          </p:spPr>
        </p:pic>
        <p:sp>
          <p:nvSpPr>
            <p:cNvPr id="53" name="object 53"/>
            <p:cNvSpPr/>
            <p:nvPr/>
          </p:nvSpPr>
          <p:spPr>
            <a:xfrm>
              <a:off x="152393" y="1539238"/>
              <a:ext cx="668020" cy="668020"/>
            </a:xfrm>
            <a:custGeom>
              <a:avLst/>
              <a:gdLst/>
              <a:ahLst/>
              <a:cxnLst/>
              <a:rect l="l" t="t" r="r" b="b"/>
              <a:pathLst>
                <a:path w="668019" h="668019">
                  <a:moveTo>
                    <a:pt x="334111" y="0"/>
                  </a:moveTo>
                  <a:lnTo>
                    <a:pt x="401497" y="6781"/>
                  </a:lnTo>
                  <a:lnTo>
                    <a:pt x="464083" y="26314"/>
                  </a:lnTo>
                  <a:lnTo>
                    <a:pt x="520700" y="57010"/>
                  </a:lnTo>
                  <a:lnTo>
                    <a:pt x="570141" y="97675"/>
                  </a:lnTo>
                  <a:lnTo>
                    <a:pt x="610806" y="147116"/>
                  </a:lnTo>
                  <a:lnTo>
                    <a:pt x="641515" y="204139"/>
                  </a:lnTo>
                  <a:lnTo>
                    <a:pt x="661047" y="266725"/>
                  </a:lnTo>
                  <a:lnTo>
                    <a:pt x="667816" y="334111"/>
                  </a:lnTo>
                  <a:lnTo>
                    <a:pt x="666229" y="368388"/>
                  </a:lnTo>
                  <a:lnTo>
                    <a:pt x="652665" y="433387"/>
                  </a:lnTo>
                  <a:lnTo>
                    <a:pt x="627557" y="493191"/>
                  </a:lnTo>
                  <a:lnTo>
                    <a:pt x="591667" y="546214"/>
                  </a:lnTo>
                  <a:lnTo>
                    <a:pt x="546214" y="591667"/>
                  </a:lnTo>
                  <a:lnTo>
                    <a:pt x="493191" y="627545"/>
                  </a:lnTo>
                  <a:lnTo>
                    <a:pt x="433387" y="652665"/>
                  </a:lnTo>
                  <a:lnTo>
                    <a:pt x="368401" y="666216"/>
                  </a:lnTo>
                  <a:lnTo>
                    <a:pt x="334111" y="667816"/>
                  </a:lnTo>
                  <a:lnTo>
                    <a:pt x="299821" y="666216"/>
                  </a:lnTo>
                  <a:lnTo>
                    <a:pt x="234835" y="652665"/>
                  </a:lnTo>
                  <a:lnTo>
                    <a:pt x="174637" y="627545"/>
                  </a:lnTo>
                  <a:lnTo>
                    <a:pt x="121602" y="591667"/>
                  </a:lnTo>
                  <a:lnTo>
                    <a:pt x="76149" y="546214"/>
                  </a:lnTo>
                  <a:lnTo>
                    <a:pt x="40271" y="493191"/>
                  </a:lnTo>
                  <a:lnTo>
                    <a:pt x="15151" y="433387"/>
                  </a:lnTo>
                  <a:lnTo>
                    <a:pt x="1600" y="368388"/>
                  </a:lnTo>
                  <a:lnTo>
                    <a:pt x="0" y="334111"/>
                  </a:lnTo>
                  <a:lnTo>
                    <a:pt x="1600" y="299821"/>
                  </a:lnTo>
                  <a:lnTo>
                    <a:pt x="15151" y="234835"/>
                  </a:lnTo>
                  <a:lnTo>
                    <a:pt x="40271" y="174637"/>
                  </a:lnTo>
                  <a:lnTo>
                    <a:pt x="76149" y="121602"/>
                  </a:lnTo>
                  <a:lnTo>
                    <a:pt x="121602" y="76149"/>
                  </a:lnTo>
                  <a:lnTo>
                    <a:pt x="174637" y="40271"/>
                  </a:lnTo>
                  <a:lnTo>
                    <a:pt x="234835" y="15151"/>
                  </a:lnTo>
                  <a:lnTo>
                    <a:pt x="299821" y="1600"/>
                  </a:lnTo>
                  <a:lnTo>
                    <a:pt x="334111" y="0"/>
                  </a:lnTo>
                  <a:close/>
                </a:path>
              </a:pathLst>
            </a:custGeom>
            <a:ln w="3175">
              <a:solidFill>
                <a:srgbClr val="000000"/>
              </a:solidFill>
            </a:ln>
          </p:spPr>
          <p:txBody>
            <a:bodyPr wrap="square" lIns="0" tIns="0" rIns="0" bIns="0" rtlCol="0"/>
            <a:lstStyle/>
            <a:p>
              <a:endParaRPr/>
            </a:p>
          </p:txBody>
        </p:sp>
      </p:grpSp>
      <p:grpSp>
        <p:nvGrpSpPr>
          <p:cNvPr id="54" name="object 54"/>
          <p:cNvGrpSpPr/>
          <p:nvPr/>
        </p:nvGrpSpPr>
        <p:grpSpPr>
          <a:xfrm>
            <a:off x="152393" y="2339338"/>
            <a:ext cx="671195" cy="671195"/>
            <a:chOff x="152393" y="2339338"/>
            <a:chExt cx="671195" cy="671195"/>
          </a:xfrm>
        </p:grpSpPr>
        <p:pic>
          <p:nvPicPr>
            <p:cNvPr id="55" name="object 55"/>
            <p:cNvPicPr/>
            <p:nvPr/>
          </p:nvPicPr>
          <p:blipFill>
            <a:blip r:embed="rId15" cstate="print"/>
            <a:stretch>
              <a:fillRect/>
            </a:stretch>
          </p:blipFill>
          <p:spPr>
            <a:xfrm>
              <a:off x="155448" y="2342388"/>
              <a:ext cx="664464" cy="664463"/>
            </a:xfrm>
            <a:prstGeom prst="rect">
              <a:avLst/>
            </a:prstGeom>
          </p:spPr>
        </p:pic>
        <p:sp>
          <p:nvSpPr>
            <p:cNvPr id="56" name="object 56"/>
            <p:cNvSpPr/>
            <p:nvPr/>
          </p:nvSpPr>
          <p:spPr>
            <a:xfrm>
              <a:off x="153917" y="2340862"/>
              <a:ext cx="668020" cy="668020"/>
            </a:xfrm>
            <a:custGeom>
              <a:avLst/>
              <a:gdLst/>
              <a:ahLst/>
              <a:cxnLst/>
              <a:rect l="l" t="t" r="r" b="b"/>
              <a:pathLst>
                <a:path w="668019" h="668019">
                  <a:moveTo>
                    <a:pt x="334111" y="0"/>
                  </a:moveTo>
                  <a:lnTo>
                    <a:pt x="401497" y="6781"/>
                  </a:lnTo>
                  <a:lnTo>
                    <a:pt x="464083" y="26314"/>
                  </a:lnTo>
                  <a:lnTo>
                    <a:pt x="520700" y="57010"/>
                  </a:lnTo>
                  <a:lnTo>
                    <a:pt x="570141" y="97675"/>
                  </a:lnTo>
                  <a:lnTo>
                    <a:pt x="610806" y="147116"/>
                  </a:lnTo>
                  <a:lnTo>
                    <a:pt x="641515" y="204139"/>
                  </a:lnTo>
                  <a:lnTo>
                    <a:pt x="661047" y="266725"/>
                  </a:lnTo>
                  <a:lnTo>
                    <a:pt x="667816" y="334111"/>
                  </a:lnTo>
                  <a:lnTo>
                    <a:pt x="666229" y="368388"/>
                  </a:lnTo>
                  <a:lnTo>
                    <a:pt x="652665" y="433387"/>
                  </a:lnTo>
                  <a:lnTo>
                    <a:pt x="627557" y="493191"/>
                  </a:lnTo>
                  <a:lnTo>
                    <a:pt x="591667" y="546214"/>
                  </a:lnTo>
                  <a:lnTo>
                    <a:pt x="546214" y="591667"/>
                  </a:lnTo>
                  <a:lnTo>
                    <a:pt x="493191" y="627545"/>
                  </a:lnTo>
                  <a:lnTo>
                    <a:pt x="433387" y="652665"/>
                  </a:lnTo>
                  <a:lnTo>
                    <a:pt x="368401" y="666216"/>
                  </a:lnTo>
                  <a:lnTo>
                    <a:pt x="334111" y="667816"/>
                  </a:lnTo>
                  <a:lnTo>
                    <a:pt x="299821" y="666216"/>
                  </a:lnTo>
                  <a:lnTo>
                    <a:pt x="234835" y="652665"/>
                  </a:lnTo>
                  <a:lnTo>
                    <a:pt x="174637" y="627545"/>
                  </a:lnTo>
                  <a:lnTo>
                    <a:pt x="121602" y="591667"/>
                  </a:lnTo>
                  <a:lnTo>
                    <a:pt x="76149" y="546214"/>
                  </a:lnTo>
                  <a:lnTo>
                    <a:pt x="40271" y="493191"/>
                  </a:lnTo>
                  <a:lnTo>
                    <a:pt x="15151" y="433387"/>
                  </a:lnTo>
                  <a:lnTo>
                    <a:pt x="1600" y="368388"/>
                  </a:lnTo>
                  <a:lnTo>
                    <a:pt x="0" y="334111"/>
                  </a:lnTo>
                  <a:lnTo>
                    <a:pt x="1600" y="299821"/>
                  </a:lnTo>
                  <a:lnTo>
                    <a:pt x="15151" y="234835"/>
                  </a:lnTo>
                  <a:lnTo>
                    <a:pt x="40271" y="174637"/>
                  </a:lnTo>
                  <a:lnTo>
                    <a:pt x="76149" y="121602"/>
                  </a:lnTo>
                  <a:lnTo>
                    <a:pt x="121602" y="76149"/>
                  </a:lnTo>
                  <a:lnTo>
                    <a:pt x="174637" y="40271"/>
                  </a:lnTo>
                  <a:lnTo>
                    <a:pt x="234835" y="15151"/>
                  </a:lnTo>
                  <a:lnTo>
                    <a:pt x="299821" y="1600"/>
                  </a:lnTo>
                  <a:lnTo>
                    <a:pt x="334111" y="0"/>
                  </a:lnTo>
                  <a:close/>
                </a:path>
              </a:pathLst>
            </a:custGeom>
            <a:ln w="3175">
              <a:solidFill>
                <a:srgbClr val="000000"/>
              </a:solidFill>
            </a:ln>
          </p:spPr>
          <p:txBody>
            <a:bodyPr wrap="square" lIns="0" tIns="0" rIns="0" bIns="0" rtlCol="0"/>
            <a:lstStyle/>
            <a:p>
              <a:endParaRPr/>
            </a:p>
          </p:txBody>
        </p:sp>
      </p:grpSp>
      <p:grpSp>
        <p:nvGrpSpPr>
          <p:cNvPr id="57" name="object 57"/>
          <p:cNvGrpSpPr/>
          <p:nvPr/>
        </p:nvGrpSpPr>
        <p:grpSpPr>
          <a:xfrm>
            <a:off x="153917" y="4738113"/>
            <a:ext cx="671195" cy="671195"/>
            <a:chOff x="153917" y="4738113"/>
            <a:chExt cx="671195" cy="671195"/>
          </a:xfrm>
        </p:grpSpPr>
        <p:pic>
          <p:nvPicPr>
            <p:cNvPr id="58" name="object 58"/>
            <p:cNvPicPr/>
            <p:nvPr/>
          </p:nvPicPr>
          <p:blipFill>
            <a:blip r:embed="rId16" cstate="print"/>
            <a:stretch>
              <a:fillRect/>
            </a:stretch>
          </p:blipFill>
          <p:spPr>
            <a:xfrm>
              <a:off x="156972" y="4741164"/>
              <a:ext cx="663606" cy="662076"/>
            </a:xfrm>
            <a:prstGeom prst="rect">
              <a:avLst/>
            </a:prstGeom>
          </p:spPr>
        </p:pic>
        <p:sp>
          <p:nvSpPr>
            <p:cNvPr id="59" name="object 59"/>
            <p:cNvSpPr/>
            <p:nvPr/>
          </p:nvSpPr>
          <p:spPr>
            <a:xfrm>
              <a:off x="155441" y="4739637"/>
              <a:ext cx="668020" cy="668020"/>
            </a:xfrm>
            <a:custGeom>
              <a:avLst/>
              <a:gdLst/>
              <a:ahLst/>
              <a:cxnLst/>
              <a:rect l="l" t="t" r="r" b="b"/>
              <a:pathLst>
                <a:path w="668019" h="668020">
                  <a:moveTo>
                    <a:pt x="334111" y="0"/>
                  </a:moveTo>
                  <a:lnTo>
                    <a:pt x="401497" y="6781"/>
                  </a:lnTo>
                  <a:lnTo>
                    <a:pt x="464083" y="26314"/>
                  </a:lnTo>
                  <a:lnTo>
                    <a:pt x="520700" y="57010"/>
                  </a:lnTo>
                  <a:lnTo>
                    <a:pt x="570141" y="97675"/>
                  </a:lnTo>
                  <a:lnTo>
                    <a:pt x="610806" y="147116"/>
                  </a:lnTo>
                  <a:lnTo>
                    <a:pt x="641515" y="204139"/>
                  </a:lnTo>
                  <a:lnTo>
                    <a:pt x="661047" y="266725"/>
                  </a:lnTo>
                  <a:lnTo>
                    <a:pt x="667816" y="334111"/>
                  </a:lnTo>
                  <a:lnTo>
                    <a:pt x="666229" y="368388"/>
                  </a:lnTo>
                  <a:lnTo>
                    <a:pt x="652665" y="433387"/>
                  </a:lnTo>
                  <a:lnTo>
                    <a:pt x="627557" y="493191"/>
                  </a:lnTo>
                  <a:lnTo>
                    <a:pt x="591667" y="546214"/>
                  </a:lnTo>
                  <a:lnTo>
                    <a:pt x="546214" y="591667"/>
                  </a:lnTo>
                  <a:lnTo>
                    <a:pt x="493191" y="627545"/>
                  </a:lnTo>
                  <a:lnTo>
                    <a:pt x="433387" y="652665"/>
                  </a:lnTo>
                  <a:lnTo>
                    <a:pt x="368401" y="666216"/>
                  </a:lnTo>
                  <a:lnTo>
                    <a:pt x="334111" y="667816"/>
                  </a:lnTo>
                  <a:lnTo>
                    <a:pt x="299821" y="666216"/>
                  </a:lnTo>
                  <a:lnTo>
                    <a:pt x="234835" y="652665"/>
                  </a:lnTo>
                  <a:lnTo>
                    <a:pt x="174637" y="627545"/>
                  </a:lnTo>
                  <a:lnTo>
                    <a:pt x="121602" y="591667"/>
                  </a:lnTo>
                  <a:lnTo>
                    <a:pt x="76149" y="546214"/>
                  </a:lnTo>
                  <a:lnTo>
                    <a:pt x="40271" y="493191"/>
                  </a:lnTo>
                  <a:lnTo>
                    <a:pt x="15151" y="433387"/>
                  </a:lnTo>
                  <a:lnTo>
                    <a:pt x="1600" y="368388"/>
                  </a:lnTo>
                  <a:lnTo>
                    <a:pt x="0" y="334111"/>
                  </a:lnTo>
                  <a:lnTo>
                    <a:pt x="1600" y="299821"/>
                  </a:lnTo>
                  <a:lnTo>
                    <a:pt x="15151" y="234835"/>
                  </a:lnTo>
                  <a:lnTo>
                    <a:pt x="40271" y="174637"/>
                  </a:lnTo>
                  <a:lnTo>
                    <a:pt x="76149" y="121602"/>
                  </a:lnTo>
                  <a:lnTo>
                    <a:pt x="121602" y="76149"/>
                  </a:lnTo>
                  <a:lnTo>
                    <a:pt x="174637" y="40271"/>
                  </a:lnTo>
                  <a:lnTo>
                    <a:pt x="234835" y="15151"/>
                  </a:lnTo>
                  <a:lnTo>
                    <a:pt x="299821" y="1600"/>
                  </a:lnTo>
                  <a:lnTo>
                    <a:pt x="334111" y="0"/>
                  </a:lnTo>
                  <a:close/>
                </a:path>
              </a:pathLst>
            </a:custGeom>
            <a:ln w="3175">
              <a:solidFill>
                <a:srgbClr val="000000"/>
              </a:solidFill>
            </a:ln>
          </p:spPr>
          <p:txBody>
            <a:bodyPr wrap="square" lIns="0" tIns="0" rIns="0" bIns="0" rtlCol="0"/>
            <a:lstStyle/>
            <a:p>
              <a:endParaRPr/>
            </a:p>
          </p:txBody>
        </p:sp>
      </p:grpSp>
      <p:grpSp>
        <p:nvGrpSpPr>
          <p:cNvPr id="60" name="object 60"/>
          <p:cNvGrpSpPr/>
          <p:nvPr/>
        </p:nvGrpSpPr>
        <p:grpSpPr>
          <a:xfrm>
            <a:off x="150869" y="5533642"/>
            <a:ext cx="671195" cy="671195"/>
            <a:chOff x="150869" y="5533642"/>
            <a:chExt cx="671195" cy="671195"/>
          </a:xfrm>
        </p:grpSpPr>
        <p:pic>
          <p:nvPicPr>
            <p:cNvPr id="61" name="object 61"/>
            <p:cNvPicPr/>
            <p:nvPr/>
          </p:nvPicPr>
          <p:blipFill>
            <a:blip r:embed="rId17" cstate="print"/>
            <a:stretch>
              <a:fillRect/>
            </a:stretch>
          </p:blipFill>
          <p:spPr>
            <a:xfrm>
              <a:off x="153924" y="5536692"/>
              <a:ext cx="664464" cy="664464"/>
            </a:xfrm>
            <a:prstGeom prst="rect">
              <a:avLst/>
            </a:prstGeom>
          </p:spPr>
        </p:pic>
        <p:sp>
          <p:nvSpPr>
            <p:cNvPr id="62" name="object 62"/>
            <p:cNvSpPr/>
            <p:nvPr/>
          </p:nvSpPr>
          <p:spPr>
            <a:xfrm>
              <a:off x="152393" y="5535166"/>
              <a:ext cx="668020" cy="668020"/>
            </a:xfrm>
            <a:custGeom>
              <a:avLst/>
              <a:gdLst/>
              <a:ahLst/>
              <a:cxnLst/>
              <a:rect l="l" t="t" r="r" b="b"/>
              <a:pathLst>
                <a:path w="668019" h="668020">
                  <a:moveTo>
                    <a:pt x="334111" y="0"/>
                  </a:moveTo>
                  <a:lnTo>
                    <a:pt x="401497" y="6781"/>
                  </a:lnTo>
                  <a:lnTo>
                    <a:pt x="464083" y="26314"/>
                  </a:lnTo>
                  <a:lnTo>
                    <a:pt x="520700" y="57010"/>
                  </a:lnTo>
                  <a:lnTo>
                    <a:pt x="570141" y="97675"/>
                  </a:lnTo>
                  <a:lnTo>
                    <a:pt x="610806" y="147116"/>
                  </a:lnTo>
                  <a:lnTo>
                    <a:pt x="641515" y="204139"/>
                  </a:lnTo>
                  <a:lnTo>
                    <a:pt x="661047" y="266725"/>
                  </a:lnTo>
                  <a:lnTo>
                    <a:pt x="667816" y="334111"/>
                  </a:lnTo>
                  <a:lnTo>
                    <a:pt x="666229" y="368388"/>
                  </a:lnTo>
                  <a:lnTo>
                    <a:pt x="652665" y="433387"/>
                  </a:lnTo>
                  <a:lnTo>
                    <a:pt x="627557" y="493191"/>
                  </a:lnTo>
                  <a:lnTo>
                    <a:pt x="591667" y="546214"/>
                  </a:lnTo>
                  <a:lnTo>
                    <a:pt x="546214" y="591667"/>
                  </a:lnTo>
                  <a:lnTo>
                    <a:pt x="493191" y="627545"/>
                  </a:lnTo>
                  <a:lnTo>
                    <a:pt x="433387" y="652665"/>
                  </a:lnTo>
                  <a:lnTo>
                    <a:pt x="368401" y="666216"/>
                  </a:lnTo>
                  <a:lnTo>
                    <a:pt x="334111" y="667816"/>
                  </a:lnTo>
                  <a:lnTo>
                    <a:pt x="299821" y="666216"/>
                  </a:lnTo>
                  <a:lnTo>
                    <a:pt x="234835" y="652665"/>
                  </a:lnTo>
                  <a:lnTo>
                    <a:pt x="174637" y="627545"/>
                  </a:lnTo>
                  <a:lnTo>
                    <a:pt x="121602" y="591667"/>
                  </a:lnTo>
                  <a:lnTo>
                    <a:pt x="76149" y="546214"/>
                  </a:lnTo>
                  <a:lnTo>
                    <a:pt x="40271" y="493191"/>
                  </a:lnTo>
                  <a:lnTo>
                    <a:pt x="15151" y="433387"/>
                  </a:lnTo>
                  <a:lnTo>
                    <a:pt x="1600" y="368388"/>
                  </a:lnTo>
                  <a:lnTo>
                    <a:pt x="0" y="334111"/>
                  </a:lnTo>
                  <a:lnTo>
                    <a:pt x="1600" y="299821"/>
                  </a:lnTo>
                  <a:lnTo>
                    <a:pt x="15151" y="234835"/>
                  </a:lnTo>
                  <a:lnTo>
                    <a:pt x="40271" y="174637"/>
                  </a:lnTo>
                  <a:lnTo>
                    <a:pt x="76149" y="121602"/>
                  </a:lnTo>
                  <a:lnTo>
                    <a:pt x="121602" y="76149"/>
                  </a:lnTo>
                  <a:lnTo>
                    <a:pt x="174637" y="40271"/>
                  </a:lnTo>
                  <a:lnTo>
                    <a:pt x="234835" y="15151"/>
                  </a:lnTo>
                  <a:lnTo>
                    <a:pt x="299821" y="1600"/>
                  </a:lnTo>
                  <a:lnTo>
                    <a:pt x="334111" y="0"/>
                  </a:lnTo>
                  <a:close/>
                </a:path>
              </a:pathLst>
            </a:custGeom>
            <a:ln w="3175">
              <a:solidFill>
                <a:srgbClr val="000000"/>
              </a:solidFill>
            </a:ln>
          </p:spPr>
          <p:txBody>
            <a:bodyPr wrap="square" lIns="0" tIns="0" rIns="0" bIns="0" rtlCol="0"/>
            <a:lstStyle/>
            <a:p>
              <a:endParaRPr/>
            </a:p>
          </p:txBody>
        </p:sp>
      </p:grpSp>
      <p:grpSp>
        <p:nvGrpSpPr>
          <p:cNvPr id="63" name="object 63"/>
          <p:cNvGrpSpPr/>
          <p:nvPr/>
        </p:nvGrpSpPr>
        <p:grpSpPr>
          <a:xfrm>
            <a:off x="4674101" y="746758"/>
            <a:ext cx="671195" cy="672465"/>
            <a:chOff x="4674101" y="746758"/>
            <a:chExt cx="671195" cy="672465"/>
          </a:xfrm>
        </p:grpSpPr>
        <p:pic>
          <p:nvPicPr>
            <p:cNvPr id="64" name="object 64"/>
            <p:cNvPicPr/>
            <p:nvPr/>
          </p:nvPicPr>
          <p:blipFill>
            <a:blip r:embed="rId18" cstate="print"/>
            <a:stretch>
              <a:fillRect/>
            </a:stretch>
          </p:blipFill>
          <p:spPr>
            <a:xfrm>
              <a:off x="4677156" y="749808"/>
              <a:ext cx="664463" cy="665987"/>
            </a:xfrm>
            <a:prstGeom prst="rect">
              <a:avLst/>
            </a:prstGeom>
          </p:spPr>
        </p:pic>
        <p:sp>
          <p:nvSpPr>
            <p:cNvPr id="65" name="object 65"/>
            <p:cNvSpPr/>
            <p:nvPr/>
          </p:nvSpPr>
          <p:spPr>
            <a:xfrm>
              <a:off x="4675625" y="748282"/>
              <a:ext cx="668020" cy="669925"/>
            </a:xfrm>
            <a:custGeom>
              <a:avLst/>
              <a:gdLst/>
              <a:ahLst/>
              <a:cxnLst/>
              <a:rect l="l" t="t" r="r" b="b"/>
              <a:pathLst>
                <a:path w="668020" h="669925">
                  <a:moveTo>
                    <a:pt x="334111" y="0"/>
                  </a:moveTo>
                  <a:lnTo>
                    <a:pt x="401497" y="6781"/>
                  </a:lnTo>
                  <a:lnTo>
                    <a:pt x="464083" y="26314"/>
                  </a:lnTo>
                  <a:lnTo>
                    <a:pt x="520712" y="57023"/>
                  </a:lnTo>
                  <a:lnTo>
                    <a:pt x="570141" y="98082"/>
                  </a:lnTo>
                  <a:lnTo>
                    <a:pt x="610806" y="147523"/>
                  </a:lnTo>
                  <a:lnTo>
                    <a:pt x="641502" y="204533"/>
                  </a:lnTo>
                  <a:lnTo>
                    <a:pt x="661047" y="267512"/>
                  </a:lnTo>
                  <a:lnTo>
                    <a:pt x="667816" y="334899"/>
                  </a:lnTo>
                  <a:lnTo>
                    <a:pt x="666229" y="369189"/>
                  </a:lnTo>
                  <a:lnTo>
                    <a:pt x="652665" y="434174"/>
                  </a:lnTo>
                  <a:lnTo>
                    <a:pt x="627557" y="494372"/>
                  </a:lnTo>
                  <a:lnTo>
                    <a:pt x="591667" y="547801"/>
                  </a:lnTo>
                  <a:lnTo>
                    <a:pt x="546226" y="592848"/>
                  </a:lnTo>
                  <a:lnTo>
                    <a:pt x="493191" y="629132"/>
                  </a:lnTo>
                  <a:lnTo>
                    <a:pt x="433387" y="654253"/>
                  </a:lnTo>
                  <a:lnTo>
                    <a:pt x="368401" y="667804"/>
                  </a:lnTo>
                  <a:lnTo>
                    <a:pt x="334111" y="669404"/>
                  </a:lnTo>
                  <a:lnTo>
                    <a:pt x="299821" y="667804"/>
                  </a:lnTo>
                  <a:lnTo>
                    <a:pt x="234835" y="654253"/>
                  </a:lnTo>
                  <a:lnTo>
                    <a:pt x="174637" y="629132"/>
                  </a:lnTo>
                  <a:lnTo>
                    <a:pt x="121602" y="592848"/>
                  </a:lnTo>
                  <a:lnTo>
                    <a:pt x="76149" y="547801"/>
                  </a:lnTo>
                  <a:lnTo>
                    <a:pt x="40271" y="494372"/>
                  </a:lnTo>
                  <a:lnTo>
                    <a:pt x="15151" y="434174"/>
                  </a:lnTo>
                  <a:lnTo>
                    <a:pt x="1600" y="369189"/>
                  </a:lnTo>
                  <a:lnTo>
                    <a:pt x="0" y="334899"/>
                  </a:lnTo>
                  <a:lnTo>
                    <a:pt x="1600" y="300621"/>
                  </a:lnTo>
                  <a:lnTo>
                    <a:pt x="15151" y="235229"/>
                  </a:lnTo>
                  <a:lnTo>
                    <a:pt x="40271" y="175425"/>
                  </a:lnTo>
                  <a:lnTo>
                    <a:pt x="76149" y="121996"/>
                  </a:lnTo>
                  <a:lnTo>
                    <a:pt x="121602" y="76555"/>
                  </a:lnTo>
                  <a:lnTo>
                    <a:pt x="174637" y="40271"/>
                  </a:lnTo>
                  <a:lnTo>
                    <a:pt x="234835" y="15151"/>
                  </a:lnTo>
                  <a:lnTo>
                    <a:pt x="299821" y="1600"/>
                  </a:lnTo>
                  <a:lnTo>
                    <a:pt x="334111" y="0"/>
                  </a:lnTo>
                  <a:close/>
                </a:path>
              </a:pathLst>
            </a:custGeom>
            <a:ln w="3175">
              <a:solidFill>
                <a:srgbClr val="000000"/>
              </a:solidFill>
            </a:ln>
          </p:spPr>
          <p:txBody>
            <a:bodyPr wrap="square" lIns="0" tIns="0" rIns="0" bIns="0" rtlCol="0"/>
            <a:lstStyle/>
            <a:p>
              <a:endParaRPr/>
            </a:p>
          </p:txBody>
        </p:sp>
      </p:grpSp>
      <p:grpSp>
        <p:nvGrpSpPr>
          <p:cNvPr id="66" name="object 66"/>
          <p:cNvGrpSpPr/>
          <p:nvPr/>
        </p:nvGrpSpPr>
        <p:grpSpPr>
          <a:xfrm>
            <a:off x="4674101" y="1542286"/>
            <a:ext cx="671195" cy="671195"/>
            <a:chOff x="4674101" y="1542286"/>
            <a:chExt cx="671195" cy="671195"/>
          </a:xfrm>
        </p:grpSpPr>
        <p:pic>
          <p:nvPicPr>
            <p:cNvPr id="67" name="object 67"/>
            <p:cNvPicPr/>
            <p:nvPr/>
          </p:nvPicPr>
          <p:blipFill>
            <a:blip r:embed="rId19" cstate="print"/>
            <a:stretch>
              <a:fillRect/>
            </a:stretch>
          </p:blipFill>
          <p:spPr>
            <a:xfrm>
              <a:off x="4677155" y="1545336"/>
              <a:ext cx="664464" cy="664463"/>
            </a:xfrm>
            <a:prstGeom prst="rect">
              <a:avLst/>
            </a:prstGeom>
          </p:spPr>
        </p:pic>
        <p:sp>
          <p:nvSpPr>
            <p:cNvPr id="68" name="object 68"/>
            <p:cNvSpPr/>
            <p:nvPr/>
          </p:nvSpPr>
          <p:spPr>
            <a:xfrm>
              <a:off x="4675625" y="1543810"/>
              <a:ext cx="668020" cy="668020"/>
            </a:xfrm>
            <a:custGeom>
              <a:avLst/>
              <a:gdLst/>
              <a:ahLst/>
              <a:cxnLst/>
              <a:rect l="l" t="t" r="r" b="b"/>
              <a:pathLst>
                <a:path w="668020" h="668019">
                  <a:moveTo>
                    <a:pt x="334111" y="0"/>
                  </a:moveTo>
                  <a:lnTo>
                    <a:pt x="401497" y="6781"/>
                  </a:lnTo>
                  <a:lnTo>
                    <a:pt x="464083" y="26314"/>
                  </a:lnTo>
                  <a:lnTo>
                    <a:pt x="520699" y="57010"/>
                  </a:lnTo>
                  <a:lnTo>
                    <a:pt x="570141" y="97675"/>
                  </a:lnTo>
                  <a:lnTo>
                    <a:pt x="610806" y="147116"/>
                  </a:lnTo>
                  <a:lnTo>
                    <a:pt x="641515" y="204139"/>
                  </a:lnTo>
                  <a:lnTo>
                    <a:pt x="661047" y="266725"/>
                  </a:lnTo>
                  <a:lnTo>
                    <a:pt x="667816" y="334111"/>
                  </a:lnTo>
                  <a:lnTo>
                    <a:pt x="666229" y="368388"/>
                  </a:lnTo>
                  <a:lnTo>
                    <a:pt x="652665" y="433387"/>
                  </a:lnTo>
                  <a:lnTo>
                    <a:pt x="627557" y="493191"/>
                  </a:lnTo>
                  <a:lnTo>
                    <a:pt x="591667" y="546214"/>
                  </a:lnTo>
                  <a:lnTo>
                    <a:pt x="546214" y="591667"/>
                  </a:lnTo>
                  <a:lnTo>
                    <a:pt x="493191" y="627545"/>
                  </a:lnTo>
                  <a:lnTo>
                    <a:pt x="433387" y="652665"/>
                  </a:lnTo>
                  <a:lnTo>
                    <a:pt x="368401" y="666216"/>
                  </a:lnTo>
                  <a:lnTo>
                    <a:pt x="334111" y="667816"/>
                  </a:lnTo>
                  <a:lnTo>
                    <a:pt x="299821" y="666216"/>
                  </a:lnTo>
                  <a:lnTo>
                    <a:pt x="234835" y="652665"/>
                  </a:lnTo>
                  <a:lnTo>
                    <a:pt x="174637" y="627545"/>
                  </a:lnTo>
                  <a:lnTo>
                    <a:pt x="121602" y="591667"/>
                  </a:lnTo>
                  <a:lnTo>
                    <a:pt x="76149" y="546214"/>
                  </a:lnTo>
                  <a:lnTo>
                    <a:pt x="40271" y="493191"/>
                  </a:lnTo>
                  <a:lnTo>
                    <a:pt x="15151" y="433387"/>
                  </a:lnTo>
                  <a:lnTo>
                    <a:pt x="1600" y="368388"/>
                  </a:lnTo>
                  <a:lnTo>
                    <a:pt x="0" y="334111"/>
                  </a:lnTo>
                  <a:lnTo>
                    <a:pt x="1600" y="299821"/>
                  </a:lnTo>
                  <a:lnTo>
                    <a:pt x="15151" y="234835"/>
                  </a:lnTo>
                  <a:lnTo>
                    <a:pt x="40271" y="174637"/>
                  </a:lnTo>
                  <a:lnTo>
                    <a:pt x="76149" y="121602"/>
                  </a:lnTo>
                  <a:lnTo>
                    <a:pt x="121602" y="76149"/>
                  </a:lnTo>
                  <a:lnTo>
                    <a:pt x="174637" y="40271"/>
                  </a:lnTo>
                  <a:lnTo>
                    <a:pt x="234835" y="15151"/>
                  </a:lnTo>
                  <a:lnTo>
                    <a:pt x="299821" y="1600"/>
                  </a:lnTo>
                  <a:lnTo>
                    <a:pt x="334111" y="0"/>
                  </a:lnTo>
                  <a:close/>
                </a:path>
              </a:pathLst>
            </a:custGeom>
            <a:ln w="3175">
              <a:solidFill>
                <a:srgbClr val="000000"/>
              </a:solidFill>
            </a:ln>
          </p:spPr>
          <p:txBody>
            <a:bodyPr wrap="square" lIns="0" tIns="0" rIns="0" bIns="0" rtlCol="0"/>
            <a:lstStyle/>
            <a:p>
              <a:endParaRPr/>
            </a:p>
          </p:txBody>
        </p:sp>
      </p:grpSp>
      <p:grpSp>
        <p:nvGrpSpPr>
          <p:cNvPr id="69" name="object 69"/>
          <p:cNvGrpSpPr/>
          <p:nvPr/>
        </p:nvGrpSpPr>
        <p:grpSpPr>
          <a:xfrm>
            <a:off x="4684769" y="3939538"/>
            <a:ext cx="671195" cy="671195"/>
            <a:chOff x="4684769" y="3939538"/>
            <a:chExt cx="671195" cy="671195"/>
          </a:xfrm>
        </p:grpSpPr>
        <p:pic>
          <p:nvPicPr>
            <p:cNvPr id="70" name="object 70"/>
            <p:cNvPicPr/>
            <p:nvPr/>
          </p:nvPicPr>
          <p:blipFill>
            <a:blip r:embed="rId20" cstate="print"/>
            <a:stretch>
              <a:fillRect/>
            </a:stretch>
          </p:blipFill>
          <p:spPr>
            <a:xfrm>
              <a:off x="4687823" y="3942588"/>
              <a:ext cx="664463" cy="664463"/>
            </a:xfrm>
            <a:prstGeom prst="rect">
              <a:avLst/>
            </a:prstGeom>
          </p:spPr>
        </p:pic>
        <p:sp>
          <p:nvSpPr>
            <p:cNvPr id="71" name="object 71"/>
            <p:cNvSpPr/>
            <p:nvPr/>
          </p:nvSpPr>
          <p:spPr>
            <a:xfrm>
              <a:off x="4686293" y="3941062"/>
              <a:ext cx="668020" cy="668020"/>
            </a:xfrm>
            <a:custGeom>
              <a:avLst/>
              <a:gdLst/>
              <a:ahLst/>
              <a:cxnLst/>
              <a:rect l="l" t="t" r="r" b="b"/>
              <a:pathLst>
                <a:path w="668020" h="668020">
                  <a:moveTo>
                    <a:pt x="334111" y="0"/>
                  </a:moveTo>
                  <a:lnTo>
                    <a:pt x="401497" y="6781"/>
                  </a:lnTo>
                  <a:lnTo>
                    <a:pt x="464083" y="26314"/>
                  </a:lnTo>
                  <a:lnTo>
                    <a:pt x="520699" y="57010"/>
                  </a:lnTo>
                  <a:lnTo>
                    <a:pt x="570141" y="97675"/>
                  </a:lnTo>
                  <a:lnTo>
                    <a:pt x="610806" y="147116"/>
                  </a:lnTo>
                  <a:lnTo>
                    <a:pt x="641515" y="204139"/>
                  </a:lnTo>
                  <a:lnTo>
                    <a:pt x="661047" y="266725"/>
                  </a:lnTo>
                  <a:lnTo>
                    <a:pt x="667816" y="334111"/>
                  </a:lnTo>
                  <a:lnTo>
                    <a:pt x="666229" y="368388"/>
                  </a:lnTo>
                  <a:lnTo>
                    <a:pt x="652665" y="433387"/>
                  </a:lnTo>
                  <a:lnTo>
                    <a:pt x="627557" y="493191"/>
                  </a:lnTo>
                  <a:lnTo>
                    <a:pt x="591667" y="546214"/>
                  </a:lnTo>
                  <a:lnTo>
                    <a:pt x="546214" y="591667"/>
                  </a:lnTo>
                  <a:lnTo>
                    <a:pt x="493191" y="627545"/>
                  </a:lnTo>
                  <a:lnTo>
                    <a:pt x="433387" y="652665"/>
                  </a:lnTo>
                  <a:lnTo>
                    <a:pt x="368401" y="666216"/>
                  </a:lnTo>
                  <a:lnTo>
                    <a:pt x="334111" y="667816"/>
                  </a:lnTo>
                  <a:lnTo>
                    <a:pt x="299821" y="666216"/>
                  </a:lnTo>
                  <a:lnTo>
                    <a:pt x="234835" y="652665"/>
                  </a:lnTo>
                  <a:lnTo>
                    <a:pt x="174637" y="627545"/>
                  </a:lnTo>
                  <a:lnTo>
                    <a:pt x="121602" y="591667"/>
                  </a:lnTo>
                  <a:lnTo>
                    <a:pt x="76149" y="546214"/>
                  </a:lnTo>
                  <a:lnTo>
                    <a:pt x="40271" y="493191"/>
                  </a:lnTo>
                  <a:lnTo>
                    <a:pt x="15151" y="433387"/>
                  </a:lnTo>
                  <a:lnTo>
                    <a:pt x="1600" y="368388"/>
                  </a:lnTo>
                  <a:lnTo>
                    <a:pt x="0" y="334111"/>
                  </a:lnTo>
                  <a:lnTo>
                    <a:pt x="1600" y="299821"/>
                  </a:lnTo>
                  <a:lnTo>
                    <a:pt x="15151" y="234835"/>
                  </a:lnTo>
                  <a:lnTo>
                    <a:pt x="40271" y="174637"/>
                  </a:lnTo>
                  <a:lnTo>
                    <a:pt x="76149" y="121602"/>
                  </a:lnTo>
                  <a:lnTo>
                    <a:pt x="121602" y="76149"/>
                  </a:lnTo>
                  <a:lnTo>
                    <a:pt x="174637" y="40271"/>
                  </a:lnTo>
                  <a:lnTo>
                    <a:pt x="234835" y="15151"/>
                  </a:lnTo>
                  <a:lnTo>
                    <a:pt x="299821" y="1600"/>
                  </a:lnTo>
                  <a:lnTo>
                    <a:pt x="334111" y="0"/>
                  </a:lnTo>
                  <a:close/>
                </a:path>
              </a:pathLst>
            </a:custGeom>
            <a:ln w="3175">
              <a:solidFill>
                <a:srgbClr val="000000"/>
              </a:solidFill>
            </a:ln>
          </p:spPr>
          <p:txBody>
            <a:bodyPr wrap="square" lIns="0" tIns="0" rIns="0" bIns="0" rtlCol="0"/>
            <a:lstStyle/>
            <a:p>
              <a:endParaRPr/>
            </a:p>
          </p:txBody>
        </p:sp>
      </p:grpSp>
      <p:grpSp>
        <p:nvGrpSpPr>
          <p:cNvPr id="72" name="object 72"/>
          <p:cNvGrpSpPr/>
          <p:nvPr/>
        </p:nvGrpSpPr>
        <p:grpSpPr>
          <a:xfrm>
            <a:off x="4675625" y="4732018"/>
            <a:ext cx="671195" cy="671195"/>
            <a:chOff x="4675625" y="4732018"/>
            <a:chExt cx="671195" cy="671195"/>
          </a:xfrm>
        </p:grpSpPr>
        <p:pic>
          <p:nvPicPr>
            <p:cNvPr id="73" name="object 73"/>
            <p:cNvPicPr/>
            <p:nvPr/>
          </p:nvPicPr>
          <p:blipFill>
            <a:blip r:embed="rId21" cstate="print"/>
            <a:stretch>
              <a:fillRect/>
            </a:stretch>
          </p:blipFill>
          <p:spPr>
            <a:xfrm>
              <a:off x="4678679" y="4735068"/>
              <a:ext cx="664463" cy="664463"/>
            </a:xfrm>
            <a:prstGeom prst="rect">
              <a:avLst/>
            </a:prstGeom>
          </p:spPr>
        </p:pic>
        <p:sp>
          <p:nvSpPr>
            <p:cNvPr id="74" name="object 74"/>
            <p:cNvSpPr/>
            <p:nvPr/>
          </p:nvSpPr>
          <p:spPr>
            <a:xfrm>
              <a:off x="4677149" y="4733542"/>
              <a:ext cx="668020" cy="668020"/>
            </a:xfrm>
            <a:custGeom>
              <a:avLst/>
              <a:gdLst/>
              <a:ahLst/>
              <a:cxnLst/>
              <a:rect l="l" t="t" r="r" b="b"/>
              <a:pathLst>
                <a:path w="668020" h="668020">
                  <a:moveTo>
                    <a:pt x="334111" y="0"/>
                  </a:moveTo>
                  <a:lnTo>
                    <a:pt x="401497" y="6781"/>
                  </a:lnTo>
                  <a:lnTo>
                    <a:pt x="464083" y="26314"/>
                  </a:lnTo>
                  <a:lnTo>
                    <a:pt x="520699" y="57010"/>
                  </a:lnTo>
                  <a:lnTo>
                    <a:pt x="570141" y="97675"/>
                  </a:lnTo>
                  <a:lnTo>
                    <a:pt x="610806" y="147116"/>
                  </a:lnTo>
                  <a:lnTo>
                    <a:pt x="641515" y="204139"/>
                  </a:lnTo>
                  <a:lnTo>
                    <a:pt x="661047" y="266725"/>
                  </a:lnTo>
                  <a:lnTo>
                    <a:pt x="667816" y="334111"/>
                  </a:lnTo>
                  <a:lnTo>
                    <a:pt x="666229" y="368388"/>
                  </a:lnTo>
                  <a:lnTo>
                    <a:pt x="652665" y="433387"/>
                  </a:lnTo>
                  <a:lnTo>
                    <a:pt x="627557" y="493191"/>
                  </a:lnTo>
                  <a:lnTo>
                    <a:pt x="591667" y="546214"/>
                  </a:lnTo>
                  <a:lnTo>
                    <a:pt x="546214" y="591667"/>
                  </a:lnTo>
                  <a:lnTo>
                    <a:pt x="493191" y="627545"/>
                  </a:lnTo>
                  <a:lnTo>
                    <a:pt x="433387" y="652665"/>
                  </a:lnTo>
                  <a:lnTo>
                    <a:pt x="368401" y="666216"/>
                  </a:lnTo>
                  <a:lnTo>
                    <a:pt x="334111" y="667816"/>
                  </a:lnTo>
                  <a:lnTo>
                    <a:pt x="299821" y="666216"/>
                  </a:lnTo>
                  <a:lnTo>
                    <a:pt x="234835" y="652665"/>
                  </a:lnTo>
                  <a:lnTo>
                    <a:pt x="174637" y="627545"/>
                  </a:lnTo>
                  <a:lnTo>
                    <a:pt x="121602" y="591667"/>
                  </a:lnTo>
                  <a:lnTo>
                    <a:pt x="76149" y="546214"/>
                  </a:lnTo>
                  <a:lnTo>
                    <a:pt x="40271" y="493191"/>
                  </a:lnTo>
                  <a:lnTo>
                    <a:pt x="15151" y="433387"/>
                  </a:lnTo>
                  <a:lnTo>
                    <a:pt x="1600" y="368388"/>
                  </a:lnTo>
                  <a:lnTo>
                    <a:pt x="0" y="334111"/>
                  </a:lnTo>
                  <a:lnTo>
                    <a:pt x="1600" y="299821"/>
                  </a:lnTo>
                  <a:lnTo>
                    <a:pt x="15151" y="234835"/>
                  </a:lnTo>
                  <a:lnTo>
                    <a:pt x="40271" y="174637"/>
                  </a:lnTo>
                  <a:lnTo>
                    <a:pt x="76149" y="121602"/>
                  </a:lnTo>
                  <a:lnTo>
                    <a:pt x="121602" y="76149"/>
                  </a:lnTo>
                  <a:lnTo>
                    <a:pt x="174637" y="40271"/>
                  </a:lnTo>
                  <a:lnTo>
                    <a:pt x="234835" y="15151"/>
                  </a:lnTo>
                  <a:lnTo>
                    <a:pt x="299821" y="1600"/>
                  </a:lnTo>
                  <a:lnTo>
                    <a:pt x="334111" y="0"/>
                  </a:lnTo>
                  <a:close/>
                </a:path>
              </a:pathLst>
            </a:custGeom>
            <a:ln w="3175">
              <a:solidFill>
                <a:srgbClr val="000000"/>
              </a:solidFill>
            </a:ln>
          </p:spPr>
          <p:txBody>
            <a:bodyPr wrap="square" lIns="0" tIns="0" rIns="0" bIns="0" rtlCol="0"/>
            <a:lstStyle/>
            <a:p>
              <a:endParaRPr/>
            </a:p>
          </p:txBody>
        </p:sp>
      </p:grpSp>
      <p:grpSp>
        <p:nvGrpSpPr>
          <p:cNvPr id="75" name="object 75"/>
          <p:cNvGrpSpPr/>
          <p:nvPr/>
        </p:nvGrpSpPr>
        <p:grpSpPr>
          <a:xfrm>
            <a:off x="4687817" y="3095242"/>
            <a:ext cx="671195" cy="671195"/>
            <a:chOff x="4687817" y="3095242"/>
            <a:chExt cx="671195" cy="671195"/>
          </a:xfrm>
        </p:grpSpPr>
        <p:pic>
          <p:nvPicPr>
            <p:cNvPr id="76" name="object 76"/>
            <p:cNvPicPr/>
            <p:nvPr/>
          </p:nvPicPr>
          <p:blipFill>
            <a:blip r:embed="rId22" cstate="print"/>
            <a:stretch>
              <a:fillRect/>
            </a:stretch>
          </p:blipFill>
          <p:spPr>
            <a:xfrm>
              <a:off x="4690872" y="3098291"/>
              <a:ext cx="664463" cy="664464"/>
            </a:xfrm>
            <a:prstGeom prst="rect">
              <a:avLst/>
            </a:prstGeom>
          </p:spPr>
        </p:pic>
        <p:sp>
          <p:nvSpPr>
            <p:cNvPr id="77" name="object 77"/>
            <p:cNvSpPr/>
            <p:nvPr/>
          </p:nvSpPr>
          <p:spPr>
            <a:xfrm>
              <a:off x="4689341" y="3096766"/>
              <a:ext cx="668020" cy="668020"/>
            </a:xfrm>
            <a:custGeom>
              <a:avLst/>
              <a:gdLst/>
              <a:ahLst/>
              <a:cxnLst/>
              <a:rect l="l" t="t" r="r" b="b"/>
              <a:pathLst>
                <a:path w="668020" h="668020">
                  <a:moveTo>
                    <a:pt x="334111" y="0"/>
                  </a:moveTo>
                  <a:lnTo>
                    <a:pt x="401497" y="6781"/>
                  </a:lnTo>
                  <a:lnTo>
                    <a:pt x="464083" y="26314"/>
                  </a:lnTo>
                  <a:lnTo>
                    <a:pt x="520699" y="57010"/>
                  </a:lnTo>
                  <a:lnTo>
                    <a:pt x="570141" y="97675"/>
                  </a:lnTo>
                  <a:lnTo>
                    <a:pt x="610806" y="147116"/>
                  </a:lnTo>
                  <a:lnTo>
                    <a:pt x="641515" y="204139"/>
                  </a:lnTo>
                  <a:lnTo>
                    <a:pt x="661047" y="266725"/>
                  </a:lnTo>
                  <a:lnTo>
                    <a:pt x="667816" y="334111"/>
                  </a:lnTo>
                  <a:lnTo>
                    <a:pt x="666229" y="368388"/>
                  </a:lnTo>
                  <a:lnTo>
                    <a:pt x="652665" y="433387"/>
                  </a:lnTo>
                  <a:lnTo>
                    <a:pt x="627557" y="493191"/>
                  </a:lnTo>
                  <a:lnTo>
                    <a:pt x="591667" y="546214"/>
                  </a:lnTo>
                  <a:lnTo>
                    <a:pt x="546214" y="591667"/>
                  </a:lnTo>
                  <a:lnTo>
                    <a:pt x="493191" y="627545"/>
                  </a:lnTo>
                  <a:lnTo>
                    <a:pt x="433387" y="652665"/>
                  </a:lnTo>
                  <a:lnTo>
                    <a:pt x="368401" y="666216"/>
                  </a:lnTo>
                  <a:lnTo>
                    <a:pt x="334111" y="667816"/>
                  </a:lnTo>
                  <a:lnTo>
                    <a:pt x="299821" y="666216"/>
                  </a:lnTo>
                  <a:lnTo>
                    <a:pt x="234835" y="652665"/>
                  </a:lnTo>
                  <a:lnTo>
                    <a:pt x="174637" y="627545"/>
                  </a:lnTo>
                  <a:lnTo>
                    <a:pt x="121602" y="591667"/>
                  </a:lnTo>
                  <a:lnTo>
                    <a:pt x="76149" y="546214"/>
                  </a:lnTo>
                  <a:lnTo>
                    <a:pt x="40271" y="493191"/>
                  </a:lnTo>
                  <a:lnTo>
                    <a:pt x="15151" y="433387"/>
                  </a:lnTo>
                  <a:lnTo>
                    <a:pt x="1600" y="368388"/>
                  </a:lnTo>
                  <a:lnTo>
                    <a:pt x="0" y="334111"/>
                  </a:lnTo>
                  <a:lnTo>
                    <a:pt x="1600" y="299821"/>
                  </a:lnTo>
                  <a:lnTo>
                    <a:pt x="15151" y="234835"/>
                  </a:lnTo>
                  <a:lnTo>
                    <a:pt x="40271" y="174637"/>
                  </a:lnTo>
                  <a:lnTo>
                    <a:pt x="76149" y="121602"/>
                  </a:lnTo>
                  <a:lnTo>
                    <a:pt x="121602" y="76149"/>
                  </a:lnTo>
                  <a:lnTo>
                    <a:pt x="174637" y="40271"/>
                  </a:lnTo>
                  <a:lnTo>
                    <a:pt x="234835" y="15151"/>
                  </a:lnTo>
                  <a:lnTo>
                    <a:pt x="299821" y="1600"/>
                  </a:lnTo>
                  <a:lnTo>
                    <a:pt x="334111" y="0"/>
                  </a:lnTo>
                  <a:close/>
                </a:path>
              </a:pathLst>
            </a:custGeom>
            <a:ln w="3175">
              <a:solidFill>
                <a:srgbClr val="000000"/>
              </a:solidFill>
            </a:ln>
          </p:spPr>
          <p:txBody>
            <a:bodyPr wrap="square" lIns="0" tIns="0" rIns="0" bIns="0" rtlCol="0"/>
            <a:lstStyle/>
            <a:p>
              <a:endParaRPr/>
            </a:p>
          </p:txBody>
        </p:sp>
      </p:grpSp>
      <p:grpSp>
        <p:nvGrpSpPr>
          <p:cNvPr id="78" name="object 78"/>
          <p:cNvGrpSpPr/>
          <p:nvPr/>
        </p:nvGrpSpPr>
        <p:grpSpPr>
          <a:xfrm>
            <a:off x="4680203" y="5571742"/>
            <a:ext cx="672465" cy="671195"/>
            <a:chOff x="4680203" y="5571742"/>
            <a:chExt cx="672465" cy="671195"/>
          </a:xfrm>
        </p:grpSpPr>
        <p:pic>
          <p:nvPicPr>
            <p:cNvPr id="79" name="object 79"/>
            <p:cNvPicPr/>
            <p:nvPr/>
          </p:nvPicPr>
          <p:blipFill>
            <a:blip r:embed="rId23" cstate="print"/>
            <a:stretch>
              <a:fillRect/>
            </a:stretch>
          </p:blipFill>
          <p:spPr>
            <a:xfrm>
              <a:off x="4683251" y="5574792"/>
              <a:ext cx="665988" cy="664464"/>
            </a:xfrm>
            <a:prstGeom prst="rect">
              <a:avLst/>
            </a:prstGeom>
          </p:spPr>
        </p:pic>
        <p:sp>
          <p:nvSpPr>
            <p:cNvPr id="80" name="object 80"/>
            <p:cNvSpPr/>
            <p:nvPr/>
          </p:nvSpPr>
          <p:spPr>
            <a:xfrm>
              <a:off x="4681727" y="5573266"/>
              <a:ext cx="669925" cy="668020"/>
            </a:xfrm>
            <a:custGeom>
              <a:avLst/>
              <a:gdLst/>
              <a:ahLst/>
              <a:cxnLst/>
              <a:rect l="l" t="t" r="r" b="b"/>
              <a:pathLst>
                <a:path w="669925" h="668020">
                  <a:moveTo>
                    <a:pt x="334899" y="0"/>
                  </a:moveTo>
                  <a:lnTo>
                    <a:pt x="402285" y="6781"/>
                  </a:lnTo>
                  <a:lnTo>
                    <a:pt x="464870" y="26314"/>
                  </a:lnTo>
                  <a:lnTo>
                    <a:pt x="521881" y="57010"/>
                  </a:lnTo>
                  <a:lnTo>
                    <a:pt x="571334" y="97688"/>
                  </a:lnTo>
                  <a:lnTo>
                    <a:pt x="612381" y="147116"/>
                  </a:lnTo>
                  <a:lnTo>
                    <a:pt x="643089" y="204139"/>
                  </a:lnTo>
                  <a:lnTo>
                    <a:pt x="662622" y="266725"/>
                  </a:lnTo>
                  <a:lnTo>
                    <a:pt x="669404" y="334111"/>
                  </a:lnTo>
                  <a:lnTo>
                    <a:pt x="667804" y="368388"/>
                  </a:lnTo>
                  <a:lnTo>
                    <a:pt x="654253" y="433387"/>
                  </a:lnTo>
                  <a:lnTo>
                    <a:pt x="629132" y="493191"/>
                  </a:lnTo>
                  <a:lnTo>
                    <a:pt x="592848" y="546214"/>
                  </a:lnTo>
                  <a:lnTo>
                    <a:pt x="547801" y="591667"/>
                  </a:lnTo>
                  <a:lnTo>
                    <a:pt x="494372" y="627545"/>
                  </a:lnTo>
                  <a:lnTo>
                    <a:pt x="434174" y="652665"/>
                  </a:lnTo>
                  <a:lnTo>
                    <a:pt x="369189" y="666216"/>
                  </a:lnTo>
                  <a:lnTo>
                    <a:pt x="334899" y="667816"/>
                  </a:lnTo>
                  <a:lnTo>
                    <a:pt x="300609" y="666216"/>
                  </a:lnTo>
                  <a:lnTo>
                    <a:pt x="235229" y="652665"/>
                  </a:lnTo>
                  <a:lnTo>
                    <a:pt x="175425" y="627545"/>
                  </a:lnTo>
                  <a:lnTo>
                    <a:pt x="121996" y="591667"/>
                  </a:lnTo>
                  <a:lnTo>
                    <a:pt x="76555" y="546214"/>
                  </a:lnTo>
                  <a:lnTo>
                    <a:pt x="40271" y="493191"/>
                  </a:lnTo>
                  <a:lnTo>
                    <a:pt x="15151" y="433387"/>
                  </a:lnTo>
                  <a:lnTo>
                    <a:pt x="1587" y="368388"/>
                  </a:lnTo>
                  <a:lnTo>
                    <a:pt x="0" y="334111"/>
                  </a:lnTo>
                  <a:lnTo>
                    <a:pt x="1587" y="299821"/>
                  </a:lnTo>
                  <a:lnTo>
                    <a:pt x="15151" y="234835"/>
                  </a:lnTo>
                  <a:lnTo>
                    <a:pt x="40259" y="174637"/>
                  </a:lnTo>
                  <a:lnTo>
                    <a:pt x="76555" y="121602"/>
                  </a:lnTo>
                  <a:lnTo>
                    <a:pt x="121996" y="76149"/>
                  </a:lnTo>
                  <a:lnTo>
                    <a:pt x="175425" y="40271"/>
                  </a:lnTo>
                  <a:lnTo>
                    <a:pt x="235229" y="15151"/>
                  </a:lnTo>
                  <a:lnTo>
                    <a:pt x="300609" y="1600"/>
                  </a:lnTo>
                  <a:lnTo>
                    <a:pt x="334899" y="0"/>
                  </a:lnTo>
                  <a:close/>
                </a:path>
              </a:pathLst>
            </a:custGeom>
            <a:ln w="3175">
              <a:solidFill>
                <a:srgbClr val="000000"/>
              </a:solidFill>
            </a:ln>
          </p:spPr>
          <p:txBody>
            <a:bodyPr wrap="square" lIns="0" tIns="0" rIns="0" bIns="0" rtlCol="0"/>
            <a:lstStyle/>
            <a:p>
              <a:endParaRPr/>
            </a:p>
          </p:txBody>
        </p:sp>
      </p:grpSp>
      <p:sp>
        <p:nvSpPr>
          <p:cNvPr id="81" name="楕円 80">
            <a:extLst>
              <a:ext uri="{FF2B5EF4-FFF2-40B4-BE49-F238E27FC236}">
                <a16:creationId xmlns:a16="http://schemas.microsoft.com/office/drawing/2014/main" id="{0336A768-A73A-71F2-CC7D-92FCA8B45709}"/>
              </a:ext>
            </a:extLst>
          </p:cNvPr>
          <p:cNvSpPr/>
          <p:nvPr/>
        </p:nvSpPr>
        <p:spPr>
          <a:xfrm>
            <a:off x="3489148" y="1488950"/>
            <a:ext cx="5729679" cy="914400"/>
          </a:xfrm>
          <a:prstGeom prst="ellipse">
            <a:avLst/>
          </a:prstGeom>
          <a:noFill/>
          <a:ln w="57150">
            <a:solidFill>
              <a:srgbClr val="FF0000"/>
            </a:solidFill>
          </a:ln>
        </p:spPr>
        <p:style>
          <a:lnRef idx="2">
            <a:schemeClr val="accent1">
              <a:shade val="15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716E79BD-A61B-7088-110C-B2185C667598}"/>
              </a:ext>
            </a:extLst>
          </p:cNvPr>
          <p:cNvSpPr>
            <a:spLocks noGrp="1"/>
          </p:cNvSpPr>
          <p:nvPr>
            <p:ph type="sldNum" sz="quarter" idx="12"/>
          </p:nvPr>
        </p:nvSpPr>
        <p:spPr/>
        <p:txBody>
          <a:bodyPr/>
          <a:lstStyle/>
          <a:p>
            <a:pPr defTabSz="371446"/>
            <a:fld id="{B424A714-972D-431A-872C-1B0FE76119C1}" type="slidenum">
              <a:rPr kumimoji="0" lang="ja-JP" altLang="en-US" smtClean="0"/>
              <a:pPr defTabSz="371446"/>
              <a:t>7</a:t>
            </a:fld>
            <a:endParaRPr kumimoji="0" lang="ja-JP" altLang="en-US" dirty="0"/>
          </a:p>
        </p:txBody>
      </p:sp>
      <p:pic>
        <p:nvPicPr>
          <p:cNvPr id="4" name="図 3">
            <a:extLst>
              <a:ext uri="{FF2B5EF4-FFF2-40B4-BE49-F238E27FC236}">
                <a16:creationId xmlns:a16="http://schemas.microsoft.com/office/drawing/2014/main" id="{05141387-FAD7-8A30-E4C9-881EEC6E34F9}"/>
              </a:ext>
            </a:extLst>
          </p:cNvPr>
          <p:cNvPicPr>
            <a:picLocks noChangeAspect="1"/>
          </p:cNvPicPr>
          <p:nvPr/>
        </p:nvPicPr>
        <p:blipFill>
          <a:blip r:embed="rId2"/>
          <a:stretch>
            <a:fillRect/>
          </a:stretch>
        </p:blipFill>
        <p:spPr>
          <a:xfrm>
            <a:off x="914400" y="280001"/>
            <a:ext cx="7319065" cy="6301325"/>
          </a:xfrm>
          <a:prstGeom prst="rect">
            <a:avLst/>
          </a:prstGeom>
        </p:spPr>
      </p:pic>
    </p:spTree>
    <p:extLst>
      <p:ext uri="{BB962C8B-B14F-4D97-AF65-F5344CB8AC3E}">
        <p14:creationId xmlns:p14="http://schemas.microsoft.com/office/powerpoint/2010/main" val="2466066003"/>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6993135" y="4479554"/>
            <a:ext cx="2120629" cy="1710918"/>
          </a:xfrm>
          <a:prstGeom prst="rect">
            <a:avLst/>
          </a:prstGeom>
        </p:spPr>
      </p:pic>
      <p:pic>
        <p:nvPicPr>
          <p:cNvPr id="3" name="object 3"/>
          <p:cNvPicPr/>
          <p:nvPr/>
        </p:nvPicPr>
        <p:blipFill>
          <a:blip r:embed="rId3" cstate="print"/>
          <a:stretch>
            <a:fillRect/>
          </a:stretch>
        </p:blipFill>
        <p:spPr>
          <a:xfrm>
            <a:off x="114754" y="0"/>
            <a:ext cx="9545440" cy="528827"/>
          </a:xfrm>
          <a:prstGeom prst="rect">
            <a:avLst/>
          </a:prstGeom>
        </p:spPr>
      </p:pic>
      <p:sp>
        <p:nvSpPr>
          <p:cNvPr id="4" name="object 4"/>
          <p:cNvSpPr txBox="1">
            <a:spLocks noGrp="1"/>
          </p:cNvSpPr>
          <p:nvPr>
            <p:ph type="title"/>
          </p:nvPr>
        </p:nvSpPr>
        <p:spPr>
          <a:xfrm>
            <a:off x="1240295" y="48609"/>
            <a:ext cx="7063047" cy="452120"/>
          </a:xfrm>
          <a:prstGeom prst="rect">
            <a:avLst/>
          </a:prstGeom>
        </p:spPr>
        <p:txBody>
          <a:bodyPr vert="horz" wrap="square" lIns="0" tIns="12065" rIns="0" bIns="0" rtlCol="0">
            <a:spAutoFit/>
          </a:bodyPr>
          <a:lstStyle/>
          <a:p>
            <a:pPr marL="12700">
              <a:lnSpc>
                <a:spcPct val="100000"/>
              </a:lnSpc>
              <a:spcBef>
                <a:spcPts val="95"/>
              </a:spcBef>
            </a:pPr>
            <a:r>
              <a:rPr sz="2800" spc="-45" dirty="0"/>
              <a:t>社会実装に向けた５つの視点：基本的考え方</a:t>
            </a:r>
            <a:endParaRPr sz="2800" dirty="0"/>
          </a:p>
        </p:txBody>
      </p:sp>
      <p:sp>
        <p:nvSpPr>
          <p:cNvPr id="5" name="object 5"/>
          <p:cNvSpPr txBox="1"/>
          <p:nvPr/>
        </p:nvSpPr>
        <p:spPr>
          <a:xfrm>
            <a:off x="195224" y="5274950"/>
            <a:ext cx="8955405" cy="1440180"/>
          </a:xfrm>
          <a:prstGeom prst="rect">
            <a:avLst/>
          </a:prstGeom>
        </p:spPr>
        <p:txBody>
          <a:bodyPr vert="horz" wrap="square" lIns="0" tIns="12700" rIns="0" bIns="0" rtlCol="0">
            <a:spAutoFit/>
          </a:bodyPr>
          <a:lstStyle/>
          <a:p>
            <a:pPr marL="170815" marR="5080" indent="-158750">
              <a:lnSpc>
                <a:spcPct val="100000"/>
              </a:lnSpc>
              <a:spcBef>
                <a:spcPts val="100"/>
              </a:spcBef>
              <a:buFont typeface="Wingdings"/>
              <a:buChar char=""/>
              <a:tabLst>
                <a:tab pos="170815" algn="l"/>
              </a:tabLst>
            </a:pPr>
            <a:r>
              <a:rPr sz="1400" b="1" spc="-15" dirty="0">
                <a:latin typeface="Meiryo UI"/>
                <a:cs typeface="Meiryo UI"/>
              </a:rPr>
              <a:t>プログラムディレクター</a:t>
            </a:r>
            <a:r>
              <a:rPr sz="1400" b="1" spc="-10" dirty="0">
                <a:latin typeface="Meiryo UI"/>
                <a:cs typeface="Meiryo UI"/>
              </a:rPr>
              <a:t>（PD）</a:t>
            </a:r>
            <a:r>
              <a:rPr sz="1400" b="1" spc="-15" dirty="0">
                <a:latin typeface="Meiryo UI"/>
                <a:cs typeface="Meiryo UI"/>
              </a:rPr>
              <a:t>のもとで、府省連携・産学官連携により、５つの視点</a:t>
            </a:r>
            <a:r>
              <a:rPr sz="1400" b="1" dirty="0">
                <a:latin typeface="Meiryo UI"/>
                <a:cs typeface="Meiryo UI"/>
              </a:rPr>
              <a:t>（</a:t>
            </a:r>
            <a:r>
              <a:rPr sz="1400" b="1" spc="-20" dirty="0">
                <a:latin typeface="Meiryo UI"/>
                <a:cs typeface="Meiryo UI"/>
              </a:rPr>
              <a:t>技術、制度、事業、社会的受容性、</a:t>
            </a:r>
            <a:r>
              <a:rPr sz="1400" b="1" dirty="0">
                <a:latin typeface="Meiryo UI"/>
                <a:cs typeface="Meiryo UI"/>
              </a:rPr>
              <a:t>人材）</a:t>
            </a:r>
            <a:r>
              <a:rPr sz="1400" b="1" spc="-15" dirty="0">
                <a:latin typeface="Meiryo UI"/>
                <a:cs typeface="Meiryo UI"/>
              </a:rPr>
              <a:t>から必要な取組を推進</a:t>
            </a:r>
            <a:endParaRPr sz="1400">
              <a:latin typeface="Meiryo UI"/>
              <a:cs typeface="Meiryo UI"/>
            </a:endParaRPr>
          </a:p>
          <a:p>
            <a:pPr marL="170815" indent="-158115">
              <a:lnSpc>
                <a:spcPct val="100000"/>
              </a:lnSpc>
              <a:spcBef>
                <a:spcPts val="300"/>
              </a:spcBef>
              <a:buFont typeface="Wingdings"/>
              <a:buChar char=""/>
              <a:tabLst>
                <a:tab pos="170815" algn="l"/>
              </a:tabLst>
            </a:pPr>
            <a:r>
              <a:rPr sz="1400" b="1" spc="-15" dirty="0">
                <a:latin typeface="Meiryo UI"/>
                <a:cs typeface="Meiryo UI"/>
              </a:rPr>
              <a:t>５つの視点の取組を測る指標として、</a:t>
            </a:r>
            <a:r>
              <a:rPr sz="1400" b="1" spc="-10" dirty="0">
                <a:latin typeface="Meiryo UI"/>
                <a:cs typeface="Meiryo UI"/>
              </a:rPr>
              <a:t>TRL（</a:t>
            </a:r>
            <a:r>
              <a:rPr sz="1400" b="1" spc="-20" dirty="0">
                <a:latin typeface="Meiryo UI"/>
                <a:cs typeface="Meiryo UI"/>
              </a:rPr>
              <a:t>技術成熟度レベル</a:t>
            </a:r>
            <a:r>
              <a:rPr sz="1400" b="1" spc="-15" dirty="0">
                <a:latin typeface="Meiryo UI"/>
                <a:cs typeface="Meiryo UI"/>
              </a:rPr>
              <a:t>）</a:t>
            </a:r>
            <a:r>
              <a:rPr sz="1400" b="1" spc="-20" dirty="0">
                <a:latin typeface="Meiryo UI"/>
                <a:cs typeface="Meiryo UI"/>
              </a:rPr>
              <a:t>に加え、新たに</a:t>
            </a:r>
            <a:r>
              <a:rPr sz="1400" b="1" spc="-10" dirty="0">
                <a:latin typeface="Meiryo UI"/>
                <a:cs typeface="Meiryo UI"/>
              </a:rPr>
              <a:t>BRL（事業～）、GRL（制度</a:t>
            </a:r>
            <a:r>
              <a:rPr sz="1400" b="1" dirty="0">
                <a:latin typeface="Meiryo UI"/>
                <a:cs typeface="Meiryo UI"/>
              </a:rPr>
              <a:t>～</a:t>
            </a:r>
            <a:r>
              <a:rPr sz="1400" b="1" spc="105" dirty="0">
                <a:latin typeface="Meiryo UI"/>
                <a:cs typeface="Meiryo UI"/>
              </a:rPr>
              <a:t> </a:t>
            </a:r>
            <a:r>
              <a:rPr sz="1400" b="1" spc="-10" dirty="0">
                <a:latin typeface="Meiryo UI"/>
                <a:cs typeface="Meiryo UI"/>
              </a:rPr>
              <a:t>）</a:t>
            </a:r>
            <a:r>
              <a:rPr sz="1400" b="1" spc="-50" dirty="0">
                <a:latin typeface="Meiryo UI"/>
                <a:cs typeface="Meiryo UI"/>
              </a:rPr>
              <a:t>、</a:t>
            </a:r>
            <a:endParaRPr sz="1400">
              <a:latin typeface="Meiryo UI"/>
              <a:cs typeface="Meiryo UI"/>
            </a:endParaRPr>
          </a:p>
          <a:p>
            <a:pPr marL="248920">
              <a:lnSpc>
                <a:spcPct val="100000"/>
              </a:lnSpc>
              <a:spcBef>
                <a:spcPts val="300"/>
              </a:spcBef>
            </a:pPr>
            <a:r>
              <a:rPr sz="1400" b="1" spc="-10" dirty="0">
                <a:latin typeface="Meiryo UI"/>
                <a:cs typeface="Meiryo UI"/>
              </a:rPr>
              <a:t>SRL（</a:t>
            </a:r>
            <a:r>
              <a:rPr sz="1400" b="1" spc="-5" dirty="0">
                <a:latin typeface="Meiryo UI"/>
                <a:cs typeface="Meiryo UI"/>
              </a:rPr>
              <a:t>社会的受容性</a:t>
            </a:r>
            <a:r>
              <a:rPr sz="1400" b="1" dirty="0">
                <a:latin typeface="Meiryo UI"/>
                <a:cs typeface="Meiryo UI"/>
              </a:rPr>
              <a:t>～</a:t>
            </a:r>
            <a:r>
              <a:rPr sz="1400" b="1" spc="-10" dirty="0">
                <a:latin typeface="Meiryo UI"/>
                <a:cs typeface="Meiryo UI"/>
              </a:rPr>
              <a:t> ）</a:t>
            </a:r>
            <a:r>
              <a:rPr sz="1400" b="1" dirty="0">
                <a:latin typeface="Meiryo UI"/>
                <a:cs typeface="Meiryo UI"/>
              </a:rPr>
              <a:t>、</a:t>
            </a:r>
            <a:r>
              <a:rPr sz="1400" b="1" spc="-10" dirty="0">
                <a:latin typeface="Meiryo UI"/>
                <a:cs typeface="Meiryo UI"/>
              </a:rPr>
              <a:t>HRL（人材</a:t>
            </a:r>
            <a:r>
              <a:rPr sz="1400" b="1" dirty="0">
                <a:latin typeface="Meiryo UI"/>
                <a:cs typeface="Meiryo UI"/>
              </a:rPr>
              <a:t>～</a:t>
            </a:r>
            <a:r>
              <a:rPr sz="1400" b="1" spc="-5" dirty="0">
                <a:latin typeface="Meiryo UI"/>
                <a:cs typeface="Meiryo UI"/>
              </a:rPr>
              <a:t> </a:t>
            </a:r>
            <a:r>
              <a:rPr sz="1400" b="1" dirty="0">
                <a:latin typeface="Meiryo UI"/>
                <a:cs typeface="Meiryo UI"/>
              </a:rPr>
              <a:t>）</a:t>
            </a:r>
            <a:r>
              <a:rPr sz="1400" b="1" spc="-20" dirty="0">
                <a:latin typeface="Meiryo UI"/>
                <a:cs typeface="Meiryo UI"/>
              </a:rPr>
              <a:t>を導入。</a:t>
            </a:r>
            <a:endParaRPr sz="1400">
              <a:latin typeface="Meiryo UI"/>
              <a:cs typeface="Meiryo UI"/>
            </a:endParaRPr>
          </a:p>
          <a:p>
            <a:pPr marR="97790" algn="r">
              <a:lnSpc>
                <a:spcPct val="100000"/>
              </a:lnSpc>
              <a:spcBef>
                <a:spcPts val="1655"/>
              </a:spcBef>
            </a:pPr>
            <a:r>
              <a:rPr sz="1800" b="1" spc="-50" dirty="0">
                <a:latin typeface="HGPｺﾞｼｯｸM"/>
                <a:cs typeface="HGPｺﾞｼｯｸM"/>
              </a:rPr>
              <a:t>８</a:t>
            </a:r>
            <a:endParaRPr sz="1800">
              <a:latin typeface="HGPｺﾞｼｯｸM"/>
              <a:cs typeface="HGPｺﾞｼｯｸM"/>
            </a:endParaRPr>
          </a:p>
        </p:txBody>
      </p:sp>
      <p:sp>
        <p:nvSpPr>
          <p:cNvPr id="6" name="object 6"/>
          <p:cNvSpPr txBox="1"/>
          <p:nvPr/>
        </p:nvSpPr>
        <p:spPr>
          <a:xfrm>
            <a:off x="297179" y="594359"/>
            <a:ext cx="8342630" cy="830580"/>
          </a:xfrm>
          <a:prstGeom prst="rect">
            <a:avLst/>
          </a:prstGeom>
          <a:ln w="9144">
            <a:solidFill>
              <a:srgbClr val="000000"/>
            </a:solidFill>
          </a:ln>
        </p:spPr>
        <p:txBody>
          <a:bodyPr vert="horz" wrap="square" lIns="0" tIns="45720" rIns="0" bIns="0" rtlCol="0">
            <a:spAutoFit/>
          </a:bodyPr>
          <a:lstStyle/>
          <a:p>
            <a:pPr marL="257810" indent="-167640">
              <a:lnSpc>
                <a:spcPct val="100000"/>
              </a:lnSpc>
              <a:spcBef>
                <a:spcPts val="360"/>
              </a:spcBef>
            </a:pPr>
            <a:r>
              <a:rPr sz="1600" b="1" spc="-25" dirty="0">
                <a:latin typeface="Meiryo UI"/>
                <a:cs typeface="Meiryo UI"/>
              </a:rPr>
              <a:t>○ＳＩＰ第３期では、</a:t>
            </a:r>
            <a:r>
              <a:rPr sz="1600" b="1" spc="-25" dirty="0">
                <a:solidFill>
                  <a:srgbClr val="FF0000"/>
                </a:solidFill>
                <a:latin typeface="Meiryo UI"/>
                <a:cs typeface="Meiryo UI"/>
              </a:rPr>
              <a:t>社会実装に向けた戦略として、技術だけでなく、制度、事業、社会的受容性、人材の５つの視点から必要な取組を抽出するとともに、各視点の成熟度レベルを用いてロードマップ</a:t>
            </a:r>
            <a:r>
              <a:rPr sz="1600" b="1" spc="-20" dirty="0">
                <a:solidFill>
                  <a:srgbClr val="FF0000"/>
                </a:solidFill>
                <a:latin typeface="Meiryo UI"/>
                <a:cs typeface="Meiryo UI"/>
              </a:rPr>
              <a:t>を作成</a:t>
            </a:r>
            <a:r>
              <a:rPr sz="1600" b="1" spc="-25" dirty="0">
                <a:latin typeface="Meiryo UI"/>
                <a:cs typeface="Meiryo UI"/>
              </a:rPr>
              <a:t>し、府省連携、産学官連携により、課題を推進。</a:t>
            </a:r>
            <a:endParaRPr sz="1600">
              <a:latin typeface="Meiryo UI"/>
              <a:cs typeface="Meiryo UI"/>
            </a:endParaRPr>
          </a:p>
        </p:txBody>
      </p:sp>
      <p:sp>
        <p:nvSpPr>
          <p:cNvPr id="7" name="object 7"/>
          <p:cNvSpPr txBox="1"/>
          <p:nvPr/>
        </p:nvSpPr>
        <p:spPr>
          <a:xfrm>
            <a:off x="2912250" y="3225290"/>
            <a:ext cx="3165475" cy="223520"/>
          </a:xfrm>
          <a:prstGeom prst="rect">
            <a:avLst/>
          </a:prstGeom>
        </p:spPr>
        <p:txBody>
          <a:bodyPr vert="horz" wrap="square" lIns="0" tIns="12065" rIns="0" bIns="0" rtlCol="0">
            <a:spAutoFit/>
          </a:bodyPr>
          <a:lstStyle/>
          <a:p>
            <a:pPr marL="12700">
              <a:lnSpc>
                <a:spcPct val="100000"/>
              </a:lnSpc>
              <a:spcBef>
                <a:spcPts val="95"/>
              </a:spcBef>
            </a:pPr>
            <a:r>
              <a:rPr sz="1300" b="1" spc="-40" dirty="0">
                <a:solidFill>
                  <a:srgbClr val="FF0000"/>
                </a:solidFill>
                <a:latin typeface="Meiryo UI"/>
                <a:cs typeface="Meiryo UI"/>
              </a:rPr>
              <a:t>技術はできても、社会実装につながらないことも</a:t>
            </a:r>
            <a:endParaRPr sz="1300">
              <a:latin typeface="Meiryo UI"/>
              <a:cs typeface="Meiryo UI"/>
            </a:endParaRPr>
          </a:p>
        </p:txBody>
      </p:sp>
      <p:sp>
        <p:nvSpPr>
          <p:cNvPr id="8" name="object 8"/>
          <p:cNvSpPr txBox="1"/>
          <p:nvPr/>
        </p:nvSpPr>
        <p:spPr>
          <a:xfrm>
            <a:off x="612142" y="1524832"/>
            <a:ext cx="1652905" cy="280035"/>
          </a:xfrm>
          <a:prstGeom prst="rect">
            <a:avLst/>
          </a:prstGeom>
        </p:spPr>
        <p:txBody>
          <a:bodyPr vert="horz" wrap="square" lIns="0" tIns="14604" rIns="0" bIns="0" rtlCol="0">
            <a:spAutoFit/>
          </a:bodyPr>
          <a:lstStyle/>
          <a:p>
            <a:pPr marL="12700">
              <a:lnSpc>
                <a:spcPct val="100000"/>
              </a:lnSpc>
              <a:spcBef>
                <a:spcPts val="114"/>
              </a:spcBef>
            </a:pPr>
            <a:r>
              <a:rPr sz="1650" b="1" u="sng" spc="-20" dirty="0">
                <a:uFill>
                  <a:solidFill>
                    <a:srgbClr val="000000"/>
                  </a:solidFill>
                </a:uFill>
                <a:latin typeface="Meiryo UI"/>
                <a:cs typeface="Meiryo UI"/>
              </a:rPr>
              <a:t>従来のプロジェクト</a:t>
            </a:r>
            <a:endParaRPr sz="1650">
              <a:latin typeface="Meiryo UI"/>
              <a:cs typeface="Meiryo UI"/>
            </a:endParaRPr>
          </a:p>
        </p:txBody>
      </p:sp>
      <p:sp>
        <p:nvSpPr>
          <p:cNvPr id="9" name="object 9"/>
          <p:cNvSpPr txBox="1"/>
          <p:nvPr/>
        </p:nvSpPr>
        <p:spPr>
          <a:xfrm>
            <a:off x="693206" y="3564101"/>
            <a:ext cx="1057275" cy="280035"/>
          </a:xfrm>
          <a:prstGeom prst="rect">
            <a:avLst/>
          </a:prstGeom>
        </p:spPr>
        <p:txBody>
          <a:bodyPr vert="horz" wrap="square" lIns="0" tIns="14604" rIns="0" bIns="0" rtlCol="0">
            <a:spAutoFit/>
          </a:bodyPr>
          <a:lstStyle/>
          <a:p>
            <a:pPr marL="12700">
              <a:lnSpc>
                <a:spcPct val="100000"/>
              </a:lnSpc>
              <a:spcBef>
                <a:spcPts val="114"/>
              </a:spcBef>
            </a:pPr>
            <a:r>
              <a:rPr sz="1650" b="1" u="sng" dirty="0">
                <a:uFill>
                  <a:solidFill>
                    <a:srgbClr val="000000"/>
                  </a:solidFill>
                </a:uFill>
                <a:latin typeface="Meiryo UI"/>
                <a:cs typeface="Meiryo UI"/>
              </a:rPr>
              <a:t>SIP</a:t>
            </a:r>
            <a:r>
              <a:rPr sz="1650" b="1" u="sng" spc="-20" dirty="0">
                <a:uFill>
                  <a:solidFill>
                    <a:srgbClr val="000000"/>
                  </a:solidFill>
                </a:uFill>
                <a:latin typeface="Meiryo UI"/>
                <a:cs typeface="Meiryo UI"/>
              </a:rPr>
              <a:t>第３期</a:t>
            </a:r>
            <a:endParaRPr sz="1650">
              <a:latin typeface="Meiryo UI"/>
              <a:cs typeface="Meiryo UI"/>
            </a:endParaRPr>
          </a:p>
        </p:txBody>
      </p:sp>
      <p:sp>
        <p:nvSpPr>
          <p:cNvPr id="10" name="object 10"/>
          <p:cNvSpPr/>
          <p:nvPr/>
        </p:nvSpPr>
        <p:spPr>
          <a:xfrm>
            <a:off x="3709415" y="3500628"/>
            <a:ext cx="1652270" cy="323215"/>
          </a:xfrm>
          <a:custGeom>
            <a:avLst/>
            <a:gdLst/>
            <a:ahLst/>
            <a:cxnLst/>
            <a:rect l="l" t="t" r="r" b="b"/>
            <a:pathLst>
              <a:path w="1652270" h="323214">
                <a:moveTo>
                  <a:pt x="1652015" y="0"/>
                </a:moveTo>
                <a:lnTo>
                  <a:pt x="0" y="0"/>
                </a:lnTo>
                <a:lnTo>
                  <a:pt x="826007" y="323088"/>
                </a:lnTo>
                <a:lnTo>
                  <a:pt x="1652015" y="0"/>
                </a:lnTo>
                <a:close/>
              </a:path>
            </a:pathLst>
          </a:custGeom>
          <a:solidFill>
            <a:srgbClr val="7E7E7E"/>
          </a:solidFill>
        </p:spPr>
        <p:txBody>
          <a:bodyPr wrap="square" lIns="0" tIns="0" rIns="0" bIns="0" rtlCol="0"/>
          <a:lstStyle/>
          <a:p>
            <a:endParaRPr/>
          </a:p>
        </p:txBody>
      </p:sp>
      <p:grpSp>
        <p:nvGrpSpPr>
          <p:cNvPr id="11" name="object 11"/>
          <p:cNvGrpSpPr/>
          <p:nvPr/>
        </p:nvGrpSpPr>
        <p:grpSpPr>
          <a:xfrm>
            <a:off x="1297725" y="2390999"/>
            <a:ext cx="6523990" cy="761365"/>
            <a:chOff x="1297725" y="2390999"/>
            <a:chExt cx="6523990" cy="761365"/>
          </a:xfrm>
        </p:grpSpPr>
        <p:sp>
          <p:nvSpPr>
            <p:cNvPr id="12" name="object 12"/>
            <p:cNvSpPr/>
            <p:nvPr/>
          </p:nvSpPr>
          <p:spPr>
            <a:xfrm>
              <a:off x="1308520" y="2401794"/>
              <a:ext cx="1258570" cy="729615"/>
            </a:xfrm>
            <a:custGeom>
              <a:avLst/>
              <a:gdLst/>
              <a:ahLst/>
              <a:cxnLst/>
              <a:rect l="l" t="t" r="r" b="b"/>
              <a:pathLst>
                <a:path w="1258570" h="729614">
                  <a:moveTo>
                    <a:pt x="1257993" y="165660"/>
                  </a:moveTo>
                  <a:lnTo>
                    <a:pt x="1257993" y="729363"/>
                  </a:lnTo>
                  <a:lnTo>
                    <a:pt x="0" y="729363"/>
                  </a:lnTo>
                  <a:lnTo>
                    <a:pt x="0" y="165660"/>
                  </a:lnTo>
                  <a:lnTo>
                    <a:pt x="628996" y="0"/>
                  </a:lnTo>
                  <a:lnTo>
                    <a:pt x="1257993" y="165660"/>
                  </a:lnTo>
                  <a:close/>
                </a:path>
              </a:pathLst>
            </a:custGeom>
            <a:solidFill>
              <a:srgbClr val="D4EFF8"/>
            </a:solidFill>
          </p:spPr>
          <p:txBody>
            <a:bodyPr wrap="square" lIns="0" tIns="0" rIns="0" bIns="0" rtlCol="0"/>
            <a:lstStyle/>
            <a:p>
              <a:endParaRPr/>
            </a:p>
          </p:txBody>
        </p:sp>
        <p:sp>
          <p:nvSpPr>
            <p:cNvPr id="13" name="object 13"/>
            <p:cNvSpPr/>
            <p:nvPr/>
          </p:nvSpPr>
          <p:spPr>
            <a:xfrm>
              <a:off x="1308520" y="2401794"/>
              <a:ext cx="1258570" cy="729615"/>
            </a:xfrm>
            <a:custGeom>
              <a:avLst/>
              <a:gdLst/>
              <a:ahLst/>
              <a:cxnLst/>
              <a:rect l="l" t="t" r="r" b="b"/>
              <a:pathLst>
                <a:path w="1258570" h="729614">
                  <a:moveTo>
                    <a:pt x="0" y="729363"/>
                  </a:moveTo>
                  <a:lnTo>
                    <a:pt x="0" y="165660"/>
                  </a:lnTo>
                  <a:lnTo>
                    <a:pt x="628996" y="0"/>
                  </a:lnTo>
                  <a:lnTo>
                    <a:pt x="1257993" y="165660"/>
                  </a:lnTo>
                  <a:lnTo>
                    <a:pt x="1257993" y="729363"/>
                  </a:lnTo>
                  <a:lnTo>
                    <a:pt x="0" y="729363"/>
                  </a:lnTo>
                  <a:close/>
                </a:path>
              </a:pathLst>
            </a:custGeom>
            <a:ln w="20987">
              <a:solidFill>
                <a:srgbClr val="000000"/>
              </a:solidFill>
            </a:ln>
          </p:spPr>
          <p:txBody>
            <a:bodyPr wrap="square" lIns="0" tIns="0" rIns="0" bIns="0" rtlCol="0"/>
            <a:lstStyle/>
            <a:p>
              <a:endParaRPr/>
            </a:p>
          </p:txBody>
        </p:sp>
        <p:sp>
          <p:nvSpPr>
            <p:cNvPr id="14" name="object 14"/>
            <p:cNvSpPr/>
            <p:nvPr/>
          </p:nvSpPr>
          <p:spPr>
            <a:xfrm>
              <a:off x="3927192" y="2415055"/>
              <a:ext cx="1258570" cy="726440"/>
            </a:xfrm>
            <a:custGeom>
              <a:avLst/>
              <a:gdLst/>
              <a:ahLst/>
              <a:cxnLst/>
              <a:rect l="l" t="t" r="r" b="b"/>
              <a:pathLst>
                <a:path w="1258570" h="726439">
                  <a:moveTo>
                    <a:pt x="0" y="726048"/>
                  </a:moveTo>
                  <a:lnTo>
                    <a:pt x="0" y="164907"/>
                  </a:lnTo>
                  <a:lnTo>
                    <a:pt x="628996" y="0"/>
                  </a:lnTo>
                  <a:lnTo>
                    <a:pt x="1257993" y="164907"/>
                  </a:lnTo>
                  <a:lnTo>
                    <a:pt x="1257993" y="726048"/>
                  </a:lnTo>
                  <a:lnTo>
                    <a:pt x="0" y="726048"/>
                  </a:lnTo>
                  <a:close/>
                </a:path>
              </a:pathLst>
            </a:custGeom>
            <a:ln w="20987">
              <a:solidFill>
                <a:srgbClr val="000000"/>
              </a:solidFill>
            </a:ln>
          </p:spPr>
          <p:txBody>
            <a:bodyPr wrap="square" lIns="0" tIns="0" rIns="0" bIns="0" rtlCol="0"/>
            <a:lstStyle/>
            <a:p>
              <a:endParaRPr/>
            </a:p>
          </p:txBody>
        </p:sp>
        <p:sp>
          <p:nvSpPr>
            <p:cNvPr id="15" name="object 15"/>
            <p:cNvSpPr/>
            <p:nvPr/>
          </p:nvSpPr>
          <p:spPr>
            <a:xfrm>
              <a:off x="2621722" y="2415055"/>
              <a:ext cx="1258570" cy="726440"/>
            </a:xfrm>
            <a:custGeom>
              <a:avLst/>
              <a:gdLst/>
              <a:ahLst/>
              <a:cxnLst/>
              <a:rect l="l" t="t" r="r" b="b"/>
              <a:pathLst>
                <a:path w="1258570" h="726439">
                  <a:moveTo>
                    <a:pt x="0" y="726048"/>
                  </a:moveTo>
                  <a:lnTo>
                    <a:pt x="0" y="164907"/>
                  </a:lnTo>
                  <a:lnTo>
                    <a:pt x="628996" y="0"/>
                  </a:lnTo>
                  <a:lnTo>
                    <a:pt x="1257993" y="164907"/>
                  </a:lnTo>
                  <a:lnTo>
                    <a:pt x="1257993" y="726048"/>
                  </a:lnTo>
                  <a:lnTo>
                    <a:pt x="0" y="726048"/>
                  </a:lnTo>
                  <a:close/>
                </a:path>
              </a:pathLst>
            </a:custGeom>
            <a:ln w="20987">
              <a:solidFill>
                <a:srgbClr val="000000"/>
              </a:solidFill>
            </a:ln>
          </p:spPr>
          <p:txBody>
            <a:bodyPr wrap="square" lIns="0" tIns="0" rIns="0" bIns="0" rtlCol="0"/>
            <a:lstStyle/>
            <a:p>
              <a:endParaRPr/>
            </a:p>
          </p:txBody>
        </p:sp>
        <p:sp>
          <p:nvSpPr>
            <p:cNvPr id="16" name="object 16"/>
            <p:cNvSpPr/>
            <p:nvPr/>
          </p:nvSpPr>
          <p:spPr>
            <a:xfrm>
              <a:off x="5245915" y="2415055"/>
              <a:ext cx="1258570" cy="726440"/>
            </a:xfrm>
            <a:custGeom>
              <a:avLst/>
              <a:gdLst/>
              <a:ahLst/>
              <a:cxnLst/>
              <a:rect l="l" t="t" r="r" b="b"/>
              <a:pathLst>
                <a:path w="1258570" h="726439">
                  <a:moveTo>
                    <a:pt x="0" y="726048"/>
                  </a:moveTo>
                  <a:lnTo>
                    <a:pt x="0" y="164907"/>
                  </a:lnTo>
                  <a:lnTo>
                    <a:pt x="628996" y="0"/>
                  </a:lnTo>
                  <a:lnTo>
                    <a:pt x="1257993" y="164907"/>
                  </a:lnTo>
                  <a:lnTo>
                    <a:pt x="1257993" y="726048"/>
                  </a:lnTo>
                  <a:lnTo>
                    <a:pt x="0" y="726048"/>
                  </a:lnTo>
                  <a:close/>
                </a:path>
              </a:pathLst>
            </a:custGeom>
            <a:ln w="20987">
              <a:solidFill>
                <a:srgbClr val="000000"/>
              </a:solidFill>
            </a:ln>
          </p:spPr>
          <p:txBody>
            <a:bodyPr wrap="square" lIns="0" tIns="0" rIns="0" bIns="0" rtlCol="0"/>
            <a:lstStyle/>
            <a:p>
              <a:endParaRPr/>
            </a:p>
          </p:txBody>
        </p:sp>
        <p:sp>
          <p:nvSpPr>
            <p:cNvPr id="17" name="object 17"/>
            <p:cNvSpPr/>
            <p:nvPr/>
          </p:nvSpPr>
          <p:spPr>
            <a:xfrm>
              <a:off x="6551385" y="2415055"/>
              <a:ext cx="1259205" cy="726440"/>
            </a:xfrm>
            <a:custGeom>
              <a:avLst/>
              <a:gdLst/>
              <a:ahLst/>
              <a:cxnLst/>
              <a:rect l="l" t="t" r="r" b="b"/>
              <a:pathLst>
                <a:path w="1259204" h="726439">
                  <a:moveTo>
                    <a:pt x="0" y="726048"/>
                  </a:moveTo>
                  <a:lnTo>
                    <a:pt x="0" y="164907"/>
                  </a:lnTo>
                  <a:lnTo>
                    <a:pt x="629549" y="0"/>
                  </a:lnTo>
                  <a:lnTo>
                    <a:pt x="1259098" y="164907"/>
                  </a:lnTo>
                  <a:lnTo>
                    <a:pt x="1259098" y="726048"/>
                  </a:lnTo>
                  <a:lnTo>
                    <a:pt x="0" y="726048"/>
                  </a:lnTo>
                  <a:close/>
                </a:path>
              </a:pathLst>
            </a:custGeom>
            <a:ln w="20987">
              <a:solidFill>
                <a:srgbClr val="000000"/>
              </a:solidFill>
            </a:ln>
          </p:spPr>
          <p:txBody>
            <a:bodyPr wrap="square" lIns="0" tIns="0" rIns="0" bIns="0" rtlCol="0"/>
            <a:lstStyle/>
            <a:p>
              <a:endParaRPr/>
            </a:p>
          </p:txBody>
        </p:sp>
      </p:grpSp>
      <p:sp>
        <p:nvSpPr>
          <p:cNvPr id="18" name="object 18"/>
          <p:cNvSpPr txBox="1"/>
          <p:nvPr/>
        </p:nvSpPr>
        <p:spPr>
          <a:xfrm>
            <a:off x="1308520" y="1839298"/>
            <a:ext cx="6502400" cy="450215"/>
          </a:xfrm>
          <a:prstGeom prst="rect">
            <a:avLst/>
          </a:prstGeom>
          <a:ln w="18786">
            <a:solidFill>
              <a:srgbClr val="000000"/>
            </a:solidFill>
          </a:ln>
        </p:spPr>
        <p:txBody>
          <a:bodyPr vert="horz" wrap="square" lIns="0" tIns="90170" rIns="0" bIns="0" rtlCol="0">
            <a:spAutoFit/>
          </a:bodyPr>
          <a:lstStyle/>
          <a:p>
            <a:pPr algn="ctr">
              <a:lnSpc>
                <a:spcPct val="100000"/>
              </a:lnSpc>
              <a:spcBef>
                <a:spcPts val="710"/>
              </a:spcBef>
            </a:pPr>
            <a:r>
              <a:rPr sz="1750" b="1" spc="15" dirty="0">
                <a:latin typeface="Meiryo UI"/>
                <a:cs typeface="Meiryo UI"/>
              </a:rPr>
              <a:t>社会実装 </a:t>
            </a:r>
            <a:r>
              <a:rPr sz="850" spc="-5" dirty="0">
                <a:latin typeface="Meiryo UI"/>
                <a:cs typeface="Meiryo UI"/>
              </a:rPr>
              <a:t>例：無人自動運転サービスの実現</a:t>
            </a:r>
            <a:endParaRPr sz="850">
              <a:latin typeface="Meiryo UI"/>
              <a:cs typeface="Meiryo UI"/>
            </a:endParaRPr>
          </a:p>
        </p:txBody>
      </p:sp>
      <p:sp>
        <p:nvSpPr>
          <p:cNvPr id="19" name="object 19"/>
          <p:cNvSpPr txBox="1"/>
          <p:nvPr/>
        </p:nvSpPr>
        <p:spPr>
          <a:xfrm>
            <a:off x="1380143" y="2526283"/>
            <a:ext cx="1130300" cy="526415"/>
          </a:xfrm>
          <a:prstGeom prst="rect">
            <a:avLst/>
          </a:prstGeom>
        </p:spPr>
        <p:txBody>
          <a:bodyPr vert="horz" wrap="square" lIns="0" tIns="104139" rIns="0" bIns="0" rtlCol="0">
            <a:spAutoFit/>
          </a:bodyPr>
          <a:lstStyle/>
          <a:p>
            <a:pPr algn="ctr">
              <a:lnSpc>
                <a:spcPct val="100000"/>
              </a:lnSpc>
              <a:spcBef>
                <a:spcPts val="819"/>
              </a:spcBef>
            </a:pPr>
            <a:r>
              <a:rPr sz="1450" b="1" spc="-25" dirty="0">
                <a:latin typeface="Meiryo UI"/>
                <a:cs typeface="Meiryo UI"/>
              </a:rPr>
              <a:t>技術</a:t>
            </a:r>
            <a:endParaRPr sz="1450">
              <a:latin typeface="Meiryo UI"/>
              <a:cs typeface="Meiryo UI"/>
            </a:endParaRPr>
          </a:p>
          <a:p>
            <a:pPr algn="ctr">
              <a:lnSpc>
                <a:spcPct val="100000"/>
              </a:lnSpc>
              <a:spcBef>
                <a:spcPts val="455"/>
              </a:spcBef>
            </a:pPr>
            <a:r>
              <a:rPr sz="850" spc="-5" dirty="0">
                <a:latin typeface="Meiryo UI"/>
                <a:cs typeface="Meiryo UI"/>
              </a:rPr>
              <a:t>例：自動運転技術開発</a:t>
            </a:r>
            <a:endParaRPr sz="850">
              <a:latin typeface="Meiryo UI"/>
              <a:cs typeface="Meiryo UI"/>
            </a:endParaRPr>
          </a:p>
        </p:txBody>
      </p:sp>
      <p:sp>
        <p:nvSpPr>
          <p:cNvPr id="20" name="object 20"/>
          <p:cNvSpPr/>
          <p:nvPr/>
        </p:nvSpPr>
        <p:spPr>
          <a:xfrm>
            <a:off x="3032028" y="2726139"/>
            <a:ext cx="4361815" cy="267970"/>
          </a:xfrm>
          <a:custGeom>
            <a:avLst/>
            <a:gdLst/>
            <a:ahLst/>
            <a:cxnLst/>
            <a:rect l="l" t="t" r="r" b="b"/>
            <a:pathLst>
              <a:path w="4361815" h="267969">
                <a:moveTo>
                  <a:pt x="4361505" y="267433"/>
                </a:moveTo>
                <a:lnTo>
                  <a:pt x="0" y="267433"/>
                </a:lnTo>
                <a:lnTo>
                  <a:pt x="0" y="0"/>
                </a:lnTo>
                <a:lnTo>
                  <a:pt x="4361505" y="0"/>
                </a:lnTo>
                <a:lnTo>
                  <a:pt x="4361505" y="267433"/>
                </a:lnTo>
                <a:close/>
              </a:path>
            </a:pathLst>
          </a:custGeom>
          <a:solidFill>
            <a:srgbClr val="FFFFFF"/>
          </a:solidFill>
        </p:spPr>
        <p:txBody>
          <a:bodyPr wrap="square" lIns="0" tIns="0" rIns="0" bIns="0" rtlCol="0"/>
          <a:lstStyle/>
          <a:p>
            <a:endParaRPr/>
          </a:p>
        </p:txBody>
      </p:sp>
      <p:sp>
        <p:nvSpPr>
          <p:cNvPr id="21" name="object 21"/>
          <p:cNvSpPr txBox="1"/>
          <p:nvPr/>
        </p:nvSpPr>
        <p:spPr>
          <a:xfrm>
            <a:off x="3085862" y="2738865"/>
            <a:ext cx="4211955" cy="224790"/>
          </a:xfrm>
          <a:prstGeom prst="rect">
            <a:avLst/>
          </a:prstGeom>
        </p:spPr>
        <p:txBody>
          <a:bodyPr vert="horz" wrap="square" lIns="0" tIns="13335" rIns="0" bIns="0" rtlCol="0">
            <a:spAutoFit/>
          </a:bodyPr>
          <a:lstStyle/>
          <a:p>
            <a:pPr marL="12700">
              <a:lnSpc>
                <a:spcPct val="100000"/>
              </a:lnSpc>
              <a:spcBef>
                <a:spcPts val="105"/>
              </a:spcBef>
            </a:pPr>
            <a:r>
              <a:rPr sz="1300" spc="-15" dirty="0">
                <a:latin typeface="ＭＳ Ｐゴシック"/>
                <a:cs typeface="ＭＳ Ｐゴシック"/>
              </a:rPr>
              <a:t>社会実装に向けて技術開発以外の取組が進められていない</a:t>
            </a:r>
            <a:endParaRPr sz="1300">
              <a:latin typeface="ＭＳ Ｐゴシック"/>
              <a:cs typeface="ＭＳ Ｐゴシック"/>
            </a:endParaRPr>
          </a:p>
        </p:txBody>
      </p:sp>
      <p:grpSp>
        <p:nvGrpSpPr>
          <p:cNvPr id="22" name="object 22"/>
          <p:cNvGrpSpPr/>
          <p:nvPr/>
        </p:nvGrpSpPr>
        <p:grpSpPr>
          <a:xfrm>
            <a:off x="1250793" y="4420379"/>
            <a:ext cx="6570345" cy="764540"/>
            <a:chOff x="1250793" y="4420379"/>
            <a:chExt cx="6570345" cy="764540"/>
          </a:xfrm>
        </p:grpSpPr>
        <p:sp>
          <p:nvSpPr>
            <p:cNvPr id="23" name="object 23"/>
            <p:cNvSpPr/>
            <p:nvPr/>
          </p:nvSpPr>
          <p:spPr>
            <a:xfrm>
              <a:off x="1261360" y="4430946"/>
              <a:ext cx="1267460" cy="734695"/>
            </a:xfrm>
            <a:custGeom>
              <a:avLst/>
              <a:gdLst/>
              <a:ahLst/>
              <a:cxnLst/>
              <a:rect l="l" t="t" r="r" b="b"/>
              <a:pathLst>
                <a:path w="1267460" h="734695">
                  <a:moveTo>
                    <a:pt x="1267096" y="166746"/>
                  </a:moveTo>
                  <a:lnTo>
                    <a:pt x="1267096" y="734143"/>
                  </a:lnTo>
                  <a:lnTo>
                    <a:pt x="0" y="734143"/>
                  </a:lnTo>
                  <a:lnTo>
                    <a:pt x="0" y="166746"/>
                  </a:lnTo>
                  <a:lnTo>
                    <a:pt x="633548" y="0"/>
                  </a:lnTo>
                  <a:lnTo>
                    <a:pt x="1267096" y="166746"/>
                  </a:lnTo>
                  <a:close/>
                </a:path>
              </a:pathLst>
            </a:custGeom>
            <a:solidFill>
              <a:srgbClr val="D4EFF8"/>
            </a:solidFill>
          </p:spPr>
          <p:txBody>
            <a:bodyPr wrap="square" lIns="0" tIns="0" rIns="0" bIns="0" rtlCol="0"/>
            <a:lstStyle/>
            <a:p>
              <a:endParaRPr/>
            </a:p>
          </p:txBody>
        </p:sp>
        <p:sp>
          <p:nvSpPr>
            <p:cNvPr id="24" name="object 24"/>
            <p:cNvSpPr/>
            <p:nvPr/>
          </p:nvSpPr>
          <p:spPr>
            <a:xfrm>
              <a:off x="1261360" y="4430946"/>
              <a:ext cx="1267460" cy="734695"/>
            </a:xfrm>
            <a:custGeom>
              <a:avLst/>
              <a:gdLst/>
              <a:ahLst/>
              <a:cxnLst/>
              <a:rect l="l" t="t" r="r" b="b"/>
              <a:pathLst>
                <a:path w="1267460" h="734695">
                  <a:moveTo>
                    <a:pt x="0" y="734143"/>
                  </a:moveTo>
                  <a:lnTo>
                    <a:pt x="0" y="166746"/>
                  </a:lnTo>
                  <a:lnTo>
                    <a:pt x="633548" y="0"/>
                  </a:lnTo>
                  <a:lnTo>
                    <a:pt x="1267096" y="166746"/>
                  </a:lnTo>
                  <a:lnTo>
                    <a:pt x="1267096" y="734143"/>
                  </a:lnTo>
                  <a:lnTo>
                    <a:pt x="0" y="734143"/>
                  </a:lnTo>
                  <a:close/>
                </a:path>
              </a:pathLst>
            </a:custGeom>
            <a:ln w="21136">
              <a:solidFill>
                <a:srgbClr val="000000"/>
              </a:solidFill>
            </a:ln>
          </p:spPr>
          <p:txBody>
            <a:bodyPr wrap="square" lIns="0" tIns="0" rIns="0" bIns="0" rtlCol="0"/>
            <a:lstStyle/>
            <a:p>
              <a:endParaRPr/>
            </a:p>
          </p:txBody>
        </p:sp>
        <p:sp>
          <p:nvSpPr>
            <p:cNvPr id="25" name="object 25"/>
            <p:cNvSpPr/>
            <p:nvPr/>
          </p:nvSpPr>
          <p:spPr>
            <a:xfrm>
              <a:off x="3898994" y="4444294"/>
              <a:ext cx="1267460" cy="730250"/>
            </a:xfrm>
            <a:custGeom>
              <a:avLst/>
              <a:gdLst/>
              <a:ahLst/>
              <a:cxnLst/>
              <a:rect l="l" t="t" r="r" b="b"/>
              <a:pathLst>
                <a:path w="1267460" h="730250">
                  <a:moveTo>
                    <a:pt x="1267096" y="165734"/>
                  </a:moveTo>
                  <a:lnTo>
                    <a:pt x="1267096" y="729694"/>
                  </a:lnTo>
                  <a:lnTo>
                    <a:pt x="0" y="729694"/>
                  </a:lnTo>
                  <a:lnTo>
                    <a:pt x="0" y="165734"/>
                  </a:lnTo>
                  <a:lnTo>
                    <a:pt x="633548" y="0"/>
                  </a:lnTo>
                  <a:lnTo>
                    <a:pt x="1267096" y="165734"/>
                  </a:lnTo>
                  <a:close/>
                </a:path>
              </a:pathLst>
            </a:custGeom>
            <a:solidFill>
              <a:srgbClr val="F7DDE1"/>
            </a:solidFill>
          </p:spPr>
          <p:txBody>
            <a:bodyPr wrap="square" lIns="0" tIns="0" rIns="0" bIns="0" rtlCol="0"/>
            <a:lstStyle/>
            <a:p>
              <a:endParaRPr/>
            </a:p>
          </p:txBody>
        </p:sp>
        <p:sp>
          <p:nvSpPr>
            <p:cNvPr id="26" name="object 26"/>
            <p:cNvSpPr/>
            <p:nvPr/>
          </p:nvSpPr>
          <p:spPr>
            <a:xfrm>
              <a:off x="3898993" y="4444294"/>
              <a:ext cx="1267460" cy="730250"/>
            </a:xfrm>
            <a:custGeom>
              <a:avLst/>
              <a:gdLst/>
              <a:ahLst/>
              <a:cxnLst/>
              <a:rect l="l" t="t" r="r" b="b"/>
              <a:pathLst>
                <a:path w="1267460" h="730250">
                  <a:moveTo>
                    <a:pt x="0" y="729694"/>
                  </a:moveTo>
                  <a:lnTo>
                    <a:pt x="0" y="165734"/>
                  </a:lnTo>
                  <a:lnTo>
                    <a:pt x="633548" y="0"/>
                  </a:lnTo>
                  <a:lnTo>
                    <a:pt x="1267096" y="165734"/>
                  </a:lnTo>
                  <a:lnTo>
                    <a:pt x="1267096" y="729694"/>
                  </a:lnTo>
                  <a:lnTo>
                    <a:pt x="0" y="729694"/>
                  </a:lnTo>
                  <a:close/>
                </a:path>
              </a:pathLst>
            </a:custGeom>
            <a:ln w="21136">
              <a:solidFill>
                <a:srgbClr val="000000"/>
              </a:solidFill>
            </a:ln>
          </p:spPr>
          <p:txBody>
            <a:bodyPr wrap="square" lIns="0" tIns="0" rIns="0" bIns="0" rtlCol="0"/>
            <a:lstStyle/>
            <a:p>
              <a:endParaRPr/>
            </a:p>
          </p:txBody>
        </p:sp>
        <p:sp>
          <p:nvSpPr>
            <p:cNvPr id="27" name="object 27"/>
            <p:cNvSpPr/>
            <p:nvPr/>
          </p:nvSpPr>
          <p:spPr>
            <a:xfrm>
              <a:off x="2584070" y="4444294"/>
              <a:ext cx="1267460" cy="730250"/>
            </a:xfrm>
            <a:custGeom>
              <a:avLst/>
              <a:gdLst/>
              <a:ahLst/>
              <a:cxnLst/>
              <a:rect l="l" t="t" r="r" b="b"/>
              <a:pathLst>
                <a:path w="1267460" h="730250">
                  <a:moveTo>
                    <a:pt x="1267096" y="165734"/>
                  </a:moveTo>
                  <a:lnTo>
                    <a:pt x="1267096" y="729694"/>
                  </a:lnTo>
                  <a:lnTo>
                    <a:pt x="0" y="729694"/>
                  </a:lnTo>
                  <a:lnTo>
                    <a:pt x="0" y="165734"/>
                  </a:lnTo>
                  <a:lnTo>
                    <a:pt x="633548" y="0"/>
                  </a:lnTo>
                  <a:lnTo>
                    <a:pt x="1267096" y="165734"/>
                  </a:lnTo>
                  <a:close/>
                </a:path>
              </a:pathLst>
            </a:custGeom>
            <a:solidFill>
              <a:srgbClr val="DFDDDC"/>
            </a:solidFill>
          </p:spPr>
          <p:txBody>
            <a:bodyPr wrap="square" lIns="0" tIns="0" rIns="0" bIns="0" rtlCol="0"/>
            <a:lstStyle/>
            <a:p>
              <a:endParaRPr/>
            </a:p>
          </p:txBody>
        </p:sp>
        <p:sp>
          <p:nvSpPr>
            <p:cNvPr id="28" name="object 28"/>
            <p:cNvSpPr/>
            <p:nvPr/>
          </p:nvSpPr>
          <p:spPr>
            <a:xfrm>
              <a:off x="2584070" y="4444294"/>
              <a:ext cx="1267460" cy="730250"/>
            </a:xfrm>
            <a:custGeom>
              <a:avLst/>
              <a:gdLst/>
              <a:ahLst/>
              <a:cxnLst/>
              <a:rect l="l" t="t" r="r" b="b"/>
              <a:pathLst>
                <a:path w="1267460" h="730250">
                  <a:moveTo>
                    <a:pt x="0" y="729694"/>
                  </a:moveTo>
                  <a:lnTo>
                    <a:pt x="0" y="165734"/>
                  </a:lnTo>
                  <a:lnTo>
                    <a:pt x="633548" y="0"/>
                  </a:lnTo>
                  <a:lnTo>
                    <a:pt x="1267096" y="165734"/>
                  </a:lnTo>
                  <a:lnTo>
                    <a:pt x="1267096" y="729694"/>
                  </a:lnTo>
                  <a:lnTo>
                    <a:pt x="0" y="729694"/>
                  </a:lnTo>
                  <a:close/>
                </a:path>
              </a:pathLst>
            </a:custGeom>
            <a:ln w="21136">
              <a:solidFill>
                <a:srgbClr val="000000"/>
              </a:solidFill>
            </a:ln>
          </p:spPr>
          <p:txBody>
            <a:bodyPr wrap="square" lIns="0" tIns="0" rIns="0" bIns="0" rtlCol="0"/>
            <a:lstStyle/>
            <a:p>
              <a:endParaRPr/>
            </a:p>
          </p:txBody>
        </p:sp>
        <p:sp>
          <p:nvSpPr>
            <p:cNvPr id="29" name="object 29"/>
            <p:cNvSpPr/>
            <p:nvPr/>
          </p:nvSpPr>
          <p:spPr>
            <a:xfrm>
              <a:off x="5227266" y="4444294"/>
              <a:ext cx="1267460" cy="730250"/>
            </a:xfrm>
            <a:custGeom>
              <a:avLst/>
              <a:gdLst/>
              <a:ahLst/>
              <a:cxnLst/>
              <a:rect l="l" t="t" r="r" b="b"/>
              <a:pathLst>
                <a:path w="1267460" h="730250">
                  <a:moveTo>
                    <a:pt x="1267096" y="165734"/>
                  </a:moveTo>
                  <a:lnTo>
                    <a:pt x="1267096" y="729694"/>
                  </a:lnTo>
                  <a:lnTo>
                    <a:pt x="0" y="729694"/>
                  </a:lnTo>
                  <a:lnTo>
                    <a:pt x="0" y="165734"/>
                  </a:lnTo>
                  <a:lnTo>
                    <a:pt x="633548" y="0"/>
                  </a:lnTo>
                  <a:lnTo>
                    <a:pt x="1267096" y="165734"/>
                  </a:lnTo>
                  <a:close/>
                </a:path>
              </a:pathLst>
            </a:custGeom>
            <a:solidFill>
              <a:srgbClr val="E0F0DF"/>
            </a:solidFill>
          </p:spPr>
          <p:txBody>
            <a:bodyPr wrap="square" lIns="0" tIns="0" rIns="0" bIns="0" rtlCol="0"/>
            <a:lstStyle/>
            <a:p>
              <a:endParaRPr/>
            </a:p>
          </p:txBody>
        </p:sp>
        <p:sp>
          <p:nvSpPr>
            <p:cNvPr id="30" name="object 30"/>
            <p:cNvSpPr/>
            <p:nvPr/>
          </p:nvSpPr>
          <p:spPr>
            <a:xfrm>
              <a:off x="5227266" y="4444294"/>
              <a:ext cx="1267460" cy="730250"/>
            </a:xfrm>
            <a:custGeom>
              <a:avLst/>
              <a:gdLst/>
              <a:ahLst/>
              <a:cxnLst/>
              <a:rect l="l" t="t" r="r" b="b"/>
              <a:pathLst>
                <a:path w="1267460" h="730250">
                  <a:moveTo>
                    <a:pt x="0" y="729694"/>
                  </a:moveTo>
                  <a:lnTo>
                    <a:pt x="0" y="165734"/>
                  </a:lnTo>
                  <a:lnTo>
                    <a:pt x="633548" y="0"/>
                  </a:lnTo>
                  <a:lnTo>
                    <a:pt x="1267096" y="165734"/>
                  </a:lnTo>
                  <a:lnTo>
                    <a:pt x="1267096" y="729694"/>
                  </a:lnTo>
                  <a:lnTo>
                    <a:pt x="0" y="729694"/>
                  </a:lnTo>
                  <a:close/>
                </a:path>
              </a:pathLst>
            </a:custGeom>
            <a:ln w="21136">
              <a:solidFill>
                <a:srgbClr val="000000"/>
              </a:solidFill>
            </a:ln>
          </p:spPr>
          <p:txBody>
            <a:bodyPr wrap="square" lIns="0" tIns="0" rIns="0" bIns="0" rtlCol="0"/>
            <a:lstStyle/>
            <a:p>
              <a:endParaRPr/>
            </a:p>
          </p:txBody>
        </p:sp>
        <p:sp>
          <p:nvSpPr>
            <p:cNvPr id="31" name="object 31"/>
            <p:cNvSpPr/>
            <p:nvPr/>
          </p:nvSpPr>
          <p:spPr>
            <a:xfrm>
              <a:off x="6542190" y="4444294"/>
              <a:ext cx="1268730" cy="730250"/>
            </a:xfrm>
            <a:custGeom>
              <a:avLst/>
              <a:gdLst/>
              <a:ahLst/>
              <a:cxnLst/>
              <a:rect l="l" t="t" r="r" b="b"/>
              <a:pathLst>
                <a:path w="1268729" h="730250">
                  <a:moveTo>
                    <a:pt x="1268208" y="165734"/>
                  </a:moveTo>
                  <a:lnTo>
                    <a:pt x="1268208" y="729694"/>
                  </a:lnTo>
                  <a:lnTo>
                    <a:pt x="0" y="729694"/>
                  </a:lnTo>
                  <a:lnTo>
                    <a:pt x="0" y="165734"/>
                  </a:lnTo>
                  <a:lnTo>
                    <a:pt x="634104" y="0"/>
                  </a:lnTo>
                  <a:lnTo>
                    <a:pt x="1268208" y="165734"/>
                  </a:lnTo>
                  <a:close/>
                </a:path>
              </a:pathLst>
            </a:custGeom>
            <a:solidFill>
              <a:srgbClr val="D7D1E2"/>
            </a:solidFill>
          </p:spPr>
          <p:txBody>
            <a:bodyPr wrap="square" lIns="0" tIns="0" rIns="0" bIns="0" rtlCol="0"/>
            <a:lstStyle/>
            <a:p>
              <a:endParaRPr/>
            </a:p>
          </p:txBody>
        </p:sp>
        <p:sp>
          <p:nvSpPr>
            <p:cNvPr id="32" name="object 32"/>
            <p:cNvSpPr/>
            <p:nvPr/>
          </p:nvSpPr>
          <p:spPr>
            <a:xfrm>
              <a:off x="6542189" y="4444294"/>
              <a:ext cx="1268730" cy="730250"/>
            </a:xfrm>
            <a:custGeom>
              <a:avLst/>
              <a:gdLst/>
              <a:ahLst/>
              <a:cxnLst/>
              <a:rect l="l" t="t" r="r" b="b"/>
              <a:pathLst>
                <a:path w="1268729" h="730250">
                  <a:moveTo>
                    <a:pt x="0" y="729694"/>
                  </a:moveTo>
                  <a:lnTo>
                    <a:pt x="0" y="165734"/>
                  </a:lnTo>
                  <a:lnTo>
                    <a:pt x="634104" y="0"/>
                  </a:lnTo>
                  <a:lnTo>
                    <a:pt x="1268208" y="165734"/>
                  </a:lnTo>
                  <a:lnTo>
                    <a:pt x="1268208" y="729694"/>
                  </a:lnTo>
                  <a:lnTo>
                    <a:pt x="0" y="729694"/>
                  </a:lnTo>
                  <a:close/>
                </a:path>
              </a:pathLst>
            </a:custGeom>
            <a:ln w="21136">
              <a:solidFill>
                <a:srgbClr val="000000"/>
              </a:solidFill>
            </a:ln>
          </p:spPr>
          <p:txBody>
            <a:bodyPr wrap="square" lIns="0" tIns="0" rIns="0" bIns="0" rtlCol="0"/>
            <a:lstStyle/>
            <a:p>
              <a:endParaRPr/>
            </a:p>
          </p:txBody>
        </p:sp>
      </p:grpSp>
      <p:sp>
        <p:nvSpPr>
          <p:cNvPr id="33" name="object 33"/>
          <p:cNvSpPr txBox="1"/>
          <p:nvPr/>
        </p:nvSpPr>
        <p:spPr>
          <a:xfrm>
            <a:off x="1261360" y="3864762"/>
            <a:ext cx="6549390" cy="452755"/>
          </a:xfrm>
          <a:prstGeom prst="rect">
            <a:avLst/>
          </a:prstGeom>
          <a:ln w="18909">
            <a:solidFill>
              <a:srgbClr val="000000"/>
            </a:solidFill>
          </a:ln>
        </p:spPr>
        <p:txBody>
          <a:bodyPr vert="horz" wrap="square" lIns="0" tIns="92075" rIns="0" bIns="0" rtlCol="0">
            <a:spAutoFit/>
          </a:bodyPr>
          <a:lstStyle/>
          <a:p>
            <a:pPr algn="ctr">
              <a:lnSpc>
                <a:spcPct val="100000"/>
              </a:lnSpc>
              <a:spcBef>
                <a:spcPts val="725"/>
              </a:spcBef>
            </a:pPr>
            <a:r>
              <a:rPr sz="1750" b="1" spc="40" dirty="0">
                <a:latin typeface="Meiryo UI"/>
                <a:cs typeface="Meiryo UI"/>
              </a:rPr>
              <a:t>社会実装 </a:t>
            </a:r>
            <a:r>
              <a:rPr sz="850" spc="-5" dirty="0">
                <a:latin typeface="Meiryo UI"/>
                <a:cs typeface="Meiryo UI"/>
              </a:rPr>
              <a:t>例：無人自動運転サービスの実現</a:t>
            </a:r>
            <a:endParaRPr sz="850">
              <a:latin typeface="Meiryo UI"/>
              <a:cs typeface="Meiryo UI"/>
            </a:endParaRPr>
          </a:p>
        </p:txBody>
      </p:sp>
      <p:sp>
        <p:nvSpPr>
          <p:cNvPr id="34" name="object 34"/>
          <p:cNvSpPr txBox="1"/>
          <p:nvPr/>
        </p:nvSpPr>
        <p:spPr>
          <a:xfrm>
            <a:off x="1333593" y="4556057"/>
            <a:ext cx="1137920" cy="529590"/>
          </a:xfrm>
          <a:prstGeom prst="rect">
            <a:avLst/>
          </a:prstGeom>
        </p:spPr>
        <p:txBody>
          <a:bodyPr vert="horz" wrap="square" lIns="0" tIns="106045" rIns="0" bIns="0" rtlCol="0">
            <a:spAutoFit/>
          </a:bodyPr>
          <a:lstStyle/>
          <a:p>
            <a:pPr algn="ctr">
              <a:lnSpc>
                <a:spcPct val="100000"/>
              </a:lnSpc>
              <a:spcBef>
                <a:spcPts val="835"/>
              </a:spcBef>
            </a:pPr>
            <a:r>
              <a:rPr sz="1450" b="1" spc="-25" dirty="0">
                <a:latin typeface="Meiryo UI"/>
                <a:cs typeface="Meiryo UI"/>
              </a:rPr>
              <a:t>技術</a:t>
            </a:r>
            <a:endParaRPr sz="1450">
              <a:latin typeface="Meiryo UI"/>
              <a:cs typeface="Meiryo UI"/>
            </a:endParaRPr>
          </a:p>
          <a:p>
            <a:pPr algn="ctr">
              <a:lnSpc>
                <a:spcPct val="100000"/>
              </a:lnSpc>
              <a:spcBef>
                <a:spcPts val="465"/>
              </a:spcBef>
            </a:pPr>
            <a:r>
              <a:rPr sz="850" spc="-5" dirty="0">
                <a:latin typeface="Meiryo UI"/>
                <a:cs typeface="Meiryo UI"/>
              </a:rPr>
              <a:t>例：自動運転技術開発</a:t>
            </a:r>
            <a:endParaRPr sz="850">
              <a:latin typeface="Meiryo UI"/>
              <a:cs typeface="Meiryo UI"/>
            </a:endParaRPr>
          </a:p>
        </p:txBody>
      </p:sp>
      <p:sp>
        <p:nvSpPr>
          <p:cNvPr id="35" name="object 35"/>
          <p:cNvSpPr txBox="1"/>
          <p:nvPr/>
        </p:nvSpPr>
        <p:spPr>
          <a:xfrm>
            <a:off x="2760841" y="4556059"/>
            <a:ext cx="915669" cy="529590"/>
          </a:xfrm>
          <a:prstGeom prst="rect">
            <a:avLst/>
          </a:prstGeom>
        </p:spPr>
        <p:txBody>
          <a:bodyPr vert="horz" wrap="square" lIns="0" tIns="106045" rIns="0" bIns="0" rtlCol="0">
            <a:spAutoFit/>
          </a:bodyPr>
          <a:lstStyle/>
          <a:p>
            <a:pPr algn="ctr">
              <a:lnSpc>
                <a:spcPct val="100000"/>
              </a:lnSpc>
              <a:spcBef>
                <a:spcPts val="835"/>
              </a:spcBef>
            </a:pPr>
            <a:r>
              <a:rPr sz="1450" b="1" spc="-25" dirty="0">
                <a:latin typeface="Meiryo UI"/>
                <a:cs typeface="Meiryo UI"/>
              </a:rPr>
              <a:t>制度</a:t>
            </a:r>
            <a:endParaRPr sz="1450">
              <a:latin typeface="Meiryo UI"/>
              <a:cs typeface="Meiryo UI"/>
            </a:endParaRPr>
          </a:p>
          <a:p>
            <a:pPr algn="ctr">
              <a:lnSpc>
                <a:spcPct val="100000"/>
              </a:lnSpc>
              <a:spcBef>
                <a:spcPts val="465"/>
              </a:spcBef>
            </a:pPr>
            <a:r>
              <a:rPr sz="850" spc="-10" dirty="0">
                <a:latin typeface="Meiryo UI"/>
                <a:cs typeface="Meiryo UI"/>
              </a:rPr>
              <a:t>例：関連法令整備</a:t>
            </a:r>
            <a:endParaRPr sz="850">
              <a:latin typeface="Meiryo UI"/>
              <a:cs typeface="Meiryo UI"/>
            </a:endParaRPr>
          </a:p>
        </p:txBody>
      </p:sp>
      <p:sp>
        <p:nvSpPr>
          <p:cNvPr id="36" name="object 36"/>
          <p:cNvSpPr txBox="1"/>
          <p:nvPr/>
        </p:nvSpPr>
        <p:spPr>
          <a:xfrm>
            <a:off x="5285186" y="4556056"/>
            <a:ext cx="1140460" cy="529590"/>
          </a:xfrm>
          <a:prstGeom prst="rect">
            <a:avLst/>
          </a:prstGeom>
        </p:spPr>
        <p:txBody>
          <a:bodyPr vert="horz" wrap="square" lIns="0" tIns="106045" rIns="0" bIns="0" rtlCol="0">
            <a:spAutoFit/>
          </a:bodyPr>
          <a:lstStyle/>
          <a:p>
            <a:pPr marL="12700">
              <a:lnSpc>
                <a:spcPct val="100000"/>
              </a:lnSpc>
              <a:spcBef>
                <a:spcPts val="835"/>
              </a:spcBef>
            </a:pPr>
            <a:r>
              <a:rPr sz="1450" b="1" spc="-10" dirty="0">
                <a:latin typeface="Meiryo UI"/>
                <a:cs typeface="Meiryo UI"/>
              </a:rPr>
              <a:t>社会的受容性</a:t>
            </a:r>
            <a:endParaRPr sz="1450">
              <a:latin typeface="Meiryo UI"/>
              <a:cs typeface="Meiryo UI"/>
            </a:endParaRPr>
          </a:p>
          <a:p>
            <a:pPr marL="23495">
              <a:lnSpc>
                <a:spcPct val="100000"/>
              </a:lnSpc>
              <a:spcBef>
                <a:spcPts val="465"/>
              </a:spcBef>
            </a:pPr>
            <a:r>
              <a:rPr sz="850" spc="-5" dirty="0">
                <a:latin typeface="Meiryo UI"/>
                <a:cs typeface="Meiryo UI"/>
              </a:rPr>
              <a:t>例：地域関係者の協力</a:t>
            </a:r>
            <a:endParaRPr sz="850">
              <a:latin typeface="Meiryo UI"/>
              <a:cs typeface="Meiryo UI"/>
            </a:endParaRPr>
          </a:p>
        </p:txBody>
      </p:sp>
      <p:sp>
        <p:nvSpPr>
          <p:cNvPr id="37" name="object 37"/>
          <p:cNvSpPr txBox="1"/>
          <p:nvPr/>
        </p:nvSpPr>
        <p:spPr>
          <a:xfrm>
            <a:off x="4062741" y="4556056"/>
            <a:ext cx="958850" cy="529590"/>
          </a:xfrm>
          <a:prstGeom prst="rect">
            <a:avLst/>
          </a:prstGeom>
        </p:spPr>
        <p:txBody>
          <a:bodyPr vert="horz" wrap="square" lIns="0" tIns="106045" rIns="0" bIns="0" rtlCol="0">
            <a:spAutoFit/>
          </a:bodyPr>
          <a:lstStyle/>
          <a:p>
            <a:pPr marL="635" algn="ctr">
              <a:lnSpc>
                <a:spcPct val="100000"/>
              </a:lnSpc>
              <a:spcBef>
                <a:spcPts val="835"/>
              </a:spcBef>
            </a:pPr>
            <a:r>
              <a:rPr sz="1450" b="1" spc="-25" dirty="0">
                <a:latin typeface="Meiryo UI"/>
                <a:cs typeface="Meiryo UI"/>
              </a:rPr>
              <a:t>事業</a:t>
            </a:r>
            <a:endParaRPr sz="1450">
              <a:latin typeface="Meiryo UI"/>
              <a:cs typeface="Meiryo UI"/>
            </a:endParaRPr>
          </a:p>
          <a:p>
            <a:pPr algn="ctr">
              <a:lnSpc>
                <a:spcPct val="100000"/>
              </a:lnSpc>
              <a:spcBef>
                <a:spcPts val="465"/>
              </a:spcBef>
            </a:pPr>
            <a:r>
              <a:rPr sz="850" spc="-10" dirty="0">
                <a:latin typeface="Meiryo UI"/>
                <a:cs typeface="Meiryo UI"/>
              </a:rPr>
              <a:t>例：事業モデル構築</a:t>
            </a:r>
            <a:endParaRPr sz="850">
              <a:latin typeface="Meiryo UI"/>
              <a:cs typeface="Meiryo UI"/>
            </a:endParaRPr>
          </a:p>
        </p:txBody>
      </p:sp>
      <p:sp>
        <p:nvSpPr>
          <p:cNvPr id="38" name="object 38"/>
          <p:cNvSpPr txBox="1"/>
          <p:nvPr/>
        </p:nvSpPr>
        <p:spPr>
          <a:xfrm>
            <a:off x="6663996" y="4556056"/>
            <a:ext cx="1026794" cy="529590"/>
          </a:xfrm>
          <a:prstGeom prst="rect">
            <a:avLst/>
          </a:prstGeom>
        </p:spPr>
        <p:txBody>
          <a:bodyPr vert="horz" wrap="square" lIns="0" tIns="106045" rIns="0" bIns="0" rtlCol="0">
            <a:spAutoFit/>
          </a:bodyPr>
          <a:lstStyle/>
          <a:p>
            <a:pPr algn="ctr">
              <a:lnSpc>
                <a:spcPct val="100000"/>
              </a:lnSpc>
              <a:spcBef>
                <a:spcPts val="835"/>
              </a:spcBef>
            </a:pPr>
            <a:r>
              <a:rPr sz="1450" b="1" spc="-25" dirty="0">
                <a:latin typeface="Meiryo UI"/>
                <a:cs typeface="Meiryo UI"/>
              </a:rPr>
              <a:t>人材</a:t>
            </a:r>
            <a:endParaRPr sz="1450">
              <a:latin typeface="Meiryo UI"/>
              <a:cs typeface="Meiryo UI"/>
            </a:endParaRPr>
          </a:p>
          <a:p>
            <a:pPr algn="ctr">
              <a:lnSpc>
                <a:spcPct val="100000"/>
              </a:lnSpc>
              <a:spcBef>
                <a:spcPts val="465"/>
              </a:spcBef>
            </a:pPr>
            <a:r>
              <a:rPr sz="850" spc="-10" dirty="0">
                <a:latin typeface="Meiryo UI"/>
                <a:cs typeface="Meiryo UI"/>
              </a:rPr>
              <a:t>例：遠隔監視者育成</a:t>
            </a:r>
            <a:endParaRPr sz="850">
              <a:latin typeface="Meiryo UI"/>
              <a:cs typeface="Meiryo UI"/>
            </a:endParaRPr>
          </a:p>
        </p:txBody>
      </p:sp>
    </p:spTree>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6993135" y="4479554"/>
            <a:ext cx="2120629" cy="1710918"/>
          </a:xfrm>
          <a:prstGeom prst="rect">
            <a:avLst/>
          </a:prstGeom>
        </p:spPr>
      </p:pic>
      <p:pic>
        <p:nvPicPr>
          <p:cNvPr id="3" name="object 3"/>
          <p:cNvPicPr/>
          <p:nvPr/>
        </p:nvPicPr>
        <p:blipFill>
          <a:blip r:embed="rId3" cstate="print"/>
          <a:stretch>
            <a:fillRect/>
          </a:stretch>
        </p:blipFill>
        <p:spPr>
          <a:xfrm>
            <a:off x="0" y="0"/>
            <a:ext cx="9139428" cy="528827"/>
          </a:xfrm>
          <a:prstGeom prst="rect">
            <a:avLst/>
          </a:prstGeom>
        </p:spPr>
      </p:pic>
      <p:sp>
        <p:nvSpPr>
          <p:cNvPr id="4" name="object 4"/>
          <p:cNvSpPr txBox="1">
            <a:spLocks noGrp="1"/>
          </p:cNvSpPr>
          <p:nvPr>
            <p:ph type="title"/>
          </p:nvPr>
        </p:nvSpPr>
        <p:spPr>
          <a:xfrm>
            <a:off x="590355" y="123732"/>
            <a:ext cx="7419348" cy="452120"/>
          </a:xfrm>
          <a:prstGeom prst="rect">
            <a:avLst/>
          </a:prstGeom>
        </p:spPr>
        <p:txBody>
          <a:bodyPr vert="horz" wrap="square" lIns="0" tIns="12065" rIns="0" bIns="0" rtlCol="0">
            <a:spAutoFit/>
          </a:bodyPr>
          <a:lstStyle/>
          <a:p>
            <a:pPr marL="12700">
              <a:lnSpc>
                <a:spcPct val="100000"/>
              </a:lnSpc>
              <a:spcBef>
                <a:spcPts val="95"/>
              </a:spcBef>
            </a:pPr>
            <a:r>
              <a:rPr sz="2800" spc="-45" dirty="0"/>
              <a:t>アジャイルな開発モデル：基本的考え方</a:t>
            </a:r>
            <a:endParaRPr sz="2800" dirty="0"/>
          </a:p>
        </p:txBody>
      </p:sp>
      <p:sp>
        <p:nvSpPr>
          <p:cNvPr id="5" name="object 5"/>
          <p:cNvSpPr txBox="1"/>
          <p:nvPr/>
        </p:nvSpPr>
        <p:spPr>
          <a:xfrm>
            <a:off x="8792585" y="6427778"/>
            <a:ext cx="176530" cy="299720"/>
          </a:xfrm>
          <a:prstGeom prst="rect">
            <a:avLst/>
          </a:prstGeom>
        </p:spPr>
        <p:txBody>
          <a:bodyPr vert="horz" wrap="square" lIns="0" tIns="12700" rIns="0" bIns="0" rtlCol="0">
            <a:spAutoFit/>
          </a:bodyPr>
          <a:lstStyle/>
          <a:p>
            <a:pPr marL="12700">
              <a:lnSpc>
                <a:spcPct val="100000"/>
              </a:lnSpc>
              <a:spcBef>
                <a:spcPts val="100"/>
              </a:spcBef>
            </a:pPr>
            <a:r>
              <a:rPr sz="1800" b="1" spc="-50" dirty="0">
                <a:latin typeface="HGPｺﾞｼｯｸM"/>
                <a:cs typeface="HGPｺﾞｼｯｸM"/>
              </a:rPr>
              <a:t>９</a:t>
            </a:r>
            <a:endParaRPr sz="1800">
              <a:latin typeface="HGPｺﾞｼｯｸM"/>
              <a:cs typeface="HGPｺﾞｼｯｸM"/>
            </a:endParaRPr>
          </a:p>
        </p:txBody>
      </p:sp>
      <p:grpSp>
        <p:nvGrpSpPr>
          <p:cNvPr id="6" name="object 6"/>
          <p:cNvGrpSpPr/>
          <p:nvPr/>
        </p:nvGrpSpPr>
        <p:grpSpPr>
          <a:xfrm>
            <a:off x="599312" y="1396530"/>
            <a:ext cx="530225" cy="254000"/>
            <a:chOff x="599312" y="1396530"/>
            <a:chExt cx="530225" cy="254000"/>
          </a:xfrm>
        </p:grpSpPr>
        <p:pic>
          <p:nvPicPr>
            <p:cNvPr id="7" name="object 7"/>
            <p:cNvPicPr/>
            <p:nvPr/>
          </p:nvPicPr>
          <p:blipFill>
            <a:blip r:embed="rId4" cstate="print"/>
            <a:stretch>
              <a:fillRect/>
            </a:stretch>
          </p:blipFill>
          <p:spPr>
            <a:xfrm>
              <a:off x="609599" y="1406651"/>
              <a:ext cx="519683" cy="243839"/>
            </a:xfrm>
            <a:prstGeom prst="rect">
              <a:avLst/>
            </a:prstGeom>
          </p:spPr>
        </p:pic>
        <p:pic>
          <p:nvPicPr>
            <p:cNvPr id="8" name="object 8"/>
            <p:cNvPicPr/>
            <p:nvPr/>
          </p:nvPicPr>
          <p:blipFill>
            <a:blip r:embed="rId5" cstate="print"/>
            <a:stretch>
              <a:fillRect/>
            </a:stretch>
          </p:blipFill>
          <p:spPr>
            <a:xfrm>
              <a:off x="605408" y="1402626"/>
              <a:ext cx="505536" cy="228790"/>
            </a:xfrm>
            <a:prstGeom prst="rect">
              <a:avLst/>
            </a:prstGeom>
          </p:spPr>
        </p:pic>
        <p:pic>
          <p:nvPicPr>
            <p:cNvPr id="9" name="object 9"/>
            <p:cNvPicPr/>
            <p:nvPr/>
          </p:nvPicPr>
          <p:blipFill>
            <a:blip r:embed="rId6" cstate="print"/>
            <a:stretch>
              <a:fillRect/>
            </a:stretch>
          </p:blipFill>
          <p:spPr>
            <a:xfrm>
              <a:off x="599312" y="1455559"/>
              <a:ext cx="98564" cy="181444"/>
            </a:xfrm>
            <a:prstGeom prst="rect">
              <a:avLst/>
            </a:prstGeom>
          </p:spPr>
        </p:pic>
        <p:sp>
          <p:nvSpPr>
            <p:cNvPr id="10" name="object 10"/>
            <p:cNvSpPr/>
            <p:nvPr/>
          </p:nvSpPr>
          <p:spPr>
            <a:xfrm>
              <a:off x="858672" y="1406728"/>
              <a:ext cx="252729" cy="224790"/>
            </a:xfrm>
            <a:custGeom>
              <a:avLst/>
              <a:gdLst/>
              <a:ahLst/>
              <a:cxnLst/>
              <a:rect l="l" t="t" r="r" b="b"/>
              <a:pathLst>
                <a:path w="252730" h="224789">
                  <a:moveTo>
                    <a:pt x="142798" y="51079"/>
                  </a:moveTo>
                  <a:lnTo>
                    <a:pt x="142798" y="97434"/>
                  </a:lnTo>
                  <a:lnTo>
                    <a:pt x="162801" y="97434"/>
                  </a:lnTo>
                  <a:lnTo>
                    <a:pt x="169518" y="85306"/>
                  </a:lnTo>
                  <a:lnTo>
                    <a:pt x="175631" y="73537"/>
                  </a:lnTo>
                  <a:lnTo>
                    <a:pt x="181139" y="62128"/>
                  </a:lnTo>
                  <a:lnTo>
                    <a:pt x="186042" y="51079"/>
                  </a:lnTo>
                  <a:lnTo>
                    <a:pt x="142798" y="51079"/>
                  </a:lnTo>
                  <a:close/>
                </a:path>
                <a:path w="252730" h="224789">
                  <a:moveTo>
                    <a:pt x="107378" y="0"/>
                  </a:moveTo>
                  <a:lnTo>
                    <a:pt x="142798" y="0"/>
                  </a:lnTo>
                  <a:lnTo>
                    <a:pt x="142798" y="21869"/>
                  </a:lnTo>
                  <a:lnTo>
                    <a:pt x="233883" y="21869"/>
                  </a:lnTo>
                  <a:lnTo>
                    <a:pt x="233883" y="51079"/>
                  </a:lnTo>
                  <a:lnTo>
                    <a:pt x="190639" y="51079"/>
                  </a:lnTo>
                  <a:lnTo>
                    <a:pt x="221462" y="60515"/>
                  </a:lnTo>
                  <a:lnTo>
                    <a:pt x="216957" y="69023"/>
                  </a:lnTo>
                  <a:lnTo>
                    <a:pt x="211767" y="78012"/>
                  </a:lnTo>
                  <a:lnTo>
                    <a:pt x="205894" y="87483"/>
                  </a:lnTo>
                  <a:lnTo>
                    <a:pt x="199339" y="97434"/>
                  </a:lnTo>
                  <a:lnTo>
                    <a:pt x="242087" y="97434"/>
                  </a:lnTo>
                  <a:lnTo>
                    <a:pt x="242087" y="126999"/>
                  </a:lnTo>
                  <a:lnTo>
                    <a:pt x="159448" y="126999"/>
                  </a:lnTo>
                  <a:lnTo>
                    <a:pt x="179836" y="144904"/>
                  </a:lnTo>
                  <a:lnTo>
                    <a:pt x="202103" y="160710"/>
                  </a:lnTo>
                  <a:lnTo>
                    <a:pt x="226247" y="174418"/>
                  </a:lnTo>
                  <a:lnTo>
                    <a:pt x="252272" y="186029"/>
                  </a:lnTo>
                  <a:lnTo>
                    <a:pt x="231394" y="216357"/>
                  </a:lnTo>
                  <a:lnTo>
                    <a:pt x="190178" y="194361"/>
                  </a:lnTo>
                  <a:lnTo>
                    <a:pt x="155560" y="167578"/>
                  </a:lnTo>
                  <a:lnTo>
                    <a:pt x="142671" y="154470"/>
                  </a:lnTo>
                  <a:lnTo>
                    <a:pt x="142798" y="224688"/>
                  </a:lnTo>
                  <a:lnTo>
                    <a:pt x="108242" y="224688"/>
                  </a:lnTo>
                  <a:lnTo>
                    <a:pt x="108242" y="155092"/>
                  </a:lnTo>
                  <a:lnTo>
                    <a:pt x="100879" y="162329"/>
                  </a:lnTo>
                  <a:lnTo>
                    <a:pt x="70218" y="186651"/>
                  </a:lnTo>
                  <a:lnTo>
                    <a:pt x="30604" y="210069"/>
                  </a:lnTo>
                  <a:lnTo>
                    <a:pt x="16281" y="216598"/>
                  </a:lnTo>
                  <a:lnTo>
                    <a:pt x="0" y="189395"/>
                  </a:lnTo>
                  <a:lnTo>
                    <a:pt x="14984" y="181991"/>
                  </a:lnTo>
                  <a:lnTo>
                    <a:pt x="28619" y="174583"/>
                  </a:lnTo>
                  <a:lnTo>
                    <a:pt x="61900" y="152135"/>
                  </a:lnTo>
                  <a:lnTo>
                    <a:pt x="89979" y="126999"/>
                  </a:lnTo>
                  <a:lnTo>
                    <a:pt x="9944" y="126999"/>
                  </a:lnTo>
                  <a:lnTo>
                    <a:pt x="9944" y="97434"/>
                  </a:lnTo>
                  <a:lnTo>
                    <a:pt x="50088" y="97434"/>
                  </a:lnTo>
                  <a:lnTo>
                    <a:pt x="44690" y="86080"/>
                  </a:lnTo>
                  <a:lnTo>
                    <a:pt x="39928" y="76268"/>
                  </a:lnTo>
                  <a:lnTo>
                    <a:pt x="35804" y="67996"/>
                  </a:lnTo>
                  <a:lnTo>
                    <a:pt x="32321" y="61264"/>
                  </a:lnTo>
                  <a:lnTo>
                    <a:pt x="63881" y="51574"/>
                  </a:lnTo>
                  <a:lnTo>
                    <a:pt x="68400" y="59985"/>
                  </a:lnTo>
                  <a:lnTo>
                    <a:pt x="73883" y="70432"/>
                  </a:lnTo>
                  <a:lnTo>
                    <a:pt x="80331" y="82916"/>
                  </a:lnTo>
                  <a:lnTo>
                    <a:pt x="87744" y="97434"/>
                  </a:lnTo>
                  <a:lnTo>
                    <a:pt x="107378" y="97434"/>
                  </a:lnTo>
                  <a:lnTo>
                    <a:pt x="107378" y="51079"/>
                  </a:lnTo>
                  <a:lnTo>
                    <a:pt x="18897" y="51079"/>
                  </a:lnTo>
                  <a:lnTo>
                    <a:pt x="18897" y="21869"/>
                  </a:lnTo>
                  <a:lnTo>
                    <a:pt x="107378" y="21869"/>
                  </a:lnTo>
                  <a:lnTo>
                    <a:pt x="107378" y="0"/>
                  </a:lnTo>
                  <a:close/>
                </a:path>
              </a:pathLst>
            </a:custGeom>
            <a:ln w="12192">
              <a:solidFill>
                <a:srgbClr val="5B9BD4"/>
              </a:solidFill>
            </a:ln>
          </p:spPr>
          <p:txBody>
            <a:bodyPr wrap="square" lIns="0" tIns="0" rIns="0" bIns="0" rtlCol="0"/>
            <a:lstStyle/>
            <a:p>
              <a:endParaRPr/>
            </a:p>
          </p:txBody>
        </p:sp>
        <p:pic>
          <p:nvPicPr>
            <p:cNvPr id="11" name="object 11"/>
            <p:cNvPicPr/>
            <p:nvPr/>
          </p:nvPicPr>
          <p:blipFill>
            <a:blip r:embed="rId7" cstate="print"/>
            <a:stretch>
              <a:fillRect/>
            </a:stretch>
          </p:blipFill>
          <p:spPr>
            <a:xfrm>
              <a:off x="600684" y="1396530"/>
              <a:ext cx="258000" cy="239242"/>
            </a:xfrm>
            <a:prstGeom prst="rect">
              <a:avLst/>
            </a:prstGeom>
          </p:spPr>
        </p:pic>
      </p:grpSp>
      <p:pic>
        <p:nvPicPr>
          <p:cNvPr id="12" name="object 12"/>
          <p:cNvPicPr/>
          <p:nvPr/>
        </p:nvPicPr>
        <p:blipFill>
          <a:blip r:embed="rId8" cstate="print"/>
          <a:stretch>
            <a:fillRect/>
          </a:stretch>
        </p:blipFill>
        <p:spPr>
          <a:xfrm>
            <a:off x="4692674" y="1384223"/>
            <a:ext cx="2208696" cy="257721"/>
          </a:xfrm>
          <a:prstGeom prst="rect">
            <a:avLst/>
          </a:prstGeom>
        </p:spPr>
      </p:pic>
      <p:sp>
        <p:nvSpPr>
          <p:cNvPr id="13" name="object 13"/>
          <p:cNvSpPr txBox="1"/>
          <p:nvPr/>
        </p:nvSpPr>
        <p:spPr>
          <a:xfrm>
            <a:off x="730169" y="1790941"/>
            <a:ext cx="1774825" cy="299720"/>
          </a:xfrm>
          <a:prstGeom prst="rect">
            <a:avLst/>
          </a:prstGeom>
        </p:spPr>
        <p:txBody>
          <a:bodyPr vert="horz" wrap="square" lIns="0" tIns="12700" rIns="0" bIns="0" rtlCol="0">
            <a:spAutoFit/>
          </a:bodyPr>
          <a:lstStyle/>
          <a:p>
            <a:pPr marL="12700">
              <a:lnSpc>
                <a:spcPct val="100000"/>
              </a:lnSpc>
              <a:spcBef>
                <a:spcPts val="100"/>
              </a:spcBef>
            </a:pPr>
            <a:r>
              <a:rPr sz="1800" b="1" spc="-35" dirty="0">
                <a:latin typeface="Meiryo UI"/>
                <a:cs typeface="Meiryo UI"/>
              </a:rPr>
              <a:t>リニアな開発モデル</a:t>
            </a:r>
            <a:endParaRPr sz="1800">
              <a:latin typeface="Meiryo UI"/>
              <a:cs typeface="Meiryo UI"/>
            </a:endParaRPr>
          </a:p>
        </p:txBody>
      </p:sp>
      <p:sp>
        <p:nvSpPr>
          <p:cNvPr id="14" name="object 14"/>
          <p:cNvSpPr txBox="1"/>
          <p:nvPr/>
        </p:nvSpPr>
        <p:spPr>
          <a:xfrm>
            <a:off x="4724497" y="1739963"/>
            <a:ext cx="2161540" cy="574040"/>
          </a:xfrm>
          <a:prstGeom prst="rect">
            <a:avLst/>
          </a:prstGeom>
        </p:spPr>
        <p:txBody>
          <a:bodyPr vert="horz" wrap="square" lIns="0" tIns="12700" rIns="0" bIns="0" rtlCol="0">
            <a:spAutoFit/>
          </a:bodyPr>
          <a:lstStyle/>
          <a:p>
            <a:pPr marL="12700">
              <a:lnSpc>
                <a:spcPct val="100000"/>
              </a:lnSpc>
              <a:spcBef>
                <a:spcPts val="100"/>
              </a:spcBef>
            </a:pPr>
            <a:r>
              <a:rPr sz="1800" b="1" spc="-30" dirty="0">
                <a:latin typeface="Meiryo UI"/>
                <a:cs typeface="Meiryo UI"/>
              </a:rPr>
              <a:t>ミッション志向型の</a:t>
            </a:r>
            <a:endParaRPr sz="1800">
              <a:latin typeface="Meiryo UI"/>
              <a:cs typeface="Meiryo UI"/>
            </a:endParaRPr>
          </a:p>
          <a:p>
            <a:pPr marL="12700">
              <a:lnSpc>
                <a:spcPct val="100000"/>
              </a:lnSpc>
            </a:pPr>
            <a:r>
              <a:rPr sz="1800" b="1" spc="-35" dirty="0">
                <a:latin typeface="Meiryo UI"/>
                <a:cs typeface="Meiryo UI"/>
              </a:rPr>
              <a:t>アジャイルな開発モデル</a:t>
            </a:r>
            <a:endParaRPr sz="1800">
              <a:latin typeface="Meiryo UI"/>
              <a:cs typeface="Meiryo UI"/>
            </a:endParaRPr>
          </a:p>
        </p:txBody>
      </p:sp>
      <p:grpSp>
        <p:nvGrpSpPr>
          <p:cNvPr id="15" name="object 15"/>
          <p:cNvGrpSpPr/>
          <p:nvPr/>
        </p:nvGrpSpPr>
        <p:grpSpPr>
          <a:xfrm>
            <a:off x="5907023" y="2235455"/>
            <a:ext cx="3048635" cy="2948305"/>
            <a:chOff x="5907023" y="2235455"/>
            <a:chExt cx="3048635" cy="2948305"/>
          </a:xfrm>
        </p:grpSpPr>
        <p:sp>
          <p:nvSpPr>
            <p:cNvPr id="16" name="object 16"/>
            <p:cNvSpPr/>
            <p:nvPr/>
          </p:nvSpPr>
          <p:spPr>
            <a:xfrm>
              <a:off x="6652792" y="4006796"/>
              <a:ext cx="635000" cy="678180"/>
            </a:xfrm>
            <a:custGeom>
              <a:avLst/>
              <a:gdLst/>
              <a:ahLst/>
              <a:cxnLst/>
              <a:rect l="l" t="t" r="r" b="b"/>
              <a:pathLst>
                <a:path w="635000" h="678179">
                  <a:moveTo>
                    <a:pt x="375932" y="0"/>
                  </a:moveTo>
                  <a:lnTo>
                    <a:pt x="418114" y="56117"/>
                  </a:lnTo>
                  <a:lnTo>
                    <a:pt x="456869" y="111848"/>
                  </a:lnTo>
                  <a:lnTo>
                    <a:pt x="492094" y="166858"/>
                  </a:lnTo>
                  <a:lnTo>
                    <a:pt x="523686" y="220813"/>
                  </a:lnTo>
                  <a:lnTo>
                    <a:pt x="551541" y="273379"/>
                  </a:lnTo>
                  <a:lnTo>
                    <a:pt x="575555" y="324221"/>
                  </a:lnTo>
                  <a:lnTo>
                    <a:pt x="595626" y="373008"/>
                  </a:lnTo>
                  <a:lnTo>
                    <a:pt x="611651" y="419403"/>
                  </a:lnTo>
                  <a:lnTo>
                    <a:pt x="623524" y="463073"/>
                  </a:lnTo>
                  <a:lnTo>
                    <a:pt x="631144" y="503684"/>
                  </a:lnTo>
                  <a:lnTo>
                    <a:pt x="634406" y="540903"/>
                  </a:lnTo>
                  <a:lnTo>
                    <a:pt x="633207" y="574395"/>
                  </a:lnTo>
                  <a:lnTo>
                    <a:pt x="617014" y="628861"/>
                  </a:lnTo>
                  <a:lnTo>
                    <a:pt x="581736" y="664413"/>
                  </a:lnTo>
                  <a:lnTo>
                    <a:pt x="531149" y="677794"/>
                  </a:lnTo>
                  <a:lnTo>
                    <a:pt x="500999" y="676535"/>
                  </a:lnTo>
                  <a:lnTo>
                    <a:pt x="432439" y="658989"/>
                  </a:lnTo>
                  <a:lnTo>
                    <a:pt x="394611" y="643051"/>
                  </a:lnTo>
                  <a:lnTo>
                    <a:pt x="354804" y="622567"/>
                  </a:lnTo>
                  <a:lnTo>
                    <a:pt x="313309" y="597713"/>
                  </a:lnTo>
                  <a:lnTo>
                    <a:pt x="270417" y="568662"/>
                  </a:lnTo>
                  <a:lnTo>
                    <a:pt x="226419" y="535589"/>
                  </a:lnTo>
                  <a:lnTo>
                    <a:pt x="181605" y="498666"/>
                  </a:lnTo>
                  <a:lnTo>
                    <a:pt x="136265" y="458070"/>
                  </a:lnTo>
                  <a:lnTo>
                    <a:pt x="90690" y="413973"/>
                  </a:lnTo>
                  <a:lnTo>
                    <a:pt x="45172" y="366550"/>
                  </a:lnTo>
                  <a:lnTo>
                    <a:pt x="0" y="315975"/>
                  </a:lnTo>
                </a:path>
              </a:pathLst>
            </a:custGeom>
            <a:ln w="6350">
              <a:solidFill>
                <a:srgbClr val="5B9BD4"/>
              </a:solidFill>
            </a:ln>
          </p:spPr>
          <p:txBody>
            <a:bodyPr wrap="square" lIns="0" tIns="0" rIns="0" bIns="0" rtlCol="0"/>
            <a:lstStyle/>
            <a:p>
              <a:endParaRPr/>
            </a:p>
          </p:txBody>
        </p:sp>
        <p:sp>
          <p:nvSpPr>
            <p:cNvPr id="17" name="object 17"/>
            <p:cNvSpPr/>
            <p:nvPr/>
          </p:nvSpPr>
          <p:spPr>
            <a:xfrm>
              <a:off x="7085646" y="3759128"/>
              <a:ext cx="351790" cy="379095"/>
            </a:xfrm>
            <a:custGeom>
              <a:avLst/>
              <a:gdLst/>
              <a:ahLst/>
              <a:cxnLst/>
              <a:rect l="l" t="t" r="r" b="b"/>
              <a:pathLst>
                <a:path w="351790" h="379095">
                  <a:moveTo>
                    <a:pt x="163080" y="0"/>
                  </a:moveTo>
                  <a:lnTo>
                    <a:pt x="205842" y="53171"/>
                  </a:lnTo>
                  <a:lnTo>
                    <a:pt x="244133" y="105717"/>
                  </a:lnTo>
                  <a:lnTo>
                    <a:pt x="277442" y="156596"/>
                  </a:lnTo>
                  <a:lnTo>
                    <a:pt x="305257" y="204768"/>
                  </a:lnTo>
                  <a:lnTo>
                    <a:pt x="327068" y="249192"/>
                  </a:lnTo>
                  <a:lnTo>
                    <a:pt x="342364" y="288826"/>
                  </a:lnTo>
                  <a:lnTo>
                    <a:pt x="351362" y="349560"/>
                  </a:lnTo>
                  <a:lnTo>
                    <a:pt x="344043" y="368579"/>
                  </a:lnTo>
                  <a:lnTo>
                    <a:pt x="326490" y="378824"/>
                  </a:lnTo>
                  <a:lnTo>
                    <a:pt x="300561" y="377011"/>
                  </a:lnTo>
                  <a:lnTo>
                    <a:pt x="228496" y="340563"/>
                  </a:lnTo>
                  <a:lnTo>
                    <a:pt x="184822" y="307607"/>
                  </a:lnTo>
                  <a:lnTo>
                    <a:pt x="137693" y="265948"/>
                  </a:lnTo>
                  <a:lnTo>
                    <a:pt x="88342" y="216426"/>
                  </a:lnTo>
                  <a:lnTo>
                    <a:pt x="37998" y="159880"/>
                  </a:lnTo>
                  <a:lnTo>
                    <a:pt x="9296" y="124747"/>
                  </a:lnTo>
                  <a:lnTo>
                    <a:pt x="0" y="112864"/>
                  </a:lnTo>
                </a:path>
              </a:pathLst>
            </a:custGeom>
            <a:ln w="6350">
              <a:solidFill>
                <a:srgbClr val="5B9BD4"/>
              </a:solidFill>
            </a:ln>
          </p:spPr>
          <p:txBody>
            <a:bodyPr wrap="square" lIns="0" tIns="0" rIns="0" bIns="0" rtlCol="0"/>
            <a:lstStyle/>
            <a:p>
              <a:endParaRPr/>
            </a:p>
          </p:txBody>
        </p:sp>
        <p:sp>
          <p:nvSpPr>
            <p:cNvPr id="18" name="object 18"/>
            <p:cNvSpPr/>
            <p:nvPr/>
          </p:nvSpPr>
          <p:spPr>
            <a:xfrm>
              <a:off x="6470938" y="3534289"/>
              <a:ext cx="782955" cy="789940"/>
            </a:xfrm>
            <a:custGeom>
              <a:avLst/>
              <a:gdLst/>
              <a:ahLst/>
              <a:cxnLst/>
              <a:rect l="l" t="t" r="r" b="b"/>
              <a:pathLst>
                <a:path w="782954" h="789939">
                  <a:moveTo>
                    <a:pt x="182286" y="789377"/>
                  </a:moveTo>
                  <a:lnTo>
                    <a:pt x="147907" y="749929"/>
                  </a:lnTo>
                  <a:lnTo>
                    <a:pt x="117022" y="708879"/>
                  </a:lnTo>
                  <a:lnTo>
                    <a:pt x="89666" y="666516"/>
                  </a:lnTo>
                  <a:lnTo>
                    <a:pt x="65876" y="623131"/>
                  </a:lnTo>
                  <a:lnTo>
                    <a:pt x="45686" y="579014"/>
                  </a:lnTo>
                  <a:lnTo>
                    <a:pt x="29133" y="534453"/>
                  </a:lnTo>
                  <a:lnTo>
                    <a:pt x="16252" y="489739"/>
                  </a:lnTo>
                  <a:lnTo>
                    <a:pt x="7079" y="445161"/>
                  </a:lnTo>
                  <a:lnTo>
                    <a:pt x="1650" y="401009"/>
                  </a:lnTo>
                  <a:lnTo>
                    <a:pt x="0" y="357574"/>
                  </a:lnTo>
                  <a:lnTo>
                    <a:pt x="2164" y="315144"/>
                  </a:lnTo>
                  <a:lnTo>
                    <a:pt x="8179" y="274010"/>
                  </a:lnTo>
                  <a:lnTo>
                    <a:pt x="18080" y="234461"/>
                  </a:lnTo>
                  <a:lnTo>
                    <a:pt x="31903" y="196787"/>
                  </a:lnTo>
                  <a:lnTo>
                    <a:pt x="49684" y="161278"/>
                  </a:lnTo>
                  <a:lnTo>
                    <a:pt x="71458" y="128223"/>
                  </a:lnTo>
                  <a:lnTo>
                    <a:pt x="97260" y="97913"/>
                  </a:lnTo>
                  <a:lnTo>
                    <a:pt x="128365" y="69698"/>
                  </a:lnTo>
                  <a:lnTo>
                    <a:pt x="162328" y="46309"/>
                  </a:lnTo>
                  <a:lnTo>
                    <a:pt x="198821" y="27696"/>
                  </a:lnTo>
                  <a:lnTo>
                    <a:pt x="237513" y="13809"/>
                  </a:lnTo>
                  <a:lnTo>
                    <a:pt x="278074" y="4597"/>
                  </a:lnTo>
                  <a:lnTo>
                    <a:pt x="320175" y="10"/>
                  </a:lnTo>
                  <a:lnTo>
                    <a:pt x="363486" y="0"/>
                  </a:lnTo>
                  <a:lnTo>
                    <a:pt x="407677" y="4514"/>
                  </a:lnTo>
                  <a:lnTo>
                    <a:pt x="452418" y="13504"/>
                  </a:lnTo>
                  <a:lnTo>
                    <a:pt x="497380" y="26918"/>
                  </a:lnTo>
                  <a:lnTo>
                    <a:pt x="542232" y="44708"/>
                  </a:lnTo>
                  <a:lnTo>
                    <a:pt x="586646" y="66823"/>
                  </a:lnTo>
                  <a:lnTo>
                    <a:pt x="630291" y="93213"/>
                  </a:lnTo>
                  <a:lnTo>
                    <a:pt x="672838" y="123828"/>
                  </a:lnTo>
                  <a:lnTo>
                    <a:pt x="713956" y="158617"/>
                  </a:lnTo>
                  <a:lnTo>
                    <a:pt x="753317" y="197532"/>
                  </a:lnTo>
                  <a:lnTo>
                    <a:pt x="775741" y="222624"/>
                  </a:lnTo>
                  <a:lnTo>
                    <a:pt x="782958" y="231225"/>
                  </a:lnTo>
                </a:path>
              </a:pathLst>
            </a:custGeom>
            <a:ln w="6350">
              <a:solidFill>
                <a:srgbClr val="5B9BD4"/>
              </a:solidFill>
            </a:ln>
          </p:spPr>
          <p:txBody>
            <a:bodyPr wrap="square" lIns="0" tIns="0" rIns="0" bIns="0" rtlCol="0"/>
            <a:lstStyle/>
            <a:p>
              <a:endParaRPr/>
            </a:p>
          </p:txBody>
        </p:sp>
        <p:sp>
          <p:nvSpPr>
            <p:cNvPr id="19" name="object 19"/>
            <p:cNvSpPr/>
            <p:nvPr/>
          </p:nvSpPr>
          <p:spPr>
            <a:xfrm>
              <a:off x="7003419" y="3534532"/>
              <a:ext cx="285115" cy="361950"/>
            </a:xfrm>
            <a:custGeom>
              <a:avLst/>
              <a:gdLst/>
              <a:ahLst/>
              <a:cxnLst/>
              <a:rect l="l" t="t" r="r" b="b"/>
              <a:pathLst>
                <a:path w="285115" h="361950">
                  <a:moveTo>
                    <a:pt x="101004" y="361670"/>
                  </a:moveTo>
                  <a:lnTo>
                    <a:pt x="64858" y="310869"/>
                  </a:lnTo>
                  <a:lnTo>
                    <a:pt x="36447" y="259625"/>
                  </a:lnTo>
                  <a:lnTo>
                    <a:pt x="16008" y="209312"/>
                  </a:lnTo>
                  <a:lnTo>
                    <a:pt x="3779" y="161303"/>
                  </a:lnTo>
                  <a:lnTo>
                    <a:pt x="0" y="116975"/>
                  </a:lnTo>
                  <a:lnTo>
                    <a:pt x="4906" y="77700"/>
                  </a:lnTo>
                  <a:lnTo>
                    <a:pt x="18738" y="44854"/>
                  </a:lnTo>
                  <a:lnTo>
                    <a:pt x="41733" y="19811"/>
                  </a:lnTo>
                  <a:lnTo>
                    <a:pt x="72485" y="4653"/>
                  </a:lnTo>
                  <a:lnTo>
                    <a:pt x="108877" y="0"/>
                  </a:lnTo>
                  <a:lnTo>
                    <a:pt x="149599" y="5397"/>
                  </a:lnTo>
                  <a:lnTo>
                    <a:pt x="193343" y="20391"/>
                  </a:lnTo>
                  <a:lnTo>
                    <a:pt x="238799" y="44528"/>
                  </a:lnTo>
                  <a:lnTo>
                    <a:pt x="284659" y="77355"/>
                  </a:lnTo>
                </a:path>
              </a:pathLst>
            </a:custGeom>
            <a:ln w="12700">
              <a:solidFill>
                <a:srgbClr val="5B9BD4"/>
              </a:solidFill>
            </a:ln>
          </p:spPr>
          <p:txBody>
            <a:bodyPr wrap="square" lIns="0" tIns="0" rIns="0" bIns="0" rtlCol="0"/>
            <a:lstStyle/>
            <a:p>
              <a:endParaRPr/>
            </a:p>
          </p:txBody>
        </p:sp>
        <p:sp>
          <p:nvSpPr>
            <p:cNvPr id="20" name="object 20"/>
            <p:cNvSpPr/>
            <p:nvPr/>
          </p:nvSpPr>
          <p:spPr>
            <a:xfrm>
              <a:off x="7253006" y="3575256"/>
              <a:ext cx="81915" cy="80010"/>
            </a:xfrm>
            <a:custGeom>
              <a:avLst/>
              <a:gdLst/>
              <a:ahLst/>
              <a:cxnLst/>
              <a:rect l="l" t="t" r="r" b="b"/>
              <a:pathLst>
                <a:path w="81915" h="80010">
                  <a:moveTo>
                    <a:pt x="51523" y="0"/>
                  </a:moveTo>
                  <a:lnTo>
                    <a:pt x="0" y="56134"/>
                  </a:lnTo>
                  <a:lnTo>
                    <a:pt x="81902" y="79590"/>
                  </a:lnTo>
                  <a:lnTo>
                    <a:pt x="51523" y="0"/>
                  </a:lnTo>
                  <a:close/>
                </a:path>
              </a:pathLst>
            </a:custGeom>
            <a:solidFill>
              <a:srgbClr val="5B9BD4"/>
            </a:solidFill>
          </p:spPr>
          <p:txBody>
            <a:bodyPr wrap="square" lIns="0" tIns="0" rIns="0" bIns="0" rtlCol="0"/>
            <a:lstStyle/>
            <a:p>
              <a:endParaRPr/>
            </a:p>
          </p:txBody>
        </p:sp>
        <p:pic>
          <p:nvPicPr>
            <p:cNvPr id="21" name="object 21"/>
            <p:cNvPicPr/>
            <p:nvPr/>
          </p:nvPicPr>
          <p:blipFill>
            <a:blip r:embed="rId9" cstate="print"/>
            <a:stretch>
              <a:fillRect/>
            </a:stretch>
          </p:blipFill>
          <p:spPr>
            <a:xfrm>
              <a:off x="7205394" y="2956060"/>
              <a:ext cx="973086" cy="818345"/>
            </a:xfrm>
            <a:prstGeom prst="rect">
              <a:avLst/>
            </a:prstGeom>
          </p:spPr>
        </p:pic>
        <p:sp>
          <p:nvSpPr>
            <p:cNvPr id="22" name="object 22"/>
            <p:cNvSpPr/>
            <p:nvPr/>
          </p:nvSpPr>
          <p:spPr>
            <a:xfrm>
              <a:off x="7205394" y="2956060"/>
              <a:ext cx="973455" cy="818515"/>
            </a:xfrm>
            <a:custGeom>
              <a:avLst/>
              <a:gdLst/>
              <a:ahLst/>
              <a:cxnLst/>
              <a:rect l="l" t="t" r="r" b="b"/>
              <a:pathLst>
                <a:path w="973454" h="818514">
                  <a:moveTo>
                    <a:pt x="35178" y="93307"/>
                  </a:moveTo>
                  <a:lnTo>
                    <a:pt x="84728" y="44662"/>
                  </a:lnTo>
                  <a:lnTo>
                    <a:pt x="150705" y="13740"/>
                  </a:lnTo>
                  <a:lnTo>
                    <a:pt x="188888" y="4841"/>
                  </a:lnTo>
                  <a:lnTo>
                    <a:pt x="230017" y="272"/>
                  </a:lnTo>
                  <a:lnTo>
                    <a:pt x="273706" y="0"/>
                  </a:lnTo>
                  <a:lnTo>
                    <a:pt x="319570" y="3990"/>
                  </a:lnTo>
                  <a:lnTo>
                    <a:pt x="367220" y="12209"/>
                  </a:lnTo>
                  <a:lnTo>
                    <a:pt x="416271" y="24624"/>
                  </a:lnTo>
                  <a:lnTo>
                    <a:pt x="466335" y="41200"/>
                  </a:lnTo>
                  <a:lnTo>
                    <a:pt x="517027" y="61905"/>
                  </a:lnTo>
                  <a:lnTo>
                    <a:pt x="567959" y="86704"/>
                  </a:lnTo>
                  <a:lnTo>
                    <a:pt x="618744" y="115563"/>
                  </a:lnTo>
                  <a:lnTo>
                    <a:pt x="668997" y="148450"/>
                  </a:lnTo>
                  <a:lnTo>
                    <a:pt x="717107" y="184397"/>
                  </a:lnTo>
                  <a:lnTo>
                    <a:pt x="761615" y="222225"/>
                  </a:lnTo>
                  <a:lnTo>
                    <a:pt x="802359" y="261581"/>
                  </a:lnTo>
                  <a:lnTo>
                    <a:pt x="839174" y="302113"/>
                  </a:lnTo>
                  <a:lnTo>
                    <a:pt x="871895" y="343471"/>
                  </a:lnTo>
                  <a:lnTo>
                    <a:pt x="900360" y="385302"/>
                  </a:lnTo>
                  <a:lnTo>
                    <a:pt x="924404" y="427255"/>
                  </a:lnTo>
                  <a:lnTo>
                    <a:pt x="943862" y="468978"/>
                  </a:lnTo>
                  <a:lnTo>
                    <a:pt x="958571" y="510119"/>
                  </a:lnTo>
                  <a:lnTo>
                    <a:pt x="968367" y="550326"/>
                  </a:lnTo>
                  <a:lnTo>
                    <a:pt x="973086" y="589247"/>
                  </a:lnTo>
                  <a:lnTo>
                    <a:pt x="972564" y="626531"/>
                  </a:lnTo>
                  <a:lnTo>
                    <a:pt x="955138" y="694781"/>
                  </a:lnTo>
                  <a:lnTo>
                    <a:pt x="915377" y="751598"/>
                  </a:lnTo>
                  <a:lnTo>
                    <a:pt x="857223" y="791347"/>
                  </a:lnTo>
                  <a:lnTo>
                    <a:pt x="784190" y="813506"/>
                  </a:lnTo>
                  <a:lnTo>
                    <a:pt x="743060" y="818074"/>
                  </a:lnTo>
                  <a:lnTo>
                    <a:pt x="699370" y="818345"/>
                  </a:lnTo>
                  <a:lnTo>
                    <a:pt x="653507" y="814354"/>
                  </a:lnTo>
                  <a:lnTo>
                    <a:pt x="605857" y="806133"/>
                  </a:lnTo>
                  <a:lnTo>
                    <a:pt x="556807" y="793717"/>
                  </a:lnTo>
                  <a:lnTo>
                    <a:pt x="506743" y="777140"/>
                  </a:lnTo>
                  <a:lnTo>
                    <a:pt x="456053" y="756434"/>
                  </a:lnTo>
                  <a:lnTo>
                    <a:pt x="405123" y="731635"/>
                  </a:lnTo>
                  <a:lnTo>
                    <a:pt x="354339" y="702774"/>
                  </a:lnTo>
                  <a:lnTo>
                    <a:pt x="304088" y="669887"/>
                  </a:lnTo>
                  <a:lnTo>
                    <a:pt x="255979" y="633940"/>
                  </a:lnTo>
                  <a:lnTo>
                    <a:pt x="211470" y="596114"/>
                  </a:lnTo>
                  <a:lnTo>
                    <a:pt x="170727" y="556758"/>
                  </a:lnTo>
                  <a:lnTo>
                    <a:pt x="133912" y="516226"/>
                  </a:lnTo>
                  <a:lnTo>
                    <a:pt x="101190" y="474870"/>
                  </a:lnTo>
                  <a:lnTo>
                    <a:pt x="72726" y="433040"/>
                  </a:lnTo>
                  <a:lnTo>
                    <a:pt x="48682" y="391088"/>
                  </a:lnTo>
                  <a:lnTo>
                    <a:pt x="29224" y="349367"/>
                  </a:lnTo>
                  <a:lnTo>
                    <a:pt x="14514" y="308227"/>
                  </a:lnTo>
                  <a:lnTo>
                    <a:pt x="4718" y="268021"/>
                  </a:lnTo>
                  <a:lnTo>
                    <a:pt x="0" y="229101"/>
                  </a:lnTo>
                  <a:lnTo>
                    <a:pt x="522" y="191818"/>
                  </a:lnTo>
                  <a:lnTo>
                    <a:pt x="6450" y="156523"/>
                  </a:lnTo>
                  <a:lnTo>
                    <a:pt x="17948" y="123569"/>
                  </a:lnTo>
                  <a:lnTo>
                    <a:pt x="35178" y="93307"/>
                  </a:lnTo>
                  <a:close/>
                </a:path>
              </a:pathLst>
            </a:custGeom>
            <a:ln w="12700">
              <a:solidFill>
                <a:srgbClr val="BB8B00"/>
              </a:solidFill>
            </a:ln>
          </p:spPr>
          <p:txBody>
            <a:bodyPr wrap="square" lIns="0" tIns="0" rIns="0" bIns="0" rtlCol="0"/>
            <a:lstStyle/>
            <a:p>
              <a:endParaRPr/>
            </a:p>
          </p:txBody>
        </p:sp>
        <p:sp>
          <p:nvSpPr>
            <p:cNvPr id="23" name="object 23"/>
            <p:cNvSpPr/>
            <p:nvPr/>
          </p:nvSpPr>
          <p:spPr>
            <a:xfrm>
              <a:off x="7490158" y="3200579"/>
              <a:ext cx="403225" cy="342900"/>
            </a:xfrm>
            <a:custGeom>
              <a:avLst/>
              <a:gdLst/>
              <a:ahLst/>
              <a:cxnLst/>
              <a:rect l="l" t="t" r="r" b="b"/>
              <a:pathLst>
                <a:path w="403225" h="342900">
                  <a:moveTo>
                    <a:pt x="361364" y="256539"/>
                  </a:moveTo>
                  <a:lnTo>
                    <a:pt x="348424" y="256539"/>
                  </a:lnTo>
                  <a:lnTo>
                    <a:pt x="357263" y="262889"/>
                  </a:lnTo>
                  <a:lnTo>
                    <a:pt x="352615" y="271779"/>
                  </a:lnTo>
                  <a:lnTo>
                    <a:pt x="340949" y="312419"/>
                  </a:lnTo>
                  <a:lnTo>
                    <a:pt x="340412" y="323849"/>
                  </a:lnTo>
                  <a:lnTo>
                    <a:pt x="341058" y="334009"/>
                  </a:lnTo>
                  <a:lnTo>
                    <a:pt x="342887" y="342899"/>
                  </a:lnTo>
                  <a:lnTo>
                    <a:pt x="353872" y="342899"/>
                  </a:lnTo>
                  <a:lnTo>
                    <a:pt x="352455" y="334009"/>
                  </a:lnTo>
                  <a:lnTo>
                    <a:pt x="351920" y="323849"/>
                  </a:lnTo>
                  <a:lnTo>
                    <a:pt x="352049" y="320039"/>
                  </a:lnTo>
                  <a:lnTo>
                    <a:pt x="352135" y="317499"/>
                  </a:lnTo>
                  <a:lnTo>
                    <a:pt x="352179" y="316229"/>
                  </a:lnTo>
                  <a:lnTo>
                    <a:pt x="352265" y="313689"/>
                  </a:lnTo>
                  <a:lnTo>
                    <a:pt x="353491" y="302259"/>
                  </a:lnTo>
                  <a:lnTo>
                    <a:pt x="353656" y="302259"/>
                  </a:lnTo>
                  <a:lnTo>
                    <a:pt x="353745" y="300989"/>
                  </a:lnTo>
                  <a:lnTo>
                    <a:pt x="381673" y="300989"/>
                  </a:lnTo>
                  <a:lnTo>
                    <a:pt x="379650" y="292099"/>
                  </a:lnTo>
                  <a:lnTo>
                    <a:pt x="355815" y="292099"/>
                  </a:lnTo>
                  <a:lnTo>
                    <a:pt x="358013" y="284479"/>
                  </a:lnTo>
                  <a:lnTo>
                    <a:pt x="361251" y="276859"/>
                  </a:lnTo>
                  <a:lnTo>
                    <a:pt x="365556" y="269239"/>
                  </a:lnTo>
                  <a:lnTo>
                    <a:pt x="379330" y="269239"/>
                  </a:lnTo>
                  <a:lnTo>
                    <a:pt x="361364" y="256539"/>
                  </a:lnTo>
                  <a:close/>
                </a:path>
                <a:path w="403225" h="342900">
                  <a:moveTo>
                    <a:pt x="286194" y="298449"/>
                  </a:moveTo>
                  <a:lnTo>
                    <a:pt x="281724" y="307339"/>
                  </a:lnTo>
                  <a:lnTo>
                    <a:pt x="291998" y="313689"/>
                  </a:lnTo>
                  <a:lnTo>
                    <a:pt x="295490" y="316229"/>
                  </a:lnTo>
                  <a:lnTo>
                    <a:pt x="299580" y="318769"/>
                  </a:lnTo>
                  <a:lnTo>
                    <a:pt x="301853" y="318769"/>
                  </a:lnTo>
                  <a:lnTo>
                    <a:pt x="306844" y="320039"/>
                  </a:lnTo>
                  <a:lnTo>
                    <a:pt x="309270" y="318769"/>
                  </a:lnTo>
                  <a:lnTo>
                    <a:pt x="314020" y="317499"/>
                  </a:lnTo>
                  <a:lnTo>
                    <a:pt x="316331" y="316229"/>
                  </a:lnTo>
                  <a:lnTo>
                    <a:pt x="320840" y="312419"/>
                  </a:lnTo>
                  <a:lnTo>
                    <a:pt x="323037" y="309879"/>
                  </a:lnTo>
                  <a:lnTo>
                    <a:pt x="323748" y="308609"/>
                  </a:lnTo>
                  <a:lnTo>
                    <a:pt x="305003" y="308609"/>
                  </a:lnTo>
                  <a:lnTo>
                    <a:pt x="300736" y="307339"/>
                  </a:lnTo>
                  <a:lnTo>
                    <a:pt x="298246" y="306069"/>
                  </a:lnTo>
                  <a:lnTo>
                    <a:pt x="286194" y="298449"/>
                  </a:lnTo>
                  <a:close/>
                </a:path>
                <a:path w="403225" h="342900">
                  <a:moveTo>
                    <a:pt x="267690" y="276859"/>
                  </a:moveTo>
                  <a:lnTo>
                    <a:pt x="266052" y="284479"/>
                  </a:lnTo>
                  <a:lnTo>
                    <a:pt x="279963" y="288289"/>
                  </a:lnTo>
                  <a:lnTo>
                    <a:pt x="293638" y="290829"/>
                  </a:lnTo>
                  <a:lnTo>
                    <a:pt x="320281" y="293369"/>
                  </a:lnTo>
                  <a:lnTo>
                    <a:pt x="319176" y="294639"/>
                  </a:lnTo>
                  <a:lnTo>
                    <a:pt x="318185" y="297179"/>
                  </a:lnTo>
                  <a:lnTo>
                    <a:pt x="316801" y="298449"/>
                  </a:lnTo>
                  <a:lnTo>
                    <a:pt x="313880" y="302259"/>
                  </a:lnTo>
                  <a:lnTo>
                    <a:pt x="311365" y="304799"/>
                  </a:lnTo>
                  <a:lnTo>
                    <a:pt x="307124" y="308609"/>
                  </a:lnTo>
                  <a:lnTo>
                    <a:pt x="323748" y="308609"/>
                  </a:lnTo>
                  <a:lnTo>
                    <a:pt x="325170" y="306069"/>
                  </a:lnTo>
                  <a:lnTo>
                    <a:pt x="331345" y="295909"/>
                  </a:lnTo>
                  <a:lnTo>
                    <a:pt x="336056" y="284479"/>
                  </a:lnTo>
                  <a:lnTo>
                    <a:pt x="311056" y="284479"/>
                  </a:lnTo>
                  <a:lnTo>
                    <a:pt x="267690" y="276859"/>
                  </a:lnTo>
                  <a:close/>
                </a:path>
                <a:path w="403225" h="342900">
                  <a:moveTo>
                    <a:pt x="379361" y="290829"/>
                  </a:moveTo>
                  <a:lnTo>
                    <a:pt x="372719" y="292099"/>
                  </a:lnTo>
                  <a:lnTo>
                    <a:pt x="379650" y="292099"/>
                  </a:lnTo>
                  <a:lnTo>
                    <a:pt x="379361" y="290829"/>
                  </a:lnTo>
                  <a:close/>
                </a:path>
                <a:path w="403225" h="342900">
                  <a:moveTo>
                    <a:pt x="301505" y="215899"/>
                  </a:moveTo>
                  <a:lnTo>
                    <a:pt x="287616" y="215899"/>
                  </a:lnTo>
                  <a:lnTo>
                    <a:pt x="242773" y="280669"/>
                  </a:lnTo>
                  <a:lnTo>
                    <a:pt x="252107" y="287019"/>
                  </a:lnTo>
                  <a:lnTo>
                    <a:pt x="301505" y="215899"/>
                  </a:lnTo>
                  <a:close/>
                </a:path>
                <a:path w="403225" h="342900">
                  <a:moveTo>
                    <a:pt x="279857" y="256539"/>
                  </a:moveTo>
                  <a:lnTo>
                    <a:pt x="278142" y="265429"/>
                  </a:lnTo>
                  <a:lnTo>
                    <a:pt x="291420" y="269239"/>
                  </a:lnTo>
                  <a:lnTo>
                    <a:pt x="304260" y="271779"/>
                  </a:lnTo>
                  <a:lnTo>
                    <a:pt x="328625" y="274319"/>
                  </a:lnTo>
                  <a:lnTo>
                    <a:pt x="327672" y="276859"/>
                  </a:lnTo>
                  <a:lnTo>
                    <a:pt x="326491" y="280669"/>
                  </a:lnTo>
                  <a:lnTo>
                    <a:pt x="325094" y="284479"/>
                  </a:lnTo>
                  <a:lnTo>
                    <a:pt x="336056" y="284479"/>
                  </a:lnTo>
                  <a:lnTo>
                    <a:pt x="339302" y="271779"/>
                  </a:lnTo>
                  <a:lnTo>
                    <a:pt x="340044" y="265429"/>
                  </a:lnTo>
                  <a:lnTo>
                    <a:pt x="319151" y="265429"/>
                  </a:lnTo>
                  <a:lnTo>
                    <a:pt x="306866" y="262889"/>
                  </a:lnTo>
                  <a:lnTo>
                    <a:pt x="293768" y="260349"/>
                  </a:lnTo>
                  <a:lnTo>
                    <a:pt x="279857" y="256539"/>
                  </a:lnTo>
                  <a:close/>
                </a:path>
                <a:path w="403225" h="342900">
                  <a:moveTo>
                    <a:pt x="379330" y="269239"/>
                  </a:moveTo>
                  <a:lnTo>
                    <a:pt x="365556" y="269239"/>
                  </a:lnTo>
                  <a:lnTo>
                    <a:pt x="385546" y="283209"/>
                  </a:lnTo>
                  <a:lnTo>
                    <a:pt x="394144" y="270509"/>
                  </a:lnTo>
                  <a:lnTo>
                    <a:pt x="381127" y="270509"/>
                  </a:lnTo>
                  <a:lnTo>
                    <a:pt x="379330" y="269239"/>
                  </a:lnTo>
                  <a:close/>
                </a:path>
                <a:path w="403225" h="342900">
                  <a:moveTo>
                    <a:pt x="379023" y="241299"/>
                  </a:moveTo>
                  <a:lnTo>
                    <a:pt x="366306" y="241299"/>
                  </a:lnTo>
                  <a:lnTo>
                    <a:pt x="389648" y="257809"/>
                  </a:lnTo>
                  <a:lnTo>
                    <a:pt x="381127" y="270509"/>
                  </a:lnTo>
                  <a:lnTo>
                    <a:pt x="394144" y="270509"/>
                  </a:lnTo>
                  <a:lnTo>
                    <a:pt x="402742" y="257809"/>
                  </a:lnTo>
                  <a:lnTo>
                    <a:pt x="379023" y="241299"/>
                  </a:lnTo>
                  <a:close/>
                </a:path>
                <a:path w="403225" h="342900">
                  <a:moveTo>
                    <a:pt x="292760" y="240029"/>
                  </a:moveTo>
                  <a:lnTo>
                    <a:pt x="291109" y="246379"/>
                  </a:lnTo>
                  <a:lnTo>
                    <a:pt x="300801" y="250189"/>
                  </a:lnTo>
                  <a:lnTo>
                    <a:pt x="321070" y="255269"/>
                  </a:lnTo>
                  <a:lnTo>
                    <a:pt x="331647" y="256539"/>
                  </a:lnTo>
                  <a:lnTo>
                    <a:pt x="331558" y="257809"/>
                  </a:lnTo>
                  <a:lnTo>
                    <a:pt x="331470" y="259079"/>
                  </a:lnTo>
                  <a:lnTo>
                    <a:pt x="330619" y="265429"/>
                  </a:lnTo>
                  <a:lnTo>
                    <a:pt x="340044" y="265429"/>
                  </a:lnTo>
                  <a:lnTo>
                    <a:pt x="341083" y="256539"/>
                  </a:lnTo>
                  <a:lnTo>
                    <a:pt x="361364" y="256539"/>
                  </a:lnTo>
                  <a:lnTo>
                    <a:pt x="357771" y="253999"/>
                  </a:lnTo>
                  <a:lnTo>
                    <a:pt x="361185" y="248919"/>
                  </a:lnTo>
                  <a:lnTo>
                    <a:pt x="336410" y="248919"/>
                  </a:lnTo>
                  <a:lnTo>
                    <a:pt x="315637" y="246379"/>
                  </a:lnTo>
                  <a:lnTo>
                    <a:pt x="304461" y="242569"/>
                  </a:lnTo>
                  <a:lnTo>
                    <a:pt x="292760" y="240029"/>
                  </a:lnTo>
                  <a:close/>
                </a:path>
                <a:path w="403225" h="342900">
                  <a:moveTo>
                    <a:pt x="204733" y="181609"/>
                  </a:moveTo>
                  <a:lnTo>
                    <a:pt x="195097" y="181609"/>
                  </a:lnTo>
                  <a:lnTo>
                    <a:pt x="195956" y="189229"/>
                  </a:lnTo>
                  <a:lnTo>
                    <a:pt x="206978" y="228599"/>
                  </a:lnTo>
                  <a:lnTo>
                    <a:pt x="220065" y="255269"/>
                  </a:lnTo>
                  <a:lnTo>
                    <a:pt x="231101" y="250189"/>
                  </a:lnTo>
                  <a:lnTo>
                    <a:pt x="226343" y="242569"/>
                  </a:lnTo>
                  <a:lnTo>
                    <a:pt x="221688" y="233679"/>
                  </a:lnTo>
                  <a:lnTo>
                    <a:pt x="217132" y="223519"/>
                  </a:lnTo>
                  <a:lnTo>
                    <a:pt x="212674" y="210819"/>
                  </a:lnTo>
                  <a:lnTo>
                    <a:pt x="208833" y="199389"/>
                  </a:lnTo>
                  <a:lnTo>
                    <a:pt x="206109" y="189229"/>
                  </a:lnTo>
                  <a:lnTo>
                    <a:pt x="204733" y="181609"/>
                  </a:lnTo>
                  <a:close/>
                </a:path>
                <a:path w="403225" h="342900">
                  <a:moveTo>
                    <a:pt x="362140" y="194309"/>
                  </a:moveTo>
                  <a:lnTo>
                    <a:pt x="356336" y="198119"/>
                  </a:lnTo>
                  <a:lnTo>
                    <a:pt x="348805" y="200659"/>
                  </a:lnTo>
                  <a:lnTo>
                    <a:pt x="330314" y="204469"/>
                  </a:lnTo>
                  <a:lnTo>
                    <a:pt x="315455" y="204469"/>
                  </a:lnTo>
                  <a:lnTo>
                    <a:pt x="315803" y="208279"/>
                  </a:lnTo>
                  <a:lnTo>
                    <a:pt x="315919" y="209549"/>
                  </a:lnTo>
                  <a:lnTo>
                    <a:pt x="316035" y="210819"/>
                  </a:lnTo>
                  <a:lnTo>
                    <a:pt x="316151" y="212089"/>
                  </a:lnTo>
                  <a:lnTo>
                    <a:pt x="316268" y="213359"/>
                  </a:lnTo>
                  <a:lnTo>
                    <a:pt x="328206" y="213359"/>
                  </a:lnTo>
                  <a:lnTo>
                    <a:pt x="314210" y="232409"/>
                  </a:lnTo>
                  <a:lnTo>
                    <a:pt x="336410" y="248919"/>
                  </a:lnTo>
                  <a:lnTo>
                    <a:pt x="361185" y="248919"/>
                  </a:lnTo>
                  <a:lnTo>
                    <a:pt x="362038" y="247649"/>
                  </a:lnTo>
                  <a:lnTo>
                    <a:pt x="349351" y="247649"/>
                  </a:lnTo>
                  <a:lnTo>
                    <a:pt x="327101" y="232409"/>
                  </a:lnTo>
                  <a:lnTo>
                    <a:pt x="335635" y="220979"/>
                  </a:lnTo>
                  <a:lnTo>
                    <a:pt x="349700" y="220979"/>
                  </a:lnTo>
                  <a:lnTo>
                    <a:pt x="336892" y="212089"/>
                  </a:lnTo>
                  <a:lnTo>
                    <a:pt x="343039" y="210819"/>
                  </a:lnTo>
                  <a:lnTo>
                    <a:pt x="348818" y="210819"/>
                  </a:lnTo>
                  <a:lnTo>
                    <a:pt x="354228" y="209549"/>
                  </a:lnTo>
                  <a:lnTo>
                    <a:pt x="368587" y="209549"/>
                  </a:lnTo>
                  <a:lnTo>
                    <a:pt x="363131" y="205739"/>
                  </a:lnTo>
                  <a:lnTo>
                    <a:pt x="365226" y="205739"/>
                  </a:lnTo>
                  <a:lnTo>
                    <a:pt x="367461" y="204469"/>
                  </a:lnTo>
                  <a:lnTo>
                    <a:pt x="369849" y="203199"/>
                  </a:lnTo>
                  <a:lnTo>
                    <a:pt x="362140" y="194309"/>
                  </a:lnTo>
                  <a:close/>
                </a:path>
                <a:path w="403225" h="342900">
                  <a:moveTo>
                    <a:pt x="349700" y="220979"/>
                  </a:moveTo>
                  <a:lnTo>
                    <a:pt x="335635" y="220979"/>
                  </a:lnTo>
                  <a:lnTo>
                    <a:pt x="357886" y="236219"/>
                  </a:lnTo>
                  <a:lnTo>
                    <a:pt x="349351" y="247649"/>
                  </a:lnTo>
                  <a:lnTo>
                    <a:pt x="362038" y="247649"/>
                  </a:lnTo>
                  <a:lnTo>
                    <a:pt x="366306" y="241299"/>
                  </a:lnTo>
                  <a:lnTo>
                    <a:pt x="379023" y="241299"/>
                  </a:lnTo>
                  <a:lnTo>
                    <a:pt x="375373" y="238759"/>
                  </a:lnTo>
                  <a:lnTo>
                    <a:pt x="386041" y="236219"/>
                  </a:lnTo>
                  <a:lnTo>
                    <a:pt x="393280" y="234949"/>
                  </a:lnTo>
                  <a:lnTo>
                    <a:pt x="397090" y="233679"/>
                  </a:lnTo>
                  <a:lnTo>
                    <a:pt x="396786" y="232409"/>
                  </a:lnTo>
                  <a:lnTo>
                    <a:pt x="366166" y="232409"/>
                  </a:lnTo>
                  <a:lnTo>
                    <a:pt x="349700" y="220979"/>
                  </a:lnTo>
                  <a:close/>
                </a:path>
                <a:path w="403225" h="342900">
                  <a:moveTo>
                    <a:pt x="368587" y="209549"/>
                  </a:moveTo>
                  <a:lnTo>
                    <a:pt x="354228" y="209549"/>
                  </a:lnTo>
                  <a:lnTo>
                    <a:pt x="381660" y="228599"/>
                  </a:lnTo>
                  <a:lnTo>
                    <a:pt x="378409" y="229869"/>
                  </a:lnTo>
                  <a:lnTo>
                    <a:pt x="373240" y="231139"/>
                  </a:lnTo>
                  <a:lnTo>
                    <a:pt x="366166" y="232409"/>
                  </a:lnTo>
                  <a:lnTo>
                    <a:pt x="396786" y="232409"/>
                  </a:lnTo>
                  <a:lnTo>
                    <a:pt x="395871" y="228599"/>
                  </a:lnTo>
                  <a:lnTo>
                    <a:pt x="368587" y="209549"/>
                  </a:lnTo>
                  <a:close/>
                </a:path>
                <a:path w="403225" h="342900">
                  <a:moveTo>
                    <a:pt x="330962" y="175259"/>
                  </a:moveTo>
                  <a:lnTo>
                    <a:pt x="323375" y="181609"/>
                  </a:lnTo>
                  <a:lnTo>
                    <a:pt x="315150" y="187959"/>
                  </a:lnTo>
                  <a:lnTo>
                    <a:pt x="306287" y="194309"/>
                  </a:lnTo>
                  <a:lnTo>
                    <a:pt x="296786" y="199389"/>
                  </a:lnTo>
                  <a:lnTo>
                    <a:pt x="287072" y="205739"/>
                  </a:lnTo>
                  <a:lnTo>
                    <a:pt x="277591" y="209549"/>
                  </a:lnTo>
                  <a:lnTo>
                    <a:pt x="268341" y="214629"/>
                  </a:lnTo>
                  <a:lnTo>
                    <a:pt x="259321" y="217169"/>
                  </a:lnTo>
                  <a:lnTo>
                    <a:pt x="261340" y="227329"/>
                  </a:lnTo>
                  <a:lnTo>
                    <a:pt x="267419" y="224789"/>
                  </a:lnTo>
                  <a:lnTo>
                    <a:pt x="273826" y="222249"/>
                  </a:lnTo>
                  <a:lnTo>
                    <a:pt x="280559" y="219709"/>
                  </a:lnTo>
                  <a:lnTo>
                    <a:pt x="287616" y="215899"/>
                  </a:lnTo>
                  <a:lnTo>
                    <a:pt x="301505" y="215899"/>
                  </a:lnTo>
                  <a:lnTo>
                    <a:pt x="304152" y="212089"/>
                  </a:lnTo>
                  <a:lnTo>
                    <a:pt x="300685" y="209549"/>
                  </a:lnTo>
                  <a:lnTo>
                    <a:pt x="311710" y="203199"/>
                  </a:lnTo>
                  <a:lnTo>
                    <a:pt x="321813" y="196849"/>
                  </a:lnTo>
                  <a:lnTo>
                    <a:pt x="330994" y="190499"/>
                  </a:lnTo>
                  <a:lnTo>
                    <a:pt x="339255" y="182879"/>
                  </a:lnTo>
                  <a:lnTo>
                    <a:pt x="330962" y="175259"/>
                  </a:lnTo>
                  <a:close/>
                </a:path>
                <a:path w="403225" h="342900">
                  <a:moveTo>
                    <a:pt x="204258" y="176529"/>
                  </a:moveTo>
                  <a:lnTo>
                    <a:pt x="184518" y="176529"/>
                  </a:lnTo>
                  <a:lnTo>
                    <a:pt x="154825" y="218439"/>
                  </a:lnTo>
                  <a:lnTo>
                    <a:pt x="164757" y="224789"/>
                  </a:lnTo>
                  <a:lnTo>
                    <a:pt x="195097" y="181609"/>
                  </a:lnTo>
                  <a:lnTo>
                    <a:pt x="204733" y="181609"/>
                  </a:lnTo>
                  <a:lnTo>
                    <a:pt x="204503" y="180339"/>
                  </a:lnTo>
                  <a:lnTo>
                    <a:pt x="204421" y="179069"/>
                  </a:lnTo>
                  <a:lnTo>
                    <a:pt x="204339" y="177799"/>
                  </a:lnTo>
                  <a:lnTo>
                    <a:pt x="204258" y="176529"/>
                  </a:lnTo>
                  <a:close/>
                </a:path>
                <a:path w="403225" h="342900">
                  <a:moveTo>
                    <a:pt x="219589" y="172719"/>
                  </a:moveTo>
                  <a:lnTo>
                    <a:pt x="204012" y="172719"/>
                  </a:lnTo>
                  <a:lnTo>
                    <a:pt x="254609" y="208279"/>
                  </a:lnTo>
                  <a:lnTo>
                    <a:pt x="259943" y="200659"/>
                  </a:lnTo>
                  <a:lnTo>
                    <a:pt x="234950" y="182879"/>
                  </a:lnTo>
                  <a:lnTo>
                    <a:pt x="242398" y="180339"/>
                  </a:lnTo>
                  <a:lnTo>
                    <a:pt x="249370" y="176529"/>
                  </a:lnTo>
                  <a:lnTo>
                    <a:pt x="224713" y="176529"/>
                  </a:lnTo>
                  <a:lnTo>
                    <a:pt x="219589" y="172719"/>
                  </a:lnTo>
                  <a:close/>
                </a:path>
                <a:path w="403225" h="342900">
                  <a:moveTo>
                    <a:pt x="156729" y="179069"/>
                  </a:moveTo>
                  <a:lnTo>
                    <a:pt x="136174" y="179069"/>
                  </a:lnTo>
                  <a:lnTo>
                    <a:pt x="146456" y="180339"/>
                  </a:lnTo>
                  <a:lnTo>
                    <a:pt x="156729" y="179069"/>
                  </a:lnTo>
                  <a:close/>
                </a:path>
                <a:path w="403225" h="342900">
                  <a:moveTo>
                    <a:pt x="108610" y="166369"/>
                  </a:moveTo>
                  <a:lnTo>
                    <a:pt x="108518" y="168909"/>
                  </a:lnTo>
                  <a:lnTo>
                    <a:pt x="108426" y="171449"/>
                  </a:lnTo>
                  <a:lnTo>
                    <a:pt x="108334" y="173989"/>
                  </a:lnTo>
                  <a:lnTo>
                    <a:pt x="108242" y="176529"/>
                  </a:lnTo>
                  <a:lnTo>
                    <a:pt x="126377" y="179069"/>
                  </a:lnTo>
                  <a:lnTo>
                    <a:pt x="166497" y="179069"/>
                  </a:lnTo>
                  <a:lnTo>
                    <a:pt x="184518" y="176529"/>
                  </a:lnTo>
                  <a:lnTo>
                    <a:pt x="204258" y="176529"/>
                  </a:lnTo>
                  <a:lnTo>
                    <a:pt x="204176" y="175259"/>
                  </a:lnTo>
                  <a:lnTo>
                    <a:pt x="204094" y="173989"/>
                  </a:lnTo>
                  <a:lnTo>
                    <a:pt x="204012" y="172719"/>
                  </a:lnTo>
                  <a:lnTo>
                    <a:pt x="219589" y="172719"/>
                  </a:lnTo>
                  <a:lnTo>
                    <a:pt x="214464" y="168909"/>
                  </a:lnTo>
                  <a:lnTo>
                    <a:pt x="119428" y="168909"/>
                  </a:lnTo>
                  <a:lnTo>
                    <a:pt x="108610" y="166369"/>
                  </a:lnTo>
                  <a:close/>
                </a:path>
                <a:path w="403225" h="342900">
                  <a:moveTo>
                    <a:pt x="254139" y="161289"/>
                  </a:moveTo>
                  <a:lnTo>
                    <a:pt x="248136" y="165099"/>
                  </a:lnTo>
                  <a:lnTo>
                    <a:pt x="241231" y="167639"/>
                  </a:lnTo>
                  <a:lnTo>
                    <a:pt x="233424" y="171449"/>
                  </a:lnTo>
                  <a:lnTo>
                    <a:pt x="224713" y="176529"/>
                  </a:lnTo>
                  <a:lnTo>
                    <a:pt x="249370" y="176529"/>
                  </a:lnTo>
                  <a:lnTo>
                    <a:pt x="255866" y="173989"/>
                  </a:lnTo>
                  <a:lnTo>
                    <a:pt x="261886" y="170179"/>
                  </a:lnTo>
                  <a:lnTo>
                    <a:pt x="254139" y="161289"/>
                  </a:lnTo>
                  <a:close/>
                </a:path>
                <a:path w="403225" h="342900">
                  <a:moveTo>
                    <a:pt x="147523" y="121919"/>
                  </a:moveTo>
                  <a:lnTo>
                    <a:pt x="142189" y="129539"/>
                  </a:lnTo>
                  <a:lnTo>
                    <a:pt x="189992" y="162559"/>
                  </a:lnTo>
                  <a:lnTo>
                    <a:pt x="182900" y="165099"/>
                  </a:lnTo>
                  <a:lnTo>
                    <a:pt x="174466" y="166369"/>
                  </a:lnTo>
                  <a:lnTo>
                    <a:pt x="164688" y="167639"/>
                  </a:lnTo>
                  <a:lnTo>
                    <a:pt x="153568" y="168909"/>
                  </a:lnTo>
                  <a:lnTo>
                    <a:pt x="214464" y="168909"/>
                  </a:lnTo>
                  <a:lnTo>
                    <a:pt x="207632" y="163829"/>
                  </a:lnTo>
                  <a:lnTo>
                    <a:pt x="212151" y="157479"/>
                  </a:lnTo>
                  <a:lnTo>
                    <a:pt x="197700" y="157479"/>
                  </a:lnTo>
                  <a:lnTo>
                    <a:pt x="181356" y="146049"/>
                  </a:lnTo>
                  <a:lnTo>
                    <a:pt x="182777" y="138429"/>
                  </a:lnTo>
                  <a:lnTo>
                    <a:pt x="170815" y="138429"/>
                  </a:lnTo>
                  <a:lnTo>
                    <a:pt x="147523" y="121919"/>
                  </a:lnTo>
                  <a:close/>
                </a:path>
                <a:path w="403225" h="342900">
                  <a:moveTo>
                    <a:pt x="244595" y="134619"/>
                  </a:moveTo>
                  <a:lnTo>
                    <a:pt x="228422" y="134619"/>
                  </a:lnTo>
                  <a:lnTo>
                    <a:pt x="276148" y="167639"/>
                  </a:lnTo>
                  <a:lnTo>
                    <a:pt x="281317" y="160019"/>
                  </a:lnTo>
                  <a:lnTo>
                    <a:pt x="244595" y="134619"/>
                  </a:lnTo>
                  <a:close/>
                </a:path>
                <a:path w="403225" h="342900">
                  <a:moveTo>
                    <a:pt x="58102" y="135889"/>
                  </a:moveTo>
                  <a:lnTo>
                    <a:pt x="53289" y="144779"/>
                  </a:lnTo>
                  <a:lnTo>
                    <a:pt x="70116" y="157479"/>
                  </a:lnTo>
                  <a:lnTo>
                    <a:pt x="76403" y="160019"/>
                  </a:lnTo>
                  <a:lnTo>
                    <a:pt x="82740" y="160019"/>
                  </a:lnTo>
                  <a:lnTo>
                    <a:pt x="85305" y="158749"/>
                  </a:lnTo>
                  <a:lnTo>
                    <a:pt x="93112" y="147319"/>
                  </a:lnTo>
                  <a:lnTo>
                    <a:pt x="74612" y="147319"/>
                  </a:lnTo>
                  <a:lnTo>
                    <a:pt x="73088" y="146049"/>
                  </a:lnTo>
                  <a:lnTo>
                    <a:pt x="71793" y="146049"/>
                  </a:lnTo>
                  <a:lnTo>
                    <a:pt x="58102" y="135889"/>
                  </a:lnTo>
                  <a:close/>
                </a:path>
                <a:path w="403225" h="342900">
                  <a:moveTo>
                    <a:pt x="177126" y="87629"/>
                  </a:moveTo>
                  <a:lnTo>
                    <a:pt x="171958" y="95249"/>
                  </a:lnTo>
                  <a:lnTo>
                    <a:pt x="218478" y="126999"/>
                  </a:lnTo>
                  <a:lnTo>
                    <a:pt x="197700" y="157479"/>
                  </a:lnTo>
                  <a:lnTo>
                    <a:pt x="212151" y="157479"/>
                  </a:lnTo>
                  <a:lnTo>
                    <a:pt x="228422" y="134619"/>
                  </a:lnTo>
                  <a:lnTo>
                    <a:pt x="244595" y="134619"/>
                  </a:lnTo>
                  <a:lnTo>
                    <a:pt x="233578" y="126999"/>
                  </a:lnTo>
                  <a:lnTo>
                    <a:pt x="238080" y="120649"/>
                  </a:lnTo>
                  <a:lnTo>
                    <a:pt x="223647" y="120649"/>
                  </a:lnTo>
                  <a:lnTo>
                    <a:pt x="177126" y="87629"/>
                  </a:lnTo>
                  <a:close/>
                </a:path>
                <a:path w="403225" h="342900">
                  <a:moveTo>
                    <a:pt x="54241" y="69849"/>
                  </a:moveTo>
                  <a:lnTo>
                    <a:pt x="49085" y="77469"/>
                  </a:lnTo>
                  <a:lnTo>
                    <a:pt x="101511" y="114299"/>
                  </a:lnTo>
                  <a:lnTo>
                    <a:pt x="79400" y="146049"/>
                  </a:lnTo>
                  <a:lnTo>
                    <a:pt x="78117" y="146049"/>
                  </a:lnTo>
                  <a:lnTo>
                    <a:pt x="76365" y="147319"/>
                  </a:lnTo>
                  <a:lnTo>
                    <a:pt x="93112" y="147319"/>
                  </a:lnTo>
                  <a:lnTo>
                    <a:pt x="111328" y="120649"/>
                  </a:lnTo>
                  <a:lnTo>
                    <a:pt x="126421" y="120649"/>
                  </a:lnTo>
                  <a:lnTo>
                    <a:pt x="116497" y="114299"/>
                  </a:lnTo>
                  <a:lnTo>
                    <a:pt x="121412" y="106679"/>
                  </a:lnTo>
                  <a:lnTo>
                    <a:pt x="106680" y="106679"/>
                  </a:lnTo>
                  <a:lnTo>
                    <a:pt x="54241" y="69849"/>
                  </a:lnTo>
                  <a:close/>
                </a:path>
                <a:path w="403225" h="342900">
                  <a:moveTo>
                    <a:pt x="175615" y="110489"/>
                  </a:moveTo>
                  <a:lnTo>
                    <a:pt x="174901" y="115569"/>
                  </a:lnTo>
                  <a:lnTo>
                    <a:pt x="173863" y="121919"/>
                  </a:lnTo>
                  <a:lnTo>
                    <a:pt x="172500" y="129539"/>
                  </a:lnTo>
                  <a:lnTo>
                    <a:pt x="170815" y="138429"/>
                  </a:lnTo>
                  <a:lnTo>
                    <a:pt x="182777" y="138429"/>
                  </a:lnTo>
                  <a:lnTo>
                    <a:pt x="183251" y="135889"/>
                  </a:lnTo>
                  <a:lnTo>
                    <a:pt x="184781" y="126999"/>
                  </a:lnTo>
                  <a:lnTo>
                    <a:pt x="185945" y="120649"/>
                  </a:lnTo>
                  <a:lnTo>
                    <a:pt x="186740" y="114299"/>
                  </a:lnTo>
                  <a:lnTo>
                    <a:pt x="175615" y="110489"/>
                  </a:lnTo>
                  <a:close/>
                </a:path>
                <a:path w="403225" h="342900">
                  <a:moveTo>
                    <a:pt x="126421" y="120649"/>
                  </a:moveTo>
                  <a:lnTo>
                    <a:pt x="111328" y="120649"/>
                  </a:lnTo>
                  <a:lnTo>
                    <a:pt x="125234" y="130809"/>
                  </a:lnTo>
                  <a:lnTo>
                    <a:pt x="130390" y="123189"/>
                  </a:lnTo>
                  <a:lnTo>
                    <a:pt x="126421" y="120649"/>
                  </a:lnTo>
                  <a:close/>
                </a:path>
                <a:path w="403225" h="342900">
                  <a:moveTo>
                    <a:pt x="60706" y="92709"/>
                  </a:moveTo>
                  <a:lnTo>
                    <a:pt x="49707" y="92709"/>
                  </a:lnTo>
                  <a:lnTo>
                    <a:pt x="50115" y="99059"/>
                  </a:lnTo>
                  <a:lnTo>
                    <a:pt x="50177" y="123189"/>
                  </a:lnTo>
                  <a:lnTo>
                    <a:pt x="62014" y="124459"/>
                  </a:lnTo>
                  <a:lnTo>
                    <a:pt x="61887" y="120649"/>
                  </a:lnTo>
                  <a:lnTo>
                    <a:pt x="61760" y="116839"/>
                  </a:lnTo>
                  <a:lnTo>
                    <a:pt x="61675" y="114299"/>
                  </a:lnTo>
                  <a:lnTo>
                    <a:pt x="61131" y="101599"/>
                  </a:lnTo>
                  <a:lnTo>
                    <a:pt x="60832" y="95249"/>
                  </a:lnTo>
                  <a:lnTo>
                    <a:pt x="60706" y="92709"/>
                  </a:lnTo>
                  <a:close/>
                </a:path>
                <a:path w="403225" h="342900">
                  <a:moveTo>
                    <a:pt x="232638" y="106679"/>
                  </a:moveTo>
                  <a:lnTo>
                    <a:pt x="223647" y="120649"/>
                  </a:lnTo>
                  <a:lnTo>
                    <a:pt x="238080" y="120649"/>
                  </a:lnTo>
                  <a:lnTo>
                    <a:pt x="242582" y="114299"/>
                  </a:lnTo>
                  <a:lnTo>
                    <a:pt x="232638" y="106679"/>
                  </a:lnTo>
                  <a:close/>
                </a:path>
                <a:path w="403225" h="342900">
                  <a:moveTo>
                    <a:pt x="2324" y="54609"/>
                  </a:moveTo>
                  <a:lnTo>
                    <a:pt x="0" y="66039"/>
                  </a:lnTo>
                  <a:lnTo>
                    <a:pt x="6972" y="66039"/>
                  </a:lnTo>
                  <a:lnTo>
                    <a:pt x="14516" y="67309"/>
                  </a:lnTo>
                  <a:lnTo>
                    <a:pt x="31318" y="67309"/>
                  </a:lnTo>
                  <a:lnTo>
                    <a:pt x="736" y="110489"/>
                  </a:lnTo>
                  <a:lnTo>
                    <a:pt x="10248" y="116839"/>
                  </a:lnTo>
                  <a:lnTo>
                    <a:pt x="52059" y="57149"/>
                  </a:lnTo>
                  <a:lnTo>
                    <a:pt x="18408" y="57149"/>
                  </a:lnTo>
                  <a:lnTo>
                    <a:pt x="9903" y="55879"/>
                  </a:lnTo>
                  <a:lnTo>
                    <a:pt x="2324" y="54609"/>
                  </a:lnTo>
                  <a:close/>
                </a:path>
                <a:path w="403225" h="342900">
                  <a:moveTo>
                    <a:pt x="114871" y="95249"/>
                  </a:moveTo>
                  <a:lnTo>
                    <a:pt x="106680" y="106679"/>
                  </a:lnTo>
                  <a:lnTo>
                    <a:pt x="121412" y="106679"/>
                  </a:lnTo>
                  <a:lnTo>
                    <a:pt x="124688" y="101599"/>
                  </a:lnTo>
                  <a:lnTo>
                    <a:pt x="114871" y="95249"/>
                  </a:lnTo>
                  <a:close/>
                </a:path>
                <a:path w="403225" h="342900">
                  <a:moveTo>
                    <a:pt x="147078" y="68579"/>
                  </a:moveTo>
                  <a:lnTo>
                    <a:pt x="136448" y="74929"/>
                  </a:lnTo>
                  <a:lnTo>
                    <a:pt x="126772" y="80009"/>
                  </a:lnTo>
                  <a:lnTo>
                    <a:pt x="118051" y="83819"/>
                  </a:lnTo>
                  <a:lnTo>
                    <a:pt x="110286" y="86359"/>
                  </a:lnTo>
                  <a:lnTo>
                    <a:pt x="116039" y="95249"/>
                  </a:lnTo>
                  <a:lnTo>
                    <a:pt x="122622" y="93979"/>
                  </a:lnTo>
                  <a:lnTo>
                    <a:pt x="131187" y="90169"/>
                  </a:lnTo>
                  <a:lnTo>
                    <a:pt x="141739" y="85089"/>
                  </a:lnTo>
                  <a:lnTo>
                    <a:pt x="154279" y="78739"/>
                  </a:lnTo>
                  <a:lnTo>
                    <a:pt x="147078" y="68579"/>
                  </a:lnTo>
                  <a:close/>
                </a:path>
                <a:path w="403225" h="342900">
                  <a:moveTo>
                    <a:pt x="106451" y="48259"/>
                  </a:moveTo>
                  <a:lnTo>
                    <a:pt x="104944" y="53339"/>
                  </a:lnTo>
                  <a:lnTo>
                    <a:pt x="102843" y="59689"/>
                  </a:lnTo>
                  <a:lnTo>
                    <a:pt x="100148" y="66039"/>
                  </a:lnTo>
                  <a:lnTo>
                    <a:pt x="96862" y="74929"/>
                  </a:lnTo>
                  <a:lnTo>
                    <a:pt x="107048" y="78739"/>
                  </a:lnTo>
                  <a:lnTo>
                    <a:pt x="109038" y="73659"/>
                  </a:lnTo>
                  <a:lnTo>
                    <a:pt x="111275" y="68579"/>
                  </a:lnTo>
                  <a:lnTo>
                    <a:pt x="113758" y="60959"/>
                  </a:lnTo>
                  <a:lnTo>
                    <a:pt x="116484" y="52069"/>
                  </a:lnTo>
                  <a:lnTo>
                    <a:pt x="106451" y="48259"/>
                  </a:lnTo>
                  <a:close/>
                </a:path>
                <a:path w="403225" h="342900">
                  <a:moveTo>
                    <a:pt x="79349" y="38099"/>
                  </a:moveTo>
                  <a:lnTo>
                    <a:pt x="77780" y="43179"/>
                  </a:lnTo>
                  <a:lnTo>
                    <a:pt x="75647" y="49529"/>
                  </a:lnTo>
                  <a:lnTo>
                    <a:pt x="72952" y="57149"/>
                  </a:lnTo>
                  <a:lnTo>
                    <a:pt x="69697" y="64769"/>
                  </a:lnTo>
                  <a:lnTo>
                    <a:pt x="80048" y="69849"/>
                  </a:lnTo>
                  <a:lnTo>
                    <a:pt x="82950" y="62229"/>
                  </a:lnTo>
                  <a:lnTo>
                    <a:pt x="85542" y="55879"/>
                  </a:lnTo>
                  <a:lnTo>
                    <a:pt x="87822" y="49529"/>
                  </a:lnTo>
                  <a:lnTo>
                    <a:pt x="89789" y="41909"/>
                  </a:lnTo>
                  <a:lnTo>
                    <a:pt x="79349" y="38099"/>
                  </a:lnTo>
                  <a:close/>
                </a:path>
                <a:path w="403225" h="342900">
                  <a:moveTo>
                    <a:pt x="90081" y="19049"/>
                  </a:moveTo>
                  <a:lnTo>
                    <a:pt x="86220" y="26669"/>
                  </a:lnTo>
                  <a:lnTo>
                    <a:pt x="93821" y="31749"/>
                  </a:lnTo>
                  <a:lnTo>
                    <a:pt x="102831" y="38099"/>
                  </a:lnTo>
                  <a:lnTo>
                    <a:pt x="113252" y="44449"/>
                  </a:lnTo>
                  <a:lnTo>
                    <a:pt x="136778" y="57149"/>
                  </a:lnTo>
                  <a:lnTo>
                    <a:pt x="146797" y="62229"/>
                  </a:lnTo>
                  <a:lnTo>
                    <a:pt x="155137" y="67309"/>
                  </a:lnTo>
                  <a:lnTo>
                    <a:pt x="161798" y="69849"/>
                  </a:lnTo>
                  <a:lnTo>
                    <a:pt x="162826" y="60959"/>
                  </a:lnTo>
                  <a:lnTo>
                    <a:pt x="149522" y="54609"/>
                  </a:lnTo>
                  <a:lnTo>
                    <a:pt x="132964" y="45719"/>
                  </a:lnTo>
                  <a:lnTo>
                    <a:pt x="113150" y="33019"/>
                  </a:lnTo>
                  <a:lnTo>
                    <a:pt x="90081" y="19049"/>
                  </a:lnTo>
                  <a:close/>
                </a:path>
                <a:path w="403225" h="342900">
                  <a:moveTo>
                    <a:pt x="78130" y="0"/>
                  </a:moveTo>
                  <a:lnTo>
                    <a:pt x="38188" y="57149"/>
                  </a:lnTo>
                  <a:lnTo>
                    <a:pt x="52059" y="57149"/>
                  </a:lnTo>
                  <a:lnTo>
                    <a:pt x="87642" y="6349"/>
                  </a:lnTo>
                  <a:lnTo>
                    <a:pt x="78130" y="0"/>
                  </a:lnTo>
                  <a:close/>
                </a:path>
                <a:path w="403225" h="342900">
                  <a:moveTo>
                    <a:pt x="45542" y="1269"/>
                  </a:moveTo>
                  <a:lnTo>
                    <a:pt x="41215" y="11429"/>
                  </a:lnTo>
                  <a:lnTo>
                    <a:pt x="37282" y="20319"/>
                  </a:lnTo>
                  <a:lnTo>
                    <a:pt x="33742" y="26669"/>
                  </a:lnTo>
                  <a:lnTo>
                    <a:pt x="30594" y="33019"/>
                  </a:lnTo>
                  <a:lnTo>
                    <a:pt x="40754" y="38099"/>
                  </a:lnTo>
                  <a:lnTo>
                    <a:pt x="46135" y="27939"/>
                  </a:lnTo>
                  <a:lnTo>
                    <a:pt x="50430" y="19049"/>
                  </a:lnTo>
                  <a:lnTo>
                    <a:pt x="55752" y="6349"/>
                  </a:lnTo>
                  <a:lnTo>
                    <a:pt x="45542" y="1269"/>
                  </a:lnTo>
                  <a:close/>
                </a:path>
              </a:pathLst>
            </a:custGeom>
            <a:solidFill>
              <a:srgbClr val="000000"/>
            </a:solidFill>
          </p:spPr>
          <p:txBody>
            <a:bodyPr wrap="square" lIns="0" tIns="0" rIns="0" bIns="0" rtlCol="0"/>
            <a:lstStyle/>
            <a:p>
              <a:endParaRPr/>
            </a:p>
          </p:txBody>
        </p:sp>
        <p:sp>
          <p:nvSpPr>
            <p:cNvPr id="24" name="object 24"/>
            <p:cNvSpPr/>
            <p:nvPr/>
          </p:nvSpPr>
          <p:spPr>
            <a:xfrm>
              <a:off x="6052565" y="3729629"/>
              <a:ext cx="1232535" cy="1257935"/>
            </a:xfrm>
            <a:custGeom>
              <a:avLst/>
              <a:gdLst/>
              <a:ahLst/>
              <a:cxnLst/>
              <a:rect l="l" t="t" r="r" b="b"/>
              <a:pathLst>
                <a:path w="1232534" h="1257935">
                  <a:moveTo>
                    <a:pt x="0" y="1257719"/>
                  </a:moveTo>
                  <a:lnTo>
                    <a:pt x="1232535" y="0"/>
                  </a:lnTo>
                </a:path>
              </a:pathLst>
            </a:custGeom>
            <a:ln w="19812">
              <a:solidFill>
                <a:srgbClr val="000000"/>
              </a:solidFill>
            </a:ln>
          </p:spPr>
          <p:txBody>
            <a:bodyPr wrap="square" lIns="0" tIns="0" rIns="0" bIns="0" rtlCol="0"/>
            <a:lstStyle/>
            <a:p>
              <a:endParaRPr/>
            </a:p>
          </p:txBody>
        </p:sp>
        <p:sp>
          <p:nvSpPr>
            <p:cNvPr id="25" name="object 25"/>
            <p:cNvSpPr/>
            <p:nvPr/>
          </p:nvSpPr>
          <p:spPr>
            <a:xfrm>
              <a:off x="7248989" y="3684272"/>
              <a:ext cx="80645" cy="81280"/>
            </a:xfrm>
            <a:custGeom>
              <a:avLst/>
              <a:gdLst/>
              <a:ahLst/>
              <a:cxnLst/>
              <a:rect l="l" t="t" r="r" b="b"/>
              <a:pathLst>
                <a:path w="80645" h="81279">
                  <a:moveTo>
                    <a:pt x="80556" y="0"/>
                  </a:moveTo>
                  <a:lnTo>
                    <a:pt x="0" y="27762"/>
                  </a:lnTo>
                  <a:lnTo>
                    <a:pt x="54432" y="81089"/>
                  </a:lnTo>
                  <a:lnTo>
                    <a:pt x="80556" y="0"/>
                  </a:lnTo>
                  <a:close/>
                </a:path>
              </a:pathLst>
            </a:custGeom>
            <a:solidFill>
              <a:srgbClr val="000000"/>
            </a:solidFill>
          </p:spPr>
          <p:txBody>
            <a:bodyPr wrap="square" lIns="0" tIns="0" rIns="0" bIns="0" rtlCol="0"/>
            <a:lstStyle/>
            <a:p>
              <a:endParaRPr/>
            </a:p>
          </p:txBody>
        </p:sp>
        <p:sp>
          <p:nvSpPr>
            <p:cNvPr id="26" name="object 26"/>
            <p:cNvSpPr/>
            <p:nvPr/>
          </p:nvSpPr>
          <p:spPr>
            <a:xfrm>
              <a:off x="7514081" y="3996075"/>
              <a:ext cx="109855" cy="473075"/>
            </a:xfrm>
            <a:custGeom>
              <a:avLst/>
              <a:gdLst/>
              <a:ahLst/>
              <a:cxnLst/>
              <a:rect l="l" t="t" r="r" b="b"/>
              <a:pathLst>
                <a:path w="109854" h="473075">
                  <a:moveTo>
                    <a:pt x="0" y="473024"/>
                  </a:moveTo>
                  <a:lnTo>
                    <a:pt x="109258" y="0"/>
                  </a:lnTo>
                </a:path>
              </a:pathLst>
            </a:custGeom>
            <a:ln w="19812">
              <a:solidFill>
                <a:srgbClr val="000000"/>
              </a:solidFill>
            </a:ln>
          </p:spPr>
          <p:txBody>
            <a:bodyPr wrap="square" lIns="0" tIns="0" rIns="0" bIns="0" rtlCol="0"/>
            <a:lstStyle/>
            <a:p>
              <a:endParaRPr/>
            </a:p>
          </p:txBody>
        </p:sp>
        <p:sp>
          <p:nvSpPr>
            <p:cNvPr id="27" name="object 27"/>
            <p:cNvSpPr/>
            <p:nvPr/>
          </p:nvSpPr>
          <p:spPr>
            <a:xfrm>
              <a:off x="7583361" y="3934207"/>
              <a:ext cx="74295" cy="83185"/>
            </a:xfrm>
            <a:custGeom>
              <a:avLst/>
              <a:gdLst/>
              <a:ahLst/>
              <a:cxnLst/>
              <a:rect l="l" t="t" r="r" b="b"/>
              <a:pathLst>
                <a:path w="74295" h="83185">
                  <a:moveTo>
                    <a:pt x="54267" y="0"/>
                  </a:moveTo>
                  <a:lnTo>
                    <a:pt x="0" y="65671"/>
                  </a:lnTo>
                  <a:lnTo>
                    <a:pt x="74244" y="82816"/>
                  </a:lnTo>
                  <a:lnTo>
                    <a:pt x="54267" y="0"/>
                  </a:lnTo>
                  <a:close/>
                </a:path>
              </a:pathLst>
            </a:custGeom>
            <a:solidFill>
              <a:srgbClr val="000000"/>
            </a:solidFill>
          </p:spPr>
          <p:txBody>
            <a:bodyPr wrap="square" lIns="0" tIns="0" rIns="0" bIns="0" rtlCol="0"/>
            <a:lstStyle/>
            <a:p>
              <a:endParaRPr/>
            </a:p>
          </p:txBody>
        </p:sp>
        <p:sp>
          <p:nvSpPr>
            <p:cNvPr id="28" name="object 28"/>
            <p:cNvSpPr/>
            <p:nvPr/>
          </p:nvSpPr>
          <p:spPr>
            <a:xfrm>
              <a:off x="7056881" y="3885507"/>
              <a:ext cx="356870" cy="692785"/>
            </a:xfrm>
            <a:custGeom>
              <a:avLst/>
              <a:gdLst/>
              <a:ahLst/>
              <a:cxnLst/>
              <a:rect l="l" t="t" r="r" b="b"/>
              <a:pathLst>
                <a:path w="356870" h="692785">
                  <a:moveTo>
                    <a:pt x="0" y="692454"/>
                  </a:moveTo>
                  <a:lnTo>
                    <a:pt x="356616" y="0"/>
                  </a:lnTo>
                </a:path>
              </a:pathLst>
            </a:custGeom>
            <a:ln w="19812">
              <a:solidFill>
                <a:srgbClr val="000000"/>
              </a:solidFill>
            </a:ln>
          </p:spPr>
          <p:txBody>
            <a:bodyPr wrap="square" lIns="0" tIns="0" rIns="0" bIns="0" rtlCol="0"/>
            <a:lstStyle/>
            <a:p>
              <a:endParaRPr/>
            </a:p>
          </p:txBody>
        </p:sp>
        <p:sp>
          <p:nvSpPr>
            <p:cNvPr id="29" name="object 29"/>
            <p:cNvSpPr/>
            <p:nvPr/>
          </p:nvSpPr>
          <p:spPr>
            <a:xfrm>
              <a:off x="7373812" y="3829046"/>
              <a:ext cx="69215" cy="85725"/>
            </a:xfrm>
            <a:custGeom>
              <a:avLst/>
              <a:gdLst/>
              <a:ahLst/>
              <a:cxnLst/>
              <a:rect l="l" t="t" r="r" b="b"/>
              <a:pathLst>
                <a:path w="69215" h="85725">
                  <a:moveTo>
                    <a:pt x="68757" y="0"/>
                  </a:moveTo>
                  <a:lnTo>
                    <a:pt x="0" y="50304"/>
                  </a:lnTo>
                  <a:lnTo>
                    <a:pt x="67741" y="85191"/>
                  </a:lnTo>
                  <a:lnTo>
                    <a:pt x="68757" y="0"/>
                  </a:lnTo>
                  <a:close/>
                </a:path>
              </a:pathLst>
            </a:custGeom>
            <a:solidFill>
              <a:srgbClr val="000000"/>
            </a:solidFill>
          </p:spPr>
          <p:txBody>
            <a:bodyPr wrap="square" lIns="0" tIns="0" rIns="0" bIns="0" rtlCol="0"/>
            <a:lstStyle/>
            <a:p>
              <a:endParaRPr/>
            </a:p>
          </p:txBody>
        </p:sp>
        <p:sp>
          <p:nvSpPr>
            <p:cNvPr id="30" name="object 30"/>
            <p:cNvSpPr/>
            <p:nvPr/>
          </p:nvSpPr>
          <p:spPr>
            <a:xfrm>
              <a:off x="6159245" y="3839684"/>
              <a:ext cx="575945" cy="173355"/>
            </a:xfrm>
            <a:custGeom>
              <a:avLst/>
              <a:gdLst/>
              <a:ahLst/>
              <a:cxnLst/>
              <a:rect l="l" t="t" r="r" b="b"/>
              <a:pathLst>
                <a:path w="575945" h="173354">
                  <a:moveTo>
                    <a:pt x="0" y="172732"/>
                  </a:moveTo>
                  <a:lnTo>
                    <a:pt x="575335" y="0"/>
                  </a:lnTo>
                </a:path>
              </a:pathLst>
            </a:custGeom>
            <a:ln w="19812">
              <a:solidFill>
                <a:srgbClr val="000000"/>
              </a:solidFill>
            </a:ln>
          </p:spPr>
          <p:txBody>
            <a:bodyPr wrap="square" lIns="0" tIns="0" rIns="0" bIns="0" rtlCol="0"/>
            <a:lstStyle/>
            <a:p>
              <a:endParaRPr/>
            </a:p>
          </p:txBody>
        </p:sp>
        <p:sp>
          <p:nvSpPr>
            <p:cNvPr id="31" name="object 31"/>
            <p:cNvSpPr/>
            <p:nvPr/>
          </p:nvSpPr>
          <p:spPr>
            <a:xfrm>
              <a:off x="6711468" y="3806847"/>
              <a:ext cx="84455" cy="73025"/>
            </a:xfrm>
            <a:custGeom>
              <a:avLst/>
              <a:gdLst/>
              <a:ahLst/>
              <a:cxnLst/>
              <a:rect l="l" t="t" r="r" b="b"/>
              <a:pathLst>
                <a:path w="84454" h="73025">
                  <a:moveTo>
                    <a:pt x="0" y="0"/>
                  </a:moveTo>
                  <a:lnTo>
                    <a:pt x="21907" y="72986"/>
                  </a:lnTo>
                  <a:lnTo>
                    <a:pt x="83934" y="14579"/>
                  </a:lnTo>
                  <a:lnTo>
                    <a:pt x="0" y="0"/>
                  </a:lnTo>
                  <a:close/>
                </a:path>
              </a:pathLst>
            </a:custGeom>
            <a:solidFill>
              <a:srgbClr val="000000"/>
            </a:solidFill>
          </p:spPr>
          <p:txBody>
            <a:bodyPr wrap="square" lIns="0" tIns="0" rIns="0" bIns="0" rtlCol="0"/>
            <a:lstStyle/>
            <a:p>
              <a:endParaRPr/>
            </a:p>
          </p:txBody>
        </p:sp>
        <p:sp>
          <p:nvSpPr>
            <p:cNvPr id="32" name="object 32"/>
            <p:cNvSpPr/>
            <p:nvPr/>
          </p:nvSpPr>
          <p:spPr>
            <a:xfrm>
              <a:off x="6540245" y="3391546"/>
              <a:ext cx="332740" cy="40005"/>
            </a:xfrm>
            <a:custGeom>
              <a:avLst/>
              <a:gdLst/>
              <a:ahLst/>
              <a:cxnLst/>
              <a:rect l="l" t="t" r="r" b="b"/>
              <a:pathLst>
                <a:path w="332740" h="40004">
                  <a:moveTo>
                    <a:pt x="0" y="39585"/>
                  </a:moveTo>
                  <a:lnTo>
                    <a:pt x="332524" y="0"/>
                  </a:lnTo>
                </a:path>
              </a:pathLst>
            </a:custGeom>
            <a:ln w="19812">
              <a:solidFill>
                <a:srgbClr val="000000"/>
              </a:solidFill>
            </a:ln>
          </p:spPr>
          <p:txBody>
            <a:bodyPr wrap="square" lIns="0" tIns="0" rIns="0" bIns="0" rtlCol="0"/>
            <a:lstStyle/>
            <a:p>
              <a:endParaRPr/>
            </a:p>
          </p:txBody>
        </p:sp>
        <p:sp>
          <p:nvSpPr>
            <p:cNvPr id="33" name="object 33"/>
            <p:cNvSpPr/>
            <p:nvPr/>
          </p:nvSpPr>
          <p:spPr>
            <a:xfrm>
              <a:off x="6855644" y="3355219"/>
              <a:ext cx="80645" cy="76200"/>
            </a:xfrm>
            <a:custGeom>
              <a:avLst/>
              <a:gdLst/>
              <a:ahLst/>
              <a:cxnLst/>
              <a:rect l="l" t="t" r="r" b="b"/>
              <a:pathLst>
                <a:path w="80645" h="76200">
                  <a:moveTo>
                    <a:pt x="0" y="0"/>
                  </a:moveTo>
                  <a:lnTo>
                    <a:pt x="9017" y="75666"/>
                  </a:lnTo>
                  <a:lnTo>
                    <a:pt x="80175" y="28829"/>
                  </a:lnTo>
                  <a:lnTo>
                    <a:pt x="0" y="0"/>
                  </a:lnTo>
                  <a:close/>
                </a:path>
              </a:pathLst>
            </a:custGeom>
            <a:solidFill>
              <a:srgbClr val="000000"/>
            </a:solidFill>
          </p:spPr>
          <p:txBody>
            <a:bodyPr wrap="square" lIns="0" tIns="0" rIns="0" bIns="0" rtlCol="0"/>
            <a:lstStyle/>
            <a:p>
              <a:endParaRPr/>
            </a:p>
          </p:txBody>
        </p:sp>
        <p:sp>
          <p:nvSpPr>
            <p:cNvPr id="34" name="object 34"/>
            <p:cNvSpPr/>
            <p:nvPr/>
          </p:nvSpPr>
          <p:spPr>
            <a:xfrm>
              <a:off x="5990068" y="3700898"/>
              <a:ext cx="1040765" cy="1480185"/>
            </a:xfrm>
            <a:custGeom>
              <a:avLst/>
              <a:gdLst/>
              <a:ahLst/>
              <a:cxnLst/>
              <a:rect l="l" t="t" r="r" b="b"/>
              <a:pathLst>
                <a:path w="1040765" h="1480185">
                  <a:moveTo>
                    <a:pt x="1026901" y="1473721"/>
                  </a:moveTo>
                  <a:lnTo>
                    <a:pt x="987298" y="1478287"/>
                  </a:lnTo>
                  <a:lnTo>
                    <a:pt x="946936" y="1479691"/>
                  </a:lnTo>
                  <a:lnTo>
                    <a:pt x="905939" y="1478015"/>
                  </a:lnTo>
                  <a:lnTo>
                    <a:pt x="864428" y="1473344"/>
                  </a:lnTo>
                  <a:lnTo>
                    <a:pt x="822528" y="1465763"/>
                  </a:lnTo>
                  <a:lnTo>
                    <a:pt x="780362" y="1455356"/>
                  </a:lnTo>
                  <a:lnTo>
                    <a:pt x="738052" y="1442207"/>
                  </a:lnTo>
                  <a:lnTo>
                    <a:pt x="695722" y="1426401"/>
                  </a:lnTo>
                  <a:lnTo>
                    <a:pt x="653495" y="1408023"/>
                  </a:lnTo>
                  <a:lnTo>
                    <a:pt x="611494" y="1387157"/>
                  </a:lnTo>
                  <a:lnTo>
                    <a:pt x="569842" y="1363887"/>
                  </a:lnTo>
                  <a:lnTo>
                    <a:pt x="528662" y="1338297"/>
                  </a:lnTo>
                  <a:lnTo>
                    <a:pt x="488078" y="1310473"/>
                  </a:lnTo>
                  <a:lnTo>
                    <a:pt x="448213" y="1280498"/>
                  </a:lnTo>
                  <a:lnTo>
                    <a:pt x="409190" y="1248457"/>
                  </a:lnTo>
                  <a:lnTo>
                    <a:pt x="371131" y="1214435"/>
                  </a:lnTo>
                  <a:lnTo>
                    <a:pt x="334161" y="1178515"/>
                  </a:lnTo>
                  <a:lnTo>
                    <a:pt x="298401" y="1140783"/>
                  </a:lnTo>
                  <a:lnTo>
                    <a:pt x="263977" y="1101322"/>
                  </a:lnTo>
                  <a:lnTo>
                    <a:pt x="231009" y="1060218"/>
                  </a:lnTo>
                  <a:lnTo>
                    <a:pt x="199623" y="1017554"/>
                  </a:lnTo>
                  <a:lnTo>
                    <a:pt x="169940" y="973415"/>
                  </a:lnTo>
                  <a:lnTo>
                    <a:pt x="142084" y="927886"/>
                  </a:lnTo>
                  <a:lnTo>
                    <a:pt x="116178" y="881050"/>
                  </a:lnTo>
                  <a:lnTo>
                    <a:pt x="92346" y="832993"/>
                  </a:lnTo>
                  <a:lnTo>
                    <a:pt x="69310" y="780344"/>
                  </a:lnTo>
                  <a:lnTo>
                    <a:pt x="49642" y="728232"/>
                  </a:lnTo>
                  <a:lnTo>
                    <a:pt x="33299" y="676798"/>
                  </a:lnTo>
                  <a:lnTo>
                    <a:pt x="20239" y="626180"/>
                  </a:lnTo>
                  <a:lnTo>
                    <a:pt x="10422" y="576520"/>
                  </a:lnTo>
                  <a:lnTo>
                    <a:pt x="3804" y="527958"/>
                  </a:lnTo>
                  <a:lnTo>
                    <a:pt x="344" y="480632"/>
                  </a:lnTo>
                  <a:lnTo>
                    <a:pt x="0" y="434683"/>
                  </a:lnTo>
                  <a:lnTo>
                    <a:pt x="2729" y="390252"/>
                  </a:lnTo>
                  <a:lnTo>
                    <a:pt x="8491" y="347477"/>
                  </a:lnTo>
                  <a:lnTo>
                    <a:pt x="17242" y="306499"/>
                  </a:lnTo>
                  <a:lnTo>
                    <a:pt x="28941" y="267458"/>
                  </a:lnTo>
                  <a:lnTo>
                    <a:pt x="43547" y="230494"/>
                  </a:lnTo>
                  <a:lnTo>
                    <a:pt x="61017" y="195747"/>
                  </a:lnTo>
                  <a:lnTo>
                    <a:pt x="81309" y="163356"/>
                  </a:lnTo>
                  <a:lnTo>
                    <a:pt x="130192" y="106205"/>
                  </a:lnTo>
                  <a:lnTo>
                    <a:pt x="189860" y="60160"/>
                  </a:lnTo>
                  <a:lnTo>
                    <a:pt x="223634" y="41652"/>
                  </a:lnTo>
                  <a:lnTo>
                    <a:pt x="259979" y="26341"/>
                  </a:lnTo>
                  <a:lnTo>
                    <a:pt x="298852" y="14366"/>
                  </a:lnTo>
                  <a:lnTo>
                    <a:pt x="340212" y="5867"/>
                  </a:lnTo>
                  <a:lnTo>
                    <a:pt x="381508" y="1203"/>
                  </a:lnTo>
                  <a:lnTo>
                    <a:pt x="423860" y="0"/>
                  </a:lnTo>
                  <a:lnTo>
                    <a:pt x="467112" y="2190"/>
                  </a:lnTo>
                  <a:lnTo>
                    <a:pt x="511108" y="7707"/>
                  </a:lnTo>
                  <a:lnTo>
                    <a:pt x="555692" y="16483"/>
                  </a:lnTo>
                  <a:lnTo>
                    <a:pt x="600709" y="28450"/>
                  </a:lnTo>
                  <a:lnTo>
                    <a:pt x="646003" y="43543"/>
                  </a:lnTo>
                  <a:lnTo>
                    <a:pt x="691417" y="61692"/>
                  </a:lnTo>
                  <a:lnTo>
                    <a:pt x="736798" y="82831"/>
                  </a:lnTo>
                  <a:lnTo>
                    <a:pt x="781988" y="106893"/>
                  </a:lnTo>
                  <a:lnTo>
                    <a:pt x="826832" y="133809"/>
                  </a:lnTo>
                  <a:lnTo>
                    <a:pt x="871174" y="163514"/>
                  </a:lnTo>
                  <a:lnTo>
                    <a:pt x="914859" y="195939"/>
                  </a:lnTo>
                  <a:lnTo>
                    <a:pt x="957731" y="231017"/>
                  </a:lnTo>
                  <a:lnTo>
                    <a:pt x="999635" y="268681"/>
                  </a:lnTo>
                  <a:lnTo>
                    <a:pt x="1040413" y="308864"/>
                  </a:lnTo>
                </a:path>
              </a:pathLst>
            </a:custGeom>
            <a:ln w="6350">
              <a:solidFill>
                <a:srgbClr val="5B9BD4"/>
              </a:solidFill>
            </a:ln>
          </p:spPr>
          <p:txBody>
            <a:bodyPr wrap="square" lIns="0" tIns="0" rIns="0" bIns="0" rtlCol="0"/>
            <a:lstStyle/>
            <a:p>
              <a:endParaRPr/>
            </a:p>
          </p:txBody>
        </p:sp>
        <p:pic>
          <p:nvPicPr>
            <p:cNvPr id="35" name="object 35"/>
            <p:cNvPicPr/>
            <p:nvPr/>
          </p:nvPicPr>
          <p:blipFill>
            <a:blip r:embed="rId10" cstate="print"/>
            <a:stretch>
              <a:fillRect/>
            </a:stretch>
          </p:blipFill>
          <p:spPr>
            <a:xfrm>
              <a:off x="5907023" y="4957572"/>
              <a:ext cx="150876" cy="149351"/>
            </a:xfrm>
            <a:prstGeom prst="rect">
              <a:avLst/>
            </a:prstGeom>
          </p:spPr>
        </p:pic>
        <p:pic>
          <p:nvPicPr>
            <p:cNvPr id="36" name="object 36"/>
            <p:cNvPicPr/>
            <p:nvPr/>
          </p:nvPicPr>
          <p:blipFill>
            <a:blip r:embed="rId11" cstate="print"/>
            <a:stretch>
              <a:fillRect/>
            </a:stretch>
          </p:blipFill>
          <p:spPr>
            <a:xfrm>
              <a:off x="6030467" y="3957827"/>
              <a:ext cx="149352" cy="150875"/>
            </a:xfrm>
            <a:prstGeom prst="rect">
              <a:avLst/>
            </a:prstGeom>
          </p:spPr>
        </p:pic>
        <p:pic>
          <p:nvPicPr>
            <p:cNvPr id="37" name="object 37"/>
            <p:cNvPicPr/>
            <p:nvPr/>
          </p:nvPicPr>
          <p:blipFill>
            <a:blip r:embed="rId10" cstate="print"/>
            <a:stretch>
              <a:fillRect/>
            </a:stretch>
          </p:blipFill>
          <p:spPr>
            <a:xfrm>
              <a:off x="6434327" y="3355847"/>
              <a:ext cx="150875" cy="149351"/>
            </a:xfrm>
            <a:prstGeom prst="rect">
              <a:avLst/>
            </a:prstGeom>
          </p:spPr>
        </p:pic>
        <p:pic>
          <p:nvPicPr>
            <p:cNvPr id="38" name="object 38"/>
            <p:cNvPicPr/>
            <p:nvPr/>
          </p:nvPicPr>
          <p:blipFill>
            <a:blip r:embed="rId12" cstate="print"/>
            <a:stretch>
              <a:fillRect/>
            </a:stretch>
          </p:blipFill>
          <p:spPr>
            <a:xfrm>
              <a:off x="6981443" y="4549139"/>
              <a:ext cx="150875" cy="150875"/>
            </a:xfrm>
            <a:prstGeom prst="rect">
              <a:avLst/>
            </a:prstGeom>
          </p:spPr>
        </p:pic>
        <p:pic>
          <p:nvPicPr>
            <p:cNvPr id="39" name="object 39"/>
            <p:cNvPicPr/>
            <p:nvPr/>
          </p:nvPicPr>
          <p:blipFill>
            <a:blip r:embed="rId13" cstate="print"/>
            <a:stretch>
              <a:fillRect/>
            </a:stretch>
          </p:blipFill>
          <p:spPr>
            <a:xfrm>
              <a:off x="7415783" y="4460747"/>
              <a:ext cx="150875" cy="150875"/>
            </a:xfrm>
            <a:prstGeom prst="rect">
              <a:avLst/>
            </a:prstGeom>
          </p:spPr>
        </p:pic>
        <p:sp>
          <p:nvSpPr>
            <p:cNvPr id="40" name="object 40"/>
            <p:cNvSpPr/>
            <p:nvPr/>
          </p:nvSpPr>
          <p:spPr>
            <a:xfrm>
              <a:off x="7142987" y="2241805"/>
              <a:ext cx="1805939" cy="770890"/>
            </a:xfrm>
            <a:custGeom>
              <a:avLst/>
              <a:gdLst/>
              <a:ahLst/>
              <a:cxnLst/>
              <a:rect l="l" t="t" r="r" b="b"/>
              <a:pathLst>
                <a:path w="1805940" h="770889">
                  <a:moveTo>
                    <a:pt x="752475" y="580644"/>
                  </a:moveTo>
                  <a:lnTo>
                    <a:pt x="300990" y="580644"/>
                  </a:lnTo>
                  <a:lnTo>
                    <a:pt x="415455" y="770775"/>
                  </a:lnTo>
                  <a:lnTo>
                    <a:pt x="752475" y="580644"/>
                  </a:lnTo>
                  <a:close/>
                </a:path>
                <a:path w="1805940" h="770889">
                  <a:moveTo>
                    <a:pt x="1709166" y="0"/>
                  </a:moveTo>
                  <a:lnTo>
                    <a:pt x="96774" y="0"/>
                  </a:lnTo>
                  <a:lnTo>
                    <a:pt x="59107" y="7605"/>
                  </a:lnTo>
                  <a:lnTo>
                    <a:pt x="28346" y="28346"/>
                  </a:lnTo>
                  <a:lnTo>
                    <a:pt x="7605" y="59107"/>
                  </a:lnTo>
                  <a:lnTo>
                    <a:pt x="0" y="96774"/>
                  </a:lnTo>
                  <a:lnTo>
                    <a:pt x="0" y="483870"/>
                  </a:lnTo>
                  <a:lnTo>
                    <a:pt x="7605" y="521536"/>
                  </a:lnTo>
                  <a:lnTo>
                    <a:pt x="28346" y="552297"/>
                  </a:lnTo>
                  <a:lnTo>
                    <a:pt x="59107" y="573038"/>
                  </a:lnTo>
                  <a:lnTo>
                    <a:pt x="96774" y="580644"/>
                  </a:lnTo>
                  <a:lnTo>
                    <a:pt x="1709166" y="580644"/>
                  </a:lnTo>
                  <a:lnTo>
                    <a:pt x="1746832" y="573038"/>
                  </a:lnTo>
                  <a:lnTo>
                    <a:pt x="1777593" y="552297"/>
                  </a:lnTo>
                  <a:lnTo>
                    <a:pt x="1798334" y="521536"/>
                  </a:lnTo>
                  <a:lnTo>
                    <a:pt x="1805939" y="483870"/>
                  </a:lnTo>
                  <a:lnTo>
                    <a:pt x="1805939" y="96774"/>
                  </a:lnTo>
                  <a:lnTo>
                    <a:pt x="1798334" y="59107"/>
                  </a:lnTo>
                  <a:lnTo>
                    <a:pt x="1777593" y="28346"/>
                  </a:lnTo>
                  <a:lnTo>
                    <a:pt x="1746832" y="7605"/>
                  </a:lnTo>
                  <a:lnTo>
                    <a:pt x="1709166" y="0"/>
                  </a:lnTo>
                  <a:close/>
                </a:path>
              </a:pathLst>
            </a:custGeom>
            <a:solidFill>
              <a:srgbClr val="FFFFFF"/>
            </a:solidFill>
          </p:spPr>
          <p:txBody>
            <a:bodyPr wrap="square" lIns="0" tIns="0" rIns="0" bIns="0" rtlCol="0"/>
            <a:lstStyle/>
            <a:p>
              <a:endParaRPr/>
            </a:p>
          </p:txBody>
        </p:sp>
        <p:sp>
          <p:nvSpPr>
            <p:cNvPr id="41" name="object 41"/>
            <p:cNvSpPr/>
            <p:nvPr/>
          </p:nvSpPr>
          <p:spPr>
            <a:xfrm>
              <a:off x="7142987" y="2241805"/>
              <a:ext cx="1805939" cy="770890"/>
            </a:xfrm>
            <a:custGeom>
              <a:avLst/>
              <a:gdLst/>
              <a:ahLst/>
              <a:cxnLst/>
              <a:rect l="l" t="t" r="r" b="b"/>
              <a:pathLst>
                <a:path w="1805940" h="770889">
                  <a:moveTo>
                    <a:pt x="0" y="96774"/>
                  </a:moveTo>
                  <a:lnTo>
                    <a:pt x="7605" y="59107"/>
                  </a:lnTo>
                  <a:lnTo>
                    <a:pt x="28346" y="28346"/>
                  </a:lnTo>
                  <a:lnTo>
                    <a:pt x="59107" y="7605"/>
                  </a:lnTo>
                  <a:lnTo>
                    <a:pt x="96774" y="0"/>
                  </a:lnTo>
                  <a:lnTo>
                    <a:pt x="300990" y="0"/>
                  </a:lnTo>
                  <a:lnTo>
                    <a:pt x="752475" y="0"/>
                  </a:lnTo>
                  <a:lnTo>
                    <a:pt x="1709166" y="0"/>
                  </a:lnTo>
                  <a:lnTo>
                    <a:pt x="1746832" y="7605"/>
                  </a:lnTo>
                  <a:lnTo>
                    <a:pt x="1777593" y="28346"/>
                  </a:lnTo>
                  <a:lnTo>
                    <a:pt x="1798334" y="59107"/>
                  </a:lnTo>
                  <a:lnTo>
                    <a:pt x="1805939" y="96774"/>
                  </a:lnTo>
                  <a:lnTo>
                    <a:pt x="1805939" y="338709"/>
                  </a:lnTo>
                  <a:lnTo>
                    <a:pt x="1805939" y="483870"/>
                  </a:lnTo>
                  <a:lnTo>
                    <a:pt x="1798334" y="521536"/>
                  </a:lnTo>
                  <a:lnTo>
                    <a:pt x="1777593" y="552297"/>
                  </a:lnTo>
                  <a:lnTo>
                    <a:pt x="1746832" y="573038"/>
                  </a:lnTo>
                  <a:lnTo>
                    <a:pt x="1709166" y="580644"/>
                  </a:lnTo>
                  <a:lnTo>
                    <a:pt x="752475" y="580644"/>
                  </a:lnTo>
                  <a:lnTo>
                    <a:pt x="415455" y="770775"/>
                  </a:lnTo>
                  <a:lnTo>
                    <a:pt x="300990" y="580644"/>
                  </a:lnTo>
                  <a:lnTo>
                    <a:pt x="96774" y="580644"/>
                  </a:lnTo>
                  <a:lnTo>
                    <a:pt x="59107" y="573038"/>
                  </a:lnTo>
                  <a:lnTo>
                    <a:pt x="28346" y="552297"/>
                  </a:lnTo>
                  <a:lnTo>
                    <a:pt x="7605" y="521536"/>
                  </a:lnTo>
                  <a:lnTo>
                    <a:pt x="0" y="483870"/>
                  </a:lnTo>
                  <a:lnTo>
                    <a:pt x="0" y="338709"/>
                  </a:lnTo>
                  <a:lnTo>
                    <a:pt x="0" y="96774"/>
                  </a:lnTo>
                  <a:close/>
                </a:path>
              </a:pathLst>
            </a:custGeom>
            <a:ln w="12192">
              <a:solidFill>
                <a:srgbClr val="000000"/>
              </a:solidFill>
            </a:ln>
          </p:spPr>
          <p:txBody>
            <a:bodyPr wrap="square" lIns="0" tIns="0" rIns="0" bIns="0" rtlCol="0"/>
            <a:lstStyle/>
            <a:p>
              <a:endParaRPr/>
            </a:p>
          </p:txBody>
        </p:sp>
      </p:grpSp>
      <p:grpSp>
        <p:nvGrpSpPr>
          <p:cNvPr id="42" name="object 42"/>
          <p:cNvGrpSpPr/>
          <p:nvPr/>
        </p:nvGrpSpPr>
        <p:grpSpPr>
          <a:xfrm>
            <a:off x="659891" y="5033771"/>
            <a:ext cx="881380" cy="368935"/>
            <a:chOff x="659891" y="5033771"/>
            <a:chExt cx="881380" cy="368935"/>
          </a:xfrm>
        </p:grpSpPr>
        <p:sp>
          <p:nvSpPr>
            <p:cNvPr id="43" name="object 43"/>
            <p:cNvSpPr/>
            <p:nvPr/>
          </p:nvSpPr>
          <p:spPr>
            <a:xfrm>
              <a:off x="665987" y="5039867"/>
              <a:ext cx="868680" cy="356870"/>
            </a:xfrm>
            <a:custGeom>
              <a:avLst/>
              <a:gdLst/>
              <a:ahLst/>
              <a:cxnLst/>
              <a:rect l="l" t="t" r="r" b="b"/>
              <a:pathLst>
                <a:path w="868680" h="356870">
                  <a:moveTo>
                    <a:pt x="434340" y="0"/>
                  </a:moveTo>
                  <a:lnTo>
                    <a:pt x="370156" y="1933"/>
                  </a:lnTo>
                  <a:lnTo>
                    <a:pt x="308897" y="7549"/>
                  </a:lnTo>
                  <a:lnTo>
                    <a:pt x="251233" y="16572"/>
                  </a:lnTo>
                  <a:lnTo>
                    <a:pt x="197838" y="28726"/>
                  </a:lnTo>
                  <a:lnTo>
                    <a:pt x="149381" y="43736"/>
                  </a:lnTo>
                  <a:lnTo>
                    <a:pt x="106536" y="61325"/>
                  </a:lnTo>
                  <a:lnTo>
                    <a:pt x="69975" y="81217"/>
                  </a:lnTo>
                  <a:lnTo>
                    <a:pt x="18389" y="126810"/>
                  </a:lnTo>
                  <a:lnTo>
                    <a:pt x="0" y="178307"/>
                  </a:lnTo>
                  <a:lnTo>
                    <a:pt x="4709" y="204656"/>
                  </a:lnTo>
                  <a:lnTo>
                    <a:pt x="40368" y="253477"/>
                  </a:lnTo>
                  <a:lnTo>
                    <a:pt x="106536" y="295290"/>
                  </a:lnTo>
                  <a:lnTo>
                    <a:pt x="149381" y="312879"/>
                  </a:lnTo>
                  <a:lnTo>
                    <a:pt x="197838" y="327889"/>
                  </a:lnTo>
                  <a:lnTo>
                    <a:pt x="251233" y="340043"/>
                  </a:lnTo>
                  <a:lnTo>
                    <a:pt x="308897" y="349066"/>
                  </a:lnTo>
                  <a:lnTo>
                    <a:pt x="370156" y="354682"/>
                  </a:lnTo>
                  <a:lnTo>
                    <a:pt x="434340" y="356615"/>
                  </a:lnTo>
                  <a:lnTo>
                    <a:pt x="498523" y="354682"/>
                  </a:lnTo>
                  <a:lnTo>
                    <a:pt x="559782" y="349066"/>
                  </a:lnTo>
                  <a:lnTo>
                    <a:pt x="617446" y="340043"/>
                  </a:lnTo>
                  <a:lnTo>
                    <a:pt x="670841" y="327889"/>
                  </a:lnTo>
                  <a:lnTo>
                    <a:pt x="719298" y="312879"/>
                  </a:lnTo>
                  <a:lnTo>
                    <a:pt x="762143" y="295290"/>
                  </a:lnTo>
                  <a:lnTo>
                    <a:pt x="798704" y="275398"/>
                  </a:lnTo>
                  <a:lnTo>
                    <a:pt x="850290" y="229805"/>
                  </a:lnTo>
                  <a:lnTo>
                    <a:pt x="868680" y="178307"/>
                  </a:lnTo>
                  <a:lnTo>
                    <a:pt x="863970" y="151959"/>
                  </a:lnTo>
                  <a:lnTo>
                    <a:pt x="828311" y="103138"/>
                  </a:lnTo>
                  <a:lnTo>
                    <a:pt x="762143" y="61325"/>
                  </a:lnTo>
                  <a:lnTo>
                    <a:pt x="719298" y="43736"/>
                  </a:lnTo>
                  <a:lnTo>
                    <a:pt x="670841" y="28726"/>
                  </a:lnTo>
                  <a:lnTo>
                    <a:pt x="617446" y="16572"/>
                  </a:lnTo>
                  <a:lnTo>
                    <a:pt x="559782" y="7549"/>
                  </a:lnTo>
                  <a:lnTo>
                    <a:pt x="498523" y="1933"/>
                  </a:lnTo>
                  <a:lnTo>
                    <a:pt x="434340" y="0"/>
                  </a:lnTo>
                  <a:close/>
                </a:path>
              </a:pathLst>
            </a:custGeom>
            <a:solidFill>
              <a:srgbClr val="E1EFD9"/>
            </a:solidFill>
          </p:spPr>
          <p:txBody>
            <a:bodyPr wrap="square" lIns="0" tIns="0" rIns="0" bIns="0" rtlCol="0"/>
            <a:lstStyle/>
            <a:p>
              <a:endParaRPr/>
            </a:p>
          </p:txBody>
        </p:sp>
        <p:sp>
          <p:nvSpPr>
            <p:cNvPr id="44" name="object 44"/>
            <p:cNvSpPr/>
            <p:nvPr/>
          </p:nvSpPr>
          <p:spPr>
            <a:xfrm>
              <a:off x="665987" y="5039867"/>
              <a:ext cx="868680" cy="356870"/>
            </a:xfrm>
            <a:custGeom>
              <a:avLst/>
              <a:gdLst/>
              <a:ahLst/>
              <a:cxnLst/>
              <a:rect l="l" t="t" r="r" b="b"/>
              <a:pathLst>
                <a:path w="868680" h="356870">
                  <a:moveTo>
                    <a:pt x="0" y="178307"/>
                  </a:moveTo>
                  <a:lnTo>
                    <a:pt x="18389" y="126810"/>
                  </a:lnTo>
                  <a:lnTo>
                    <a:pt x="69975" y="81217"/>
                  </a:lnTo>
                  <a:lnTo>
                    <a:pt x="106536" y="61325"/>
                  </a:lnTo>
                  <a:lnTo>
                    <a:pt x="149381" y="43736"/>
                  </a:lnTo>
                  <a:lnTo>
                    <a:pt x="197838" y="28726"/>
                  </a:lnTo>
                  <a:lnTo>
                    <a:pt x="251233" y="16572"/>
                  </a:lnTo>
                  <a:lnTo>
                    <a:pt x="308897" y="7549"/>
                  </a:lnTo>
                  <a:lnTo>
                    <a:pt x="370156" y="1933"/>
                  </a:lnTo>
                  <a:lnTo>
                    <a:pt x="434340" y="0"/>
                  </a:lnTo>
                  <a:lnTo>
                    <a:pt x="498523" y="1933"/>
                  </a:lnTo>
                  <a:lnTo>
                    <a:pt x="559782" y="7549"/>
                  </a:lnTo>
                  <a:lnTo>
                    <a:pt x="617446" y="16572"/>
                  </a:lnTo>
                  <a:lnTo>
                    <a:pt x="670841" y="28726"/>
                  </a:lnTo>
                  <a:lnTo>
                    <a:pt x="719298" y="43736"/>
                  </a:lnTo>
                  <a:lnTo>
                    <a:pt x="762143" y="61325"/>
                  </a:lnTo>
                  <a:lnTo>
                    <a:pt x="798704" y="81217"/>
                  </a:lnTo>
                  <a:lnTo>
                    <a:pt x="850290" y="126810"/>
                  </a:lnTo>
                  <a:lnTo>
                    <a:pt x="868680" y="178307"/>
                  </a:lnTo>
                  <a:lnTo>
                    <a:pt x="863970" y="204656"/>
                  </a:lnTo>
                  <a:lnTo>
                    <a:pt x="828311" y="253477"/>
                  </a:lnTo>
                  <a:lnTo>
                    <a:pt x="762143" y="295290"/>
                  </a:lnTo>
                  <a:lnTo>
                    <a:pt x="719298" y="312879"/>
                  </a:lnTo>
                  <a:lnTo>
                    <a:pt x="670841" y="327889"/>
                  </a:lnTo>
                  <a:lnTo>
                    <a:pt x="617446" y="340043"/>
                  </a:lnTo>
                  <a:lnTo>
                    <a:pt x="559782" y="349066"/>
                  </a:lnTo>
                  <a:lnTo>
                    <a:pt x="498523" y="354682"/>
                  </a:lnTo>
                  <a:lnTo>
                    <a:pt x="434340" y="356615"/>
                  </a:lnTo>
                  <a:lnTo>
                    <a:pt x="370156" y="354682"/>
                  </a:lnTo>
                  <a:lnTo>
                    <a:pt x="308897" y="349066"/>
                  </a:lnTo>
                  <a:lnTo>
                    <a:pt x="251233" y="340043"/>
                  </a:lnTo>
                  <a:lnTo>
                    <a:pt x="197838" y="327889"/>
                  </a:lnTo>
                  <a:lnTo>
                    <a:pt x="149381" y="312879"/>
                  </a:lnTo>
                  <a:lnTo>
                    <a:pt x="106536" y="295290"/>
                  </a:lnTo>
                  <a:lnTo>
                    <a:pt x="69975" y="275398"/>
                  </a:lnTo>
                  <a:lnTo>
                    <a:pt x="18389" y="229805"/>
                  </a:lnTo>
                  <a:lnTo>
                    <a:pt x="0" y="178307"/>
                  </a:lnTo>
                  <a:close/>
                </a:path>
              </a:pathLst>
            </a:custGeom>
            <a:ln w="12192">
              <a:solidFill>
                <a:srgbClr val="6FAC46"/>
              </a:solidFill>
            </a:ln>
          </p:spPr>
          <p:txBody>
            <a:bodyPr wrap="square" lIns="0" tIns="0" rIns="0" bIns="0" rtlCol="0"/>
            <a:lstStyle/>
            <a:p>
              <a:endParaRPr/>
            </a:p>
          </p:txBody>
        </p:sp>
      </p:grpSp>
      <p:sp>
        <p:nvSpPr>
          <p:cNvPr id="45" name="object 45"/>
          <p:cNvSpPr txBox="1"/>
          <p:nvPr/>
        </p:nvSpPr>
        <p:spPr>
          <a:xfrm>
            <a:off x="523458" y="5060745"/>
            <a:ext cx="2999740" cy="1019810"/>
          </a:xfrm>
          <a:prstGeom prst="rect">
            <a:avLst/>
          </a:prstGeom>
        </p:spPr>
        <p:txBody>
          <a:bodyPr vert="horz" wrap="square" lIns="0" tIns="12700" rIns="0" bIns="0" rtlCol="0">
            <a:spAutoFit/>
          </a:bodyPr>
          <a:lstStyle/>
          <a:p>
            <a:pPr marL="302895">
              <a:lnSpc>
                <a:spcPct val="100000"/>
              </a:lnSpc>
              <a:spcBef>
                <a:spcPts val="100"/>
              </a:spcBef>
            </a:pPr>
            <a:r>
              <a:rPr sz="1800" spc="-10" dirty="0">
                <a:latin typeface="Meiryo UI"/>
                <a:cs typeface="Meiryo UI"/>
              </a:rPr>
              <a:t>Start</a:t>
            </a:r>
            <a:endParaRPr sz="1800">
              <a:latin typeface="Meiryo UI"/>
              <a:cs typeface="Meiryo UI"/>
            </a:endParaRPr>
          </a:p>
          <a:p>
            <a:pPr marL="12700" marR="5080">
              <a:lnSpc>
                <a:spcPct val="100000"/>
              </a:lnSpc>
              <a:spcBef>
                <a:spcPts val="1830"/>
              </a:spcBef>
            </a:pPr>
            <a:r>
              <a:rPr sz="1600" b="1" spc="-35" dirty="0">
                <a:latin typeface="Meiryo UI"/>
                <a:cs typeface="Meiryo UI"/>
              </a:rPr>
              <a:t>あらかじめ決められたゴールの実現に</a:t>
            </a:r>
            <a:r>
              <a:rPr sz="1600" b="1" spc="-30" dirty="0">
                <a:latin typeface="Meiryo UI"/>
                <a:cs typeface="Meiryo UI"/>
              </a:rPr>
              <a:t>向けて技術開発をマネジメント</a:t>
            </a:r>
            <a:endParaRPr sz="1600">
              <a:latin typeface="Meiryo UI"/>
              <a:cs typeface="Meiryo UI"/>
            </a:endParaRPr>
          </a:p>
        </p:txBody>
      </p:sp>
      <p:grpSp>
        <p:nvGrpSpPr>
          <p:cNvPr id="46" name="object 46"/>
          <p:cNvGrpSpPr/>
          <p:nvPr/>
        </p:nvGrpSpPr>
        <p:grpSpPr>
          <a:xfrm>
            <a:off x="2881629" y="3171189"/>
            <a:ext cx="944244" cy="319405"/>
            <a:chOff x="2881629" y="3171189"/>
            <a:chExt cx="944244" cy="319405"/>
          </a:xfrm>
        </p:grpSpPr>
        <p:sp>
          <p:nvSpPr>
            <p:cNvPr id="47" name="object 47"/>
            <p:cNvSpPr/>
            <p:nvPr/>
          </p:nvSpPr>
          <p:spPr>
            <a:xfrm>
              <a:off x="2887979" y="3177539"/>
              <a:ext cx="931544" cy="306705"/>
            </a:xfrm>
            <a:custGeom>
              <a:avLst/>
              <a:gdLst/>
              <a:ahLst/>
              <a:cxnLst/>
              <a:rect l="l" t="t" r="r" b="b"/>
              <a:pathLst>
                <a:path w="931545" h="306704">
                  <a:moveTo>
                    <a:pt x="465581" y="0"/>
                  </a:moveTo>
                  <a:lnTo>
                    <a:pt x="396781" y="1660"/>
                  </a:lnTo>
                  <a:lnTo>
                    <a:pt x="331114" y="6484"/>
                  </a:lnTo>
                  <a:lnTo>
                    <a:pt x="269303" y="14234"/>
                  </a:lnTo>
                  <a:lnTo>
                    <a:pt x="212066" y="24673"/>
                  </a:lnTo>
                  <a:lnTo>
                    <a:pt x="160124" y="37566"/>
                  </a:lnTo>
                  <a:lnTo>
                    <a:pt x="114198" y="52674"/>
                  </a:lnTo>
                  <a:lnTo>
                    <a:pt x="75007" y="69761"/>
                  </a:lnTo>
                  <a:lnTo>
                    <a:pt x="19712" y="108924"/>
                  </a:lnTo>
                  <a:lnTo>
                    <a:pt x="0" y="153162"/>
                  </a:lnTo>
                  <a:lnTo>
                    <a:pt x="5048" y="175796"/>
                  </a:lnTo>
                  <a:lnTo>
                    <a:pt x="43271" y="217733"/>
                  </a:lnTo>
                  <a:lnTo>
                    <a:pt x="114198" y="253649"/>
                  </a:lnTo>
                  <a:lnTo>
                    <a:pt x="160124" y="268757"/>
                  </a:lnTo>
                  <a:lnTo>
                    <a:pt x="212066" y="281650"/>
                  </a:lnTo>
                  <a:lnTo>
                    <a:pt x="269303" y="292089"/>
                  </a:lnTo>
                  <a:lnTo>
                    <a:pt x="331114" y="299839"/>
                  </a:lnTo>
                  <a:lnTo>
                    <a:pt x="396781" y="304663"/>
                  </a:lnTo>
                  <a:lnTo>
                    <a:pt x="465581" y="306324"/>
                  </a:lnTo>
                  <a:lnTo>
                    <a:pt x="534382" y="304663"/>
                  </a:lnTo>
                  <a:lnTo>
                    <a:pt x="600049" y="299839"/>
                  </a:lnTo>
                  <a:lnTo>
                    <a:pt x="661860" y="292089"/>
                  </a:lnTo>
                  <a:lnTo>
                    <a:pt x="719097" y="281650"/>
                  </a:lnTo>
                  <a:lnTo>
                    <a:pt x="771039" y="268757"/>
                  </a:lnTo>
                  <a:lnTo>
                    <a:pt x="816965" y="253649"/>
                  </a:lnTo>
                  <a:lnTo>
                    <a:pt x="856156" y="236562"/>
                  </a:lnTo>
                  <a:lnTo>
                    <a:pt x="911451" y="197399"/>
                  </a:lnTo>
                  <a:lnTo>
                    <a:pt x="931163" y="153162"/>
                  </a:lnTo>
                  <a:lnTo>
                    <a:pt x="926115" y="130527"/>
                  </a:lnTo>
                  <a:lnTo>
                    <a:pt x="887892" y="88590"/>
                  </a:lnTo>
                  <a:lnTo>
                    <a:pt x="816965" y="52674"/>
                  </a:lnTo>
                  <a:lnTo>
                    <a:pt x="771039" y="37566"/>
                  </a:lnTo>
                  <a:lnTo>
                    <a:pt x="719097" y="24673"/>
                  </a:lnTo>
                  <a:lnTo>
                    <a:pt x="661860" y="14234"/>
                  </a:lnTo>
                  <a:lnTo>
                    <a:pt x="600049" y="6484"/>
                  </a:lnTo>
                  <a:lnTo>
                    <a:pt x="534382" y="1660"/>
                  </a:lnTo>
                  <a:lnTo>
                    <a:pt x="465581" y="0"/>
                  </a:lnTo>
                  <a:close/>
                </a:path>
              </a:pathLst>
            </a:custGeom>
            <a:solidFill>
              <a:srgbClr val="FAE4D5"/>
            </a:solidFill>
          </p:spPr>
          <p:txBody>
            <a:bodyPr wrap="square" lIns="0" tIns="0" rIns="0" bIns="0" rtlCol="0"/>
            <a:lstStyle/>
            <a:p>
              <a:endParaRPr/>
            </a:p>
          </p:txBody>
        </p:sp>
        <p:sp>
          <p:nvSpPr>
            <p:cNvPr id="48" name="object 48"/>
            <p:cNvSpPr/>
            <p:nvPr/>
          </p:nvSpPr>
          <p:spPr>
            <a:xfrm>
              <a:off x="2887979" y="3177539"/>
              <a:ext cx="931544" cy="306705"/>
            </a:xfrm>
            <a:custGeom>
              <a:avLst/>
              <a:gdLst/>
              <a:ahLst/>
              <a:cxnLst/>
              <a:rect l="l" t="t" r="r" b="b"/>
              <a:pathLst>
                <a:path w="931545" h="306704">
                  <a:moveTo>
                    <a:pt x="0" y="153162"/>
                  </a:moveTo>
                  <a:lnTo>
                    <a:pt x="19712" y="108924"/>
                  </a:lnTo>
                  <a:lnTo>
                    <a:pt x="75007" y="69761"/>
                  </a:lnTo>
                  <a:lnTo>
                    <a:pt x="114198" y="52674"/>
                  </a:lnTo>
                  <a:lnTo>
                    <a:pt x="160124" y="37566"/>
                  </a:lnTo>
                  <a:lnTo>
                    <a:pt x="212066" y="24673"/>
                  </a:lnTo>
                  <a:lnTo>
                    <a:pt x="269303" y="14234"/>
                  </a:lnTo>
                  <a:lnTo>
                    <a:pt x="331114" y="6484"/>
                  </a:lnTo>
                  <a:lnTo>
                    <a:pt x="396781" y="1660"/>
                  </a:lnTo>
                  <a:lnTo>
                    <a:pt x="465581" y="0"/>
                  </a:lnTo>
                  <a:lnTo>
                    <a:pt x="534382" y="1660"/>
                  </a:lnTo>
                  <a:lnTo>
                    <a:pt x="600049" y="6484"/>
                  </a:lnTo>
                  <a:lnTo>
                    <a:pt x="661860" y="14234"/>
                  </a:lnTo>
                  <a:lnTo>
                    <a:pt x="719097" y="24673"/>
                  </a:lnTo>
                  <a:lnTo>
                    <a:pt x="771039" y="37566"/>
                  </a:lnTo>
                  <a:lnTo>
                    <a:pt x="816965" y="52674"/>
                  </a:lnTo>
                  <a:lnTo>
                    <a:pt x="856156" y="69761"/>
                  </a:lnTo>
                  <a:lnTo>
                    <a:pt x="911451" y="108924"/>
                  </a:lnTo>
                  <a:lnTo>
                    <a:pt x="931163" y="153162"/>
                  </a:lnTo>
                  <a:lnTo>
                    <a:pt x="926115" y="175796"/>
                  </a:lnTo>
                  <a:lnTo>
                    <a:pt x="887892" y="217733"/>
                  </a:lnTo>
                  <a:lnTo>
                    <a:pt x="816965" y="253649"/>
                  </a:lnTo>
                  <a:lnTo>
                    <a:pt x="771039" y="268757"/>
                  </a:lnTo>
                  <a:lnTo>
                    <a:pt x="719097" y="281650"/>
                  </a:lnTo>
                  <a:lnTo>
                    <a:pt x="661860" y="292089"/>
                  </a:lnTo>
                  <a:lnTo>
                    <a:pt x="600049" y="299839"/>
                  </a:lnTo>
                  <a:lnTo>
                    <a:pt x="534382" y="304663"/>
                  </a:lnTo>
                  <a:lnTo>
                    <a:pt x="465581" y="306324"/>
                  </a:lnTo>
                  <a:lnTo>
                    <a:pt x="396781" y="304663"/>
                  </a:lnTo>
                  <a:lnTo>
                    <a:pt x="331114" y="299839"/>
                  </a:lnTo>
                  <a:lnTo>
                    <a:pt x="269303" y="292089"/>
                  </a:lnTo>
                  <a:lnTo>
                    <a:pt x="212066" y="281650"/>
                  </a:lnTo>
                  <a:lnTo>
                    <a:pt x="160124" y="268757"/>
                  </a:lnTo>
                  <a:lnTo>
                    <a:pt x="114198" y="253649"/>
                  </a:lnTo>
                  <a:lnTo>
                    <a:pt x="75007" y="236562"/>
                  </a:lnTo>
                  <a:lnTo>
                    <a:pt x="19712" y="197399"/>
                  </a:lnTo>
                  <a:lnTo>
                    <a:pt x="0" y="153162"/>
                  </a:lnTo>
                  <a:close/>
                </a:path>
              </a:pathLst>
            </a:custGeom>
            <a:ln w="12192">
              <a:solidFill>
                <a:srgbClr val="EC7C30"/>
              </a:solidFill>
            </a:ln>
          </p:spPr>
          <p:txBody>
            <a:bodyPr wrap="square" lIns="0" tIns="0" rIns="0" bIns="0" rtlCol="0"/>
            <a:lstStyle/>
            <a:p>
              <a:endParaRPr/>
            </a:p>
          </p:txBody>
        </p:sp>
      </p:grpSp>
      <p:sp>
        <p:nvSpPr>
          <p:cNvPr id="49" name="object 49"/>
          <p:cNvSpPr txBox="1"/>
          <p:nvPr/>
        </p:nvSpPr>
        <p:spPr>
          <a:xfrm>
            <a:off x="3075193" y="3178900"/>
            <a:ext cx="518159" cy="299720"/>
          </a:xfrm>
          <a:prstGeom prst="rect">
            <a:avLst/>
          </a:prstGeom>
        </p:spPr>
        <p:txBody>
          <a:bodyPr vert="horz" wrap="square" lIns="0" tIns="12700" rIns="0" bIns="0" rtlCol="0">
            <a:spAutoFit/>
          </a:bodyPr>
          <a:lstStyle/>
          <a:p>
            <a:pPr marL="12700">
              <a:lnSpc>
                <a:spcPct val="100000"/>
              </a:lnSpc>
              <a:spcBef>
                <a:spcPts val="100"/>
              </a:spcBef>
            </a:pPr>
            <a:r>
              <a:rPr sz="1800" spc="-20" dirty="0">
                <a:latin typeface="Meiryo UI"/>
                <a:cs typeface="Meiryo UI"/>
              </a:rPr>
              <a:t>Goal</a:t>
            </a:r>
            <a:endParaRPr sz="1800">
              <a:latin typeface="Meiryo UI"/>
              <a:cs typeface="Meiryo UI"/>
            </a:endParaRPr>
          </a:p>
        </p:txBody>
      </p:sp>
      <p:sp>
        <p:nvSpPr>
          <p:cNvPr id="50" name="object 50"/>
          <p:cNvSpPr txBox="1"/>
          <p:nvPr/>
        </p:nvSpPr>
        <p:spPr>
          <a:xfrm>
            <a:off x="4992208" y="5542396"/>
            <a:ext cx="3308985" cy="756920"/>
          </a:xfrm>
          <a:prstGeom prst="rect">
            <a:avLst/>
          </a:prstGeom>
        </p:spPr>
        <p:txBody>
          <a:bodyPr vert="horz" wrap="square" lIns="0" tIns="12065" rIns="0" bIns="0" rtlCol="0">
            <a:spAutoFit/>
          </a:bodyPr>
          <a:lstStyle/>
          <a:p>
            <a:pPr marL="12700" marR="5080">
              <a:lnSpc>
                <a:spcPct val="100000"/>
              </a:lnSpc>
              <a:spcBef>
                <a:spcPts val="95"/>
              </a:spcBef>
            </a:pPr>
            <a:r>
              <a:rPr sz="1600" b="1" spc="-25" dirty="0">
                <a:latin typeface="Meiryo UI"/>
                <a:cs typeface="Meiryo UI"/>
              </a:rPr>
              <a:t>PD</a:t>
            </a:r>
            <a:r>
              <a:rPr sz="1600" b="1" spc="-35" dirty="0">
                <a:latin typeface="Meiryo UI"/>
                <a:cs typeface="Meiryo UI"/>
              </a:rPr>
              <a:t>のもとで、将来像の実現に向けて、</a:t>
            </a:r>
            <a:r>
              <a:rPr sz="1600" b="1" spc="-50" dirty="0">
                <a:latin typeface="Meiryo UI"/>
                <a:cs typeface="Meiryo UI"/>
              </a:rPr>
              <a:t> </a:t>
            </a:r>
            <a:r>
              <a:rPr sz="1600" b="1" spc="-25" dirty="0">
                <a:latin typeface="Meiryo UI"/>
                <a:cs typeface="Meiryo UI"/>
              </a:rPr>
              <a:t>PDCA</a:t>
            </a:r>
            <a:r>
              <a:rPr sz="1600" b="1" spc="-35" dirty="0">
                <a:latin typeface="Meiryo UI"/>
                <a:cs typeface="Meiryo UI"/>
              </a:rPr>
              <a:t>を回しながら、機動的、総合的に研究テーマを設定、見直し</a:t>
            </a:r>
            <a:endParaRPr sz="1600">
              <a:latin typeface="Meiryo UI"/>
              <a:cs typeface="Meiryo UI"/>
            </a:endParaRPr>
          </a:p>
        </p:txBody>
      </p:sp>
      <p:grpSp>
        <p:nvGrpSpPr>
          <p:cNvPr id="51" name="object 51"/>
          <p:cNvGrpSpPr/>
          <p:nvPr/>
        </p:nvGrpSpPr>
        <p:grpSpPr>
          <a:xfrm>
            <a:off x="1440180" y="3615692"/>
            <a:ext cx="1496060" cy="1367790"/>
            <a:chOff x="1440180" y="3615692"/>
            <a:chExt cx="1496060" cy="1367790"/>
          </a:xfrm>
        </p:grpSpPr>
        <p:sp>
          <p:nvSpPr>
            <p:cNvPr id="52" name="object 52"/>
            <p:cNvSpPr/>
            <p:nvPr/>
          </p:nvSpPr>
          <p:spPr>
            <a:xfrm>
              <a:off x="1459230" y="3679926"/>
              <a:ext cx="1407160" cy="1284605"/>
            </a:xfrm>
            <a:custGeom>
              <a:avLst/>
              <a:gdLst/>
              <a:ahLst/>
              <a:cxnLst/>
              <a:rect l="l" t="t" r="r" b="b"/>
              <a:pathLst>
                <a:path w="1407160" h="1284604">
                  <a:moveTo>
                    <a:pt x="0" y="1284503"/>
                  </a:moveTo>
                  <a:lnTo>
                    <a:pt x="1406537" y="0"/>
                  </a:lnTo>
                </a:path>
              </a:pathLst>
            </a:custGeom>
            <a:ln w="38099">
              <a:solidFill>
                <a:srgbClr val="000000"/>
              </a:solidFill>
            </a:ln>
          </p:spPr>
          <p:txBody>
            <a:bodyPr wrap="square" lIns="0" tIns="0" rIns="0" bIns="0" rtlCol="0"/>
            <a:lstStyle/>
            <a:p>
              <a:endParaRPr/>
            </a:p>
          </p:txBody>
        </p:sp>
        <p:sp>
          <p:nvSpPr>
            <p:cNvPr id="53" name="object 53"/>
            <p:cNvSpPr/>
            <p:nvPr/>
          </p:nvSpPr>
          <p:spPr>
            <a:xfrm>
              <a:off x="2813171" y="3615692"/>
              <a:ext cx="123189" cy="119380"/>
            </a:xfrm>
            <a:custGeom>
              <a:avLst/>
              <a:gdLst/>
              <a:ahLst/>
              <a:cxnLst/>
              <a:rect l="l" t="t" r="r" b="b"/>
              <a:pathLst>
                <a:path w="123189" h="119379">
                  <a:moveTo>
                    <a:pt x="122935" y="0"/>
                  </a:moveTo>
                  <a:lnTo>
                    <a:pt x="0" y="34886"/>
                  </a:lnTo>
                  <a:lnTo>
                    <a:pt x="77076" y="119278"/>
                  </a:lnTo>
                  <a:lnTo>
                    <a:pt x="122935" y="0"/>
                  </a:lnTo>
                  <a:close/>
                </a:path>
              </a:pathLst>
            </a:custGeom>
            <a:solidFill>
              <a:srgbClr val="000000"/>
            </a:solidFill>
          </p:spPr>
          <p:txBody>
            <a:bodyPr wrap="square" lIns="0" tIns="0" rIns="0" bIns="0" rtlCol="0"/>
            <a:lstStyle/>
            <a:p>
              <a:endParaRPr/>
            </a:p>
          </p:txBody>
        </p:sp>
      </p:grpSp>
      <p:grpSp>
        <p:nvGrpSpPr>
          <p:cNvPr id="54" name="object 54"/>
          <p:cNvGrpSpPr/>
          <p:nvPr/>
        </p:nvGrpSpPr>
        <p:grpSpPr>
          <a:xfrm>
            <a:off x="3835908" y="3837432"/>
            <a:ext cx="984885" cy="538480"/>
            <a:chOff x="3835908" y="3837432"/>
            <a:chExt cx="984885" cy="538480"/>
          </a:xfrm>
        </p:grpSpPr>
        <p:pic>
          <p:nvPicPr>
            <p:cNvPr id="55" name="object 55"/>
            <p:cNvPicPr/>
            <p:nvPr/>
          </p:nvPicPr>
          <p:blipFill>
            <a:blip r:embed="rId14" cstate="print"/>
            <a:stretch>
              <a:fillRect/>
            </a:stretch>
          </p:blipFill>
          <p:spPr>
            <a:xfrm>
              <a:off x="3835908" y="3837432"/>
              <a:ext cx="984503" cy="537971"/>
            </a:xfrm>
            <a:prstGeom prst="rect">
              <a:avLst/>
            </a:prstGeom>
          </p:spPr>
        </p:pic>
        <p:sp>
          <p:nvSpPr>
            <p:cNvPr id="56" name="object 56"/>
            <p:cNvSpPr/>
            <p:nvPr/>
          </p:nvSpPr>
          <p:spPr>
            <a:xfrm>
              <a:off x="3867912" y="3878579"/>
              <a:ext cx="864235" cy="402590"/>
            </a:xfrm>
            <a:custGeom>
              <a:avLst/>
              <a:gdLst/>
              <a:ahLst/>
              <a:cxnLst/>
              <a:rect l="l" t="t" r="r" b="b"/>
              <a:pathLst>
                <a:path w="864235" h="402589">
                  <a:moveTo>
                    <a:pt x="662940" y="0"/>
                  </a:moveTo>
                  <a:lnTo>
                    <a:pt x="662940" y="100584"/>
                  </a:lnTo>
                  <a:lnTo>
                    <a:pt x="0" y="100584"/>
                  </a:lnTo>
                  <a:lnTo>
                    <a:pt x="0" y="301752"/>
                  </a:lnTo>
                  <a:lnTo>
                    <a:pt x="662940" y="301752"/>
                  </a:lnTo>
                  <a:lnTo>
                    <a:pt x="662940" y="402336"/>
                  </a:lnTo>
                  <a:lnTo>
                    <a:pt x="864108" y="201168"/>
                  </a:lnTo>
                  <a:lnTo>
                    <a:pt x="662940" y="0"/>
                  </a:lnTo>
                  <a:close/>
                </a:path>
              </a:pathLst>
            </a:custGeom>
            <a:solidFill>
              <a:srgbClr val="FFFFFF"/>
            </a:solidFill>
          </p:spPr>
          <p:txBody>
            <a:bodyPr wrap="square" lIns="0" tIns="0" rIns="0" bIns="0" rtlCol="0"/>
            <a:lstStyle/>
            <a:p>
              <a:endParaRPr/>
            </a:p>
          </p:txBody>
        </p:sp>
        <p:sp>
          <p:nvSpPr>
            <p:cNvPr id="57" name="object 57"/>
            <p:cNvSpPr/>
            <p:nvPr/>
          </p:nvSpPr>
          <p:spPr>
            <a:xfrm>
              <a:off x="3867912" y="3878579"/>
              <a:ext cx="864235" cy="402590"/>
            </a:xfrm>
            <a:custGeom>
              <a:avLst/>
              <a:gdLst/>
              <a:ahLst/>
              <a:cxnLst/>
              <a:rect l="l" t="t" r="r" b="b"/>
              <a:pathLst>
                <a:path w="864235" h="402589">
                  <a:moveTo>
                    <a:pt x="0" y="100584"/>
                  </a:moveTo>
                  <a:lnTo>
                    <a:pt x="662940" y="100584"/>
                  </a:lnTo>
                  <a:lnTo>
                    <a:pt x="662940" y="0"/>
                  </a:lnTo>
                  <a:lnTo>
                    <a:pt x="864108" y="201168"/>
                  </a:lnTo>
                  <a:lnTo>
                    <a:pt x="662940" y="402336"/>
                  </a:lnTo>
                  <a:lnTo>
                    <a:pt x="662940" y="301752"/>
                  </a:lnTo>
                  <a:lnTo>
                    <a:pt x="0" y="301752"/>
                  </a:lnTo>
                  <a:lnTo>
                    <a:pt x="0" y="100584"/>
                  </a:lnTo>
                  <a:close/>
                </a:path>
              </a:pathLst>
            </a:custGeom>
            <a:ln w="12192">
              <a:solidFill>
                <a:srgbClr val="000000"/>
              </a:solidFill>
            </a:ln>
          </p:spPr>
          <p:txBody>
            <a:bodyPr wrap="square" lIns="0" tIns="0" rIns="0" bIns="0" rtlCol="0"/>
            <a:lstStyle/>
            <a:p>
              <a:endParaRPr/>
            </a:p>
          </p:txBody>
        </p:sp>
      </p:grpSp>
      <p:sp>
        <p:nvSpPr>
          <p:cNvPr id="58" name="object 58"/>
          <p:cNvSpPr txBox="1"/>
          <p:nvPr/>
        </p:nvSpPr>
        <p:spPr>
          <a:xfrm>
            <a:off x="7213400" y="2331933"/>
            <a:ext cx="1538605" cy="453390"/>
          </a:xfrm>
          <a:prstGeom prst="rect">
            <a:avLst/>
          </a:prstGeom>
        </p:spPr>
        <p:txBody>
          <a:bodyPr vert="horz" wrap="square" lIns="0" tIns="13335" rIns="0" bIns="0" rtlCol="0">
            <a:spAutoFit/>
          </a:bodyPr>
          <a:lstStyle/>
          <a:p>
            <a:pPr marL="12700" marR="5080">
              <a:lnSpc>
                <a:spcPct val="100000"/>
              </a:lnSpc>
              <a:spcBef>
                <a:spcPts val="105"/>
              </a:spcBef>
            </a:pPr>
            <a:r>
              <a:rPr sz="1400" spc="-10" dirty="0">
                <a:latin typeface="Meiryo UI"/>
                <a:cs typeface="Meiryo UI"/>
              </a:rPr>
              <a:t>例：移動に伴う</a:t>
            </a:r>
            <a:r>
              <a:rPr sz="1400" spc="-25" dirty="0">
                <a:latin typeface="Meiryo UI"/>
                <a:cs typeface="Meiryo UI"/>
              </a:rPr>
              <a:t>CO2</a:t>
            </a:r>
            <a:r>
              <a:rPr sz="1400" spc="-15" dirty="0">
                <a:latin typeface="Meiryo UI"/>
                <a:cs typeface="Meiryo UI"/>
              </a:rPr>
              <a:t>排出を○○%削減</a:t>
            </a:r>
            <a:endParaRPr sz="1400">
              <a:latin typeface="Meiryo UI"/>
              <a:cs typeface="Meiryo UI"/>
            </a:endParaRPr>
          </a:p>
        </p:txBody>
      </p:sp>
      <p:grpSp>
        <p:nvGrpSpPr>
          <p:cNvPr id="59" name="object 59"/>
          <p:cNvGrpSpPr/>
          <p:nvPr/>
        </p:nvGrpSpPr>
        <p:grpSpPr>
          <a:xfrm>
            <a:off x="1863851" y="2447547"/>
            <a:ext cx="1667510" cy="775970"/>
            <a:chOff x="1863851" y="2447547"/>
            <a:chExt cx="1667510" cy="775970"/>
          </a:xfrm>
        </p:grpSpPr>
        <p:sp>
          <p:nvSpPr>
            <p:cNvPr id="60" name="object 60"/>
            <p:cNvSpPr/>
            <p:nvPr/>
          </p:nvSpPr>
          <p:spPr>
            <a:xfrm>
              <a:off x="1869947" y="2453642"/>
              <a:ext cx="1655445" cy="763905"/>
            </a:xfrm>
            <a:custGeom>
              <a:avLst/>
              <a:gdLst/>
              <a:ahLst/>
              <a:cxnLst/>
              <a:rect l="l" t="t" r="r" b="b"/>
              <a:pathLst>
                <a:path w="1655445" h="763905">
                  <a:moveTo>
                    <a:pt x="1379220" y="586739"/>
                  </a:moveTo>
                  <a:lnTo>
                    <a:pt x="965454" y="586739"/>
                  </a:lnTo>
                  <a:lnTo>
                    <a:pt x="1403921" y="763650"/>
                  </a:lnTo>
                  <a:lnTo>
                    <a:pt x="1379220" y="586739"/>
                  </a:lnTo>
                  <a:close/>
                </a:path>
                <a:path w="1655445" h="763905">
                  <a:moveTo>
                    <a:pt x="1557274" y="0"/>
                  </a:moveTo>
                  <a:lnTo>
                    <a:pt x="97790" y="0"/>
                  </a:lnTo>
                  <a:lnTo>
                    <a:pt x="59723" y="7684"/>
                  </a:lnTo>
                  <a:lnTo>
                    <a:pt x="28640" y="28640"/>
                  </a:lnTo>
                  <a:lnTo>
                    <a:pt x="7684" y="59723"/>
                  </a:lnTo>
                  <a:lnTo>
                    <a:pt x="0" y="97789"/>
                  </a:lnTo>
                  <a:lnTo>
                    <a:pt x="0" y="488949"/>
                  </a:lnTo>
                  <a:lnTo>
                    <a:pt x="7684" y="527011"/>
                  </a:lnTo>
                  <a:lnTo>
                    <a:pt x="28640" y="558095"/>
                  </a:lnTo>
                  <a:lnTo>
                    <a:pt x="59723" y="579054"/>
                  </a:lnTo>
                  <a:lnTo>
                    <a:pt x="97790" y="586739"/>
                  </a:lnTo>
                  <a:lnTo>
                    <a:pt x="1557274" y="586739"/>
                  </a:lnTo>
                  <a:lnTo>
                    <a:pt x="1595335" y="579054"/>
                  </a:lnTo>
                  <a:lnTo>
                    <a:pt x="1626419" y="558095"/>
                  </a:lnTo>
                  <a:lnTo>
                    <a:pt x="1647378" y="527011"/>
                  </a:lnTo>
                  <a:lnTo>
                    <a:pt x="1655064" y="488949"/>
                  </a:lnTo>
                  <a:lnTo>
                    <a:pt x="1655064" y="97789"/>
                  </a:lnTo>
                  <a:lnTo>
                    <a:pt x="1647378" y="59723"/>
                  </a:lnTo>
                  <a:lnTo>
                    <a:pt x="1626419" y="28640"/>
                  </a:lnTo>
                  <a:lnTo>
                    <a:pt x="1595335" y="7684"/>
                  </a:lnTo>
                  <a:lnTo>
                    <a:pt x="1557274" y="0"/>
                  </a:lnTo>
                  <a:close/>
                </a:path>
              </a:pathLst>
            </a:custGeom>
            <a:solidFill>
              <a:srgbClr val="FFFFFF"/>
            </a:solidFill>
          </p:spPr>
          <p:txBody>
            <a:bodyPr wrap="square" lIns="0" tIns="0" rIns="0" bIns="0" rtlCol="0"/>
            <a:lstStyle/>
            <a:p>
              <a:endParaRPr/>
            </a:p>
          </p:txBody>
        </p:sp>
        <p:sp>
          <p:nvSpPr>
            <p:cNvPr id="61" name="object 61"/>
            <p:cNvSpPr/>
            <p:nvPr/>
          </p:nvSpPr>
          <p:spPr>
            <a:xfrm>
              <a:off x="1869947" y="2453643"/>
              <a:ext cx="1655445" cy="763905"/>
            </a:xfrm>
            <a:custGeom>
              <a:avLst/>
              <a:gdLst/>
              <a:ahLst/>
              <a:cxnLst/>
              <a:rect l="l" t="t" r="r" b="b"/>
              <a:pathLst>
                <a:path w="1655445" h="763905">
                  <a:moveTo>
                    <a:pt x="0" y="97789"/>
                  </a:moveTo>
                  <a:lnTo>
                    <a:pt x="7684" y="59723"/>
                  </a:lnTo>
                  <a:lnTo>
                    <a:pt x="28640" y="28640"/>
                  </a:lnTo>
                  <a:lnTo>
                    <a:pt x="59723" y="7684"/>
                  </a:lnTo>
                  <a:lnTo>
                    <a:pt x="97790" y="0"/>
                  </a:lnTo>
                  <a:lnTo>
                    <a:pt x="965454" y="0"/>
                  </a:lnTo>
                  <a:lnTo>
                    <a:pt x="1379220" y="0"/>
                  </a:lnTo>
                  <a:lnTo>
                    <a:pt x="1557274" y="0"/>
                  </a:lnTo>
                  <a:lnTo>
                    <a:pt x="1595335" y="7684"/>
                  </a:lnTo>
                  <a:lnTo>
                    <a:pt x="1626419" y="28640"/>
                  </a:lnTo>
                  <a:lnTo>
                    <a:pt x="1647378" y="59723"/>
                  </a:lnTo>
                  <a:lnTo>
                    <a:pt x="1655064" y="97789"/>
                  </a:lnTo>
                  <a:lnTo>
                    <a:pt x="1655064" y="342264"/>
                  </a:lnTo>
                  <a:lnTo>
                    <a:pt x="1655064" y="488949"/>
                  </a:lnTo>
                  <a:lnTo>
                    <a:pt x="1647378" y="527011"/>
                  </a:lnTo>
                  <a:lnTo>
                    <a:pt x="1626419" y="558095"/>
                  </a:lnTo>
                  <a:lnTo>
                    <a:pt x="1595335" y="579054"/>
                  </a:lnTo>
                  <a:lnTo>
                    <a:pt x="1557274" y="586739"/>
                  </a:lnTo>
                  <a:lnTo>
                    <a:pt x="1379220" y="586739"/>
                  </a:lnTo>
                  <a:lnTo>
                    <a:pt x="1403921" y="763650"/>
                  </a:lnTo>
                  <a:lnTo>
                    <a:pt x="965454" y="586739"/>
                  </a:lnTo>
                  <a:lnTo>
                    <a:pt x="97790" y="586739"/>
                  </a:lnTo>
                  <a:lnTo>
                    <a:pt x="59723" y="579054"/>
                  </a:lnTo>
                  <a:lnTo>
                    <a:pt x="28640" y="558095"/>
                  </a:lnTo>
                  <a:lnTo>
                    <a:pt x="7684" y="527011"/>
                  </a:lnTo>
                  <a:lnTo>
                    <a:pt x="0" y="488949"/>
                  </a:lnTo>
                  <a:lnTo>
                    <a:pt x="0" y="342264"/>
                  </a:lnTo>
                  <a:lnTo>
                    <a:pt x="0" y="97789"/>
                  </a:lnTo>
                  <a:close/>
                </a:path>
              </a:pathLst>
            </a:custGeom>
            <a:ln w="12192">
              <a:solidFill>
                <a:srgbClr val="000000"/>
              </a:solidFill>
            </a:ln>
          </p:spPr>
          <p:txBody>
            <a:bodyPr wrap="square" lIns="0" tIns="0" rIns="0" bIns="0" rtlCol="0"/>
            <a:lstStyle/>
            <a:p>
              <a:endParaRPr/>
            </a:p>
          </p:txBody>
        </p:sp>
      </p:grpSp>
      <p:sp>
        <p:nvSpPr>
          <p:cNvPr id="62" name="object 62"/>
          <p:cNvSpPr txBox="1"/>
          <p:nvPr/>
        </p:nvSpPr>
        <p:spPr>
          <a:xfrm>
            <a:off x="1947994" y="2518396"/>
            <a:ext cx="1570355" cy="453390"/>
          </a:xfrm>
          <a:prstGeom prst="rect">
            <a:avLst/>
          </a:prstGeom>
        </p:spPr>
        <p:txBody>
          <a:bodyPr vert="horz" wrap="square" lIns="0" tIns="13335" rIns="0" bIns="0" rtlCol="0">
            <a:spAutoFit/>
          </a:bodyPr>
          <a:lstStyle/>
          <a:p>
            <a:pPr marL="12700" marR="5080">
              <a:lnSpc>
                <a:spcPct val="100000"/>
              </a:lnSpc>
              <a:spcBef>
                <a:spcPts val="105"/>
              </a:spcBef>
            </a:pPr>
            <a:r>
              <a:rPr sz="1400" spc="-15" dirty="0">
                <a:latin typeface="Meiryo UI"/>
                <a:cs typeface="Meiryo UI"/>
              </a:rPr>
              <a:t>例：材料の○○%の</a:t>
            </a:r>
            <a:r>
              <a:rPr sz="1400" spc="-20" dirty="0">
                <a:latin typeface="Meiryo UI"/>
                <a:cs typeface="Meiryo UI"/>
              </a:rPr>
              <a:t>軽量化</a:t>
            </a:r>
            <a:endParaRPr sz="1400">
              <a:latin typeface="Meiryo UI"/>
              <a:cs typeface="Meiryo UI"/>
            </a:endParaRPr>
          </a:p>
        </p:txBody>
      </p:sp>
      <p:sp>
        <p:nvSpPr>
          <p:cNvPr id="63" name="object 63"/>
          <p:cNvSpPr txBox="1"/>
          <p:nvPr/>
        </p:nvSpPr>
        <p:spPr>
          <a:xfrm>
            <a:off x="5658820" y="5134601"/>
            <a:ext cx="534670" cy="208279"/>
          </a:xfrm>
          <a:prstGeom prst="rect">
            <a:avLst/>
          </a:prstGeom>
        </p:spPr>
        <p:txBody>
          <a:bodyPr vert="horz" wrap="square" lIns="0" tIns="12700" rIns="0" bIns="0" rtlCol="0">
            <a:spAutoFit/>
          </a:bodyPr>
          <a:lstStyle/>
          <a:p>
            <a:pPr marL="12700">
              <a:lnSpc>
                <a:spcPct val="100000"/>
              </a:lnSpc>
              <a:spcBef>
                <a:spcPts val="100"/>
              </a:spcBef>
            </a:pPr>
            <a:r>
              <a:rPr sz="1200" spc="-5" dirty="0">
                <a:latin typeface="Meiryo UI"/>
                <a:cs typeface="Meiryo UI"/>
              </a:rPr>
              <a:t>テーマ</a:t>
            </a:r>
            <a:r>
              <a:rPr sz="1200" spc="-50" dirty="0">
                <a:latin typeface="Meiryo UI"/>
                <a:cs typeface="Meiryo UI"/>
              </a:rPr>
              <a:t>ａ</a:t>
            </a:r>
            <a:endParaRPr sz="1200">
              <a:latin typeface="Meiryo UI"/>
              <a:cs typeface="Meiryo UI"/>
            </a:endParaRPr>
          </a:p>
        </p:txBody>
      </p:sp>
      <p:sp>
        <p:nvSpPr>
          <p:cNvPr id="64" name="object 64"/>
          <p:cNvSpPr txBox="1"/>
          <p:nvPr/>
        </p:nvSpPr>
        <p:spPr>
          <a:xfrm>
            <a:off x="5412541" y="3942832"/>
            <a:ext cx="534670" cy="208279"/>
          </a:xfrm>
          <a:prstGeom prst="rect">
            <a:avLst/>
          </a:prstGeom>
        </p:spPr>
        <p:txBody>
          <a:bodyPr vert="horz" wrap="square" lIns="0" tIns="12700" rIns="0" bIns="0" rtlCol="0">
            <a:spAutoFit/>
          </a:bodyPr>
          <a:lstStyle/>
          <a:p>
            <a:pPr marL="12700">
              <a:lnSpc>
                <a:spcPct val="100000"/>
              </a:lnSpc>
              <a:spcBef>
                <a:spcPts val="100"/>
              </a:spcBef>
            </a:pPr>
            <a:r>
              <a:rPr sz="1200" spc="-5" dirty="0">
                <a:latin typeface="Meiryo UI"/>
                <a:cs typeface="Meiryo UI"/>
              </a:rPr>
              <a:t>テーマ</a:t>
            </a:r>
            <a:r>
              <a:rPr sz="1200" spc="-50" dirty="0">
                <a:latin typeface="Meiryo UI"/>
                <a:cs typeface="Meiryo UI"/>
              </a:rPr>
              <a:t>ｂ</a:t>
            </a:r>
            <a:endParaRPr sz="1200">
              <a:latin typeface="Meiryo UI"/>
              <a:cs typeface="Meiryo UI"/>
            </a:endParaRPr>
          </a:p>
        </p:txBody>
      </p:sp>
      <p:sp>
        <p:nvSpPr>
          <p:cNvPr id="65" name="object 65"/>
          <p:cNvSpPr txBox="1"/>
          <p:nvPr/>
        </p:nvSpPr>
        <p:spPr>
          <a:xfrm>
            <a:off x="5854654" y="3271206"/>
            <a:ext cx="534670" cy="208279"/>
          </a:xfrm>
          <a:prstGeom prst="rect">
            <a:avLst/>
          </a:prstGeom>
        </p:spPr>
        <p:txBody>
          <a:bodyPr vert="horz" wrap="square" lIns="0" tIns="12700" rIns="0" bIns="0" rtlCol="0">
            <a:spAutoFit/>
          </a:bodyPr>
          <a:lstStyle/>
          <a:p>
            <a:pPr marL="12700">
              <a:lnSpc>
                <a:spcPct val="100000"/>
              </a:lnSpc>
              <a:spcBef>
                <a:spcPts val="100"/>
              </a:spcBef>
            </a:pPr>
            <a:r>
              <a:rPr sz="1200" spc="-5" dirty="0">
                <a:latin typeface="Meiryo UI"/>
                <a:cs typeface="Meiryo UI"/>
              </a:rPr>
              <a:t>テーマ</a:t>
            </a:r>
            <a:r>
              <a:rPr sz="1200" spc="-50" dirty="0">
                <a:latin typeface="Meiryo UI"/>
                <a:cs typeface="Meiryo UI"/>
              </a:rPr>
              <a:t>ｃ</a:t>
            </a:r>
            <a:endParaRPr sz="1200">
              <a:latin typeface="Meiryo UI"/>
              <a:cs typeface="Meiryo UI"/>
            </a:endParaRPr>
          </a:p>
        </p:txBody>
      </p:sp>
      <p:sp>
        <p:nvSpPr>
          <p:cNvPr id="66" name="object 66"/>
          <p:cNvSpPr txBox="1"/>
          <p:nvPr/>
        </p:nvSpPr>
        <p:spPr>
          <a:xfrm>
            <a:off x="6643019" y="4741561"/>
            <a:ext cx="534670" cy="208279"/>
          </a:xfrm>
          <a:prstGeom prst="rect">
            <a:avLst/>
          </a:prstGeom>
        </p:spPr>
        <p:txBody>
          <a:bodyPr vert="horz" wrap="square" lIns="0" tIns="12700" rIns="0" bIns="0" rtlCol="0">
            <a:spAutoFit/>
          </a:bodyPr>
          <a:lstStyle/>
          <a:p>
            <a:pPr marL="12700">
              <a:lnSpc>
                <a:spcPct val="100000"/>
              </a:lnSpc>
              <a:spcBef>
                <a:spcPts val="100"/>
              </a:spcBef>
            </a:pPr>
            <a:r>
              <a:rPr sz="1200" spc="-5" dirty="0">
                <a:latin typeface="Meiryo UI"/>
                <a:cs typeface="Meiryo UI"/>
              </a:rPr>
              <a:t>テーマ</a:t>
            </a:r>
            <a:r>
              <a:rPr sz="1200" spc="-50" dirty="0">
                <a:latin typeface="Meiryo UI"/>
                <a:cs typeface="Meiryo UI"/>
              </a:rPr>
              <a:t>ｄ</a:t>
            </a:r>
            <a:endParaRPr sz="1200">
              <a:latin typeface="Meiryo UI"/>
              <a:cs typeface="Meiryo UI"/>
            </a:endParaRPr>
          </a:p>
        </p:txBody>
      </p:sp>
      <p:sp>
        <p:nvSpPr>
          <p:cNvPr id="67" name="object 67"/>
          <p:cNvSpPr txBox="1"/>
          <p:nvPr/>
        </p:nvSpPr>
        <p:spPr>
          <a:xfrm>
            <a:off x="7466131" y="4682125"/>
            <a:ext cx="534670" cy="208279"/>
          </a:xfrm>
          <a:prstGeom prst="rect">
            <a:avLst/>
          </a:prstGeom>
        </p:spPr>
        <p:txBody>
          <a:bodyPr vert="horz" wrap="square" lIns="0" tIns="12700" rIns="0" bIns="0" rtlCol="0">
            <a:spAutoFit/>
          </a:bodyPr>
          <a:lstStyle/>
          <a:p>
            <a:pPr marL="12700">
              <a:lnSpc>
                <a:spcPct val="100000"/>
              </a:lnSpc>
              <a:spcBef>
                <a:spcPts val="100"/>
              </a:spcBef>
            </a:pPr>
            <a:r>
              <a:rPr sz="1200" spc="-5" dirty="0">
                <a:latin typeface="Meiryo UI"/>
                <a:cs typeface="Meiryo UI"/>
              </a:rPr>
              <a:t>テーマ</a:t>
            </a:r>
            <a:r>
              <a:rPr sz="1200" spc="-50" dirty="0">
                <a:latin typeface="Meiryo UI"/>
                <a:cs typeface="Meiryo UI"/>
              </a:rPr>
              <a:t>ｅ</a:t>
            </a:r>
            <a:endParaRPr sz="1200">
              <a:latin typeface="Meiryo UI"/>
              <a:cs typeface="Meiryo UI"/>
            </a:endParaRPr>
          </a:p>
        </p:txBody>
      </p:sp>
      <p:sp>
        <p:nvSpPr>
          <p:cNvPr id="68" name="object 68"/>
          <p:cNvSpPr txBox="1"/>
          <p:nvPr/>
        </p:nvSpPr>
        <p:spPr>
          <a:xfrm>
            <a:off x="6921979" y="1433408"/>
            <a:ext cx="1992630" cy="177800"/>
          </a:xfrm>
          <a:prstGeom prst="rect">
            <a:avLst/>
          </a:prstGeom>
        </p:spPr>
        <p:txBody>
          <a:bodyPr vert="horz" wrap="square" lIns="0" tIns="12065" rIns="0" bIns="0" rtlCol="0">
            <a:spAutoFit/>
          </a:bodyPr>
          <a:lstStyle/>
          <a:p>
            <a:pPr marL="12700">
              <a:lnSpc>
                <a:spcPct val="100000"/>
              </a:lnSpc>
              <a:spcBef>
                <a:spcPts val="95"/>
              </a:spcBef>
            </a:pPr>
            <a:r>
              <a:rPr sz="1000" spc="-15" dirty="0">
                <a:latin typeface="Meiryo UI"/>
                <a:cs typeface="Meiryo UI"/>
              </a:rPr>
              <a:t>（</a:t>
            </a:r>
            <a:r>
              <a:rPr sz="1000" spc="-25" dirty="0">
                <a:latin typeface="Meiryo UI"/>
                <a:cs typeface="Meiryo UI"/>
              </a:rPr>
              <a:t>基本的なケースを想定したイメージ</a:t>
            </a:r>
            <a:r>
              <a:rPr sz="1000" spc="-50" dirty="0">
                <a:latin typeface="Meiryo UI"/>
                <a:cs typeface="Meiryo UI"/>
              </a:rPr>
              <a:t>）</a:t>
            </a:r>
            <a:endParaRPr sz="1000">
              <a:latin typeface="Meiryo UI"/>
              <a:cs typeface="Meiryo UI"/>
            </a:endParaRPr>
          </a:p>
        </p:txBody>
      </p:sp>
      <p:grpSp>
        <p:nvGrpSpPr>
          <p:cNvPr id="69" name="object 69"/>
          <p:cNvGrpSpPr/>
          <p:nvPr/>
        </p:nvGrpSpPr>
        <p:grpSpPr>
          <a:xfrm>
            <a:off x="6028476" y="3681949"/>
            <a:ext cx="1082675" cy="1607820"/>
            <a:chOff x="6028476" y="3681949"/>
            <a:chExt cx="1082675" cy="1607820"/>
          </a:xfrm>
        </p:grpSpPr>
        <p:pic>
          <p:nvPicPr>
            <p:cNvPr id="70" name="object 70"/>
            <p:cNvPicPr/>
            <p:nvPr/>
          </p:nvPicPr>
          <p:blipFill>
            <a:blip r:embed="rId15" cstate="print"/>
            <a:stretch>
              <a:fillRect/>
            </a:stretch>
          </p:blipFill>
          <p:spPr>
            <a:xfrm>
              <a:off x="6906732" y="5082956"/>
              <a:ext cx="204254" cy="206324"/>
            </a:xfrm>
            <a:prstGeom prst="rect">
              <a:avLst/>
            </a:prstGeom>
          </p:spPr>
        </p:pic>
        <p:pic>
          <p:nvPicPr>
            <p:cNvPr id="71" name="object 71"/>
            <p:cNvPicPr/>
            <p:nvPr/>
          </p:nvPicPr>
          <p:blipFill>
            <a:blip r:embed="rId16" cstate="print"/>
            <a:stretch>
              <a:fillRect/>
            </a:stretch>
          </p:blipFill>
          <p:spPr>
            <a:xfrm>
              <a:off x="6089834" y="4579630"/>
              <a:ext cx="204254" cy="206324"/>
            </a:xfrm>
            <a:prstGeom prst="rect">
              <a:avLst/>
            </a:prstGeom>
          </p:spPr>
        </p:pic>
        <p:pic>
          <p:nvPicPr>
            <p:cNvPr id="72" name="object 72"/>
            <p:cNvPicPr/>
            <p:nvPr/>
          </p:nvPicPr>
          <p:blipFill>
            <a:blip r:embed="rId17" cstate="print"/>
            <a:stretch>
              <a:fillRect/>
            </a:stretch>
          </p:blipFill>
          <p:spPr>
            <a:xfrm>
              <a:off x="6028476" y="3681949"/>
              <a:ext cx="204254" cy="206324"/>
            </a:xfrm>
            <a:prstGeom prst="rect">
              <a:avLst/>
            </a:prstGeom>
          </p:spPr>
        </p:pic>
        <p:pic>
          <p:nvPicPr>
            <p:cNvPr id="73" name="object 73"/>
            <p:cNvPicPr/>
            <p:nvPr/>
          </p:nvPicPr>
          <p:blipFill>
            <a:blip r:embed="rId18" cstate="print"/>
            <a:stretch>
              <a:fillRect/>
            </a:stretch>
          </p:blipFill>
          <p:spPr>
            <a:xfrm>
              <a:off x="6851376" y="3832718"/>
              <a:ext cx="204254" cy="206324"/>
            </a:xfrm>
            <a:prstGeom prst="rect">
              <a:avLst/>
            </a:prstGeom>
          </p:spPr>
        </p:pic>
      </p:grpSp>
      <p:sp>
        <p:nvSpPr>
          <p:cNvPr id="74" name="object 74"/>
          <p:cNvSpPr txBox="1"/>
          <p:nvPr/>
        </p:nvSpPr>
        <p:spPr>
          <a:xfrm>
            <a:off x="288036" y="638555"/>
            <a:ext cx="8563610" cy="585470"/>
          </a:xfrm>
          <a:prstGeom prst="rect">
            <a:avLst/>
          </a:prstGeom>
          <a:ln w="12192">
            <a:solidFill>
              <a:srgbClr val="000000"/>
            </a:solidFill>
          </a:ln>
        </p:spPr>
        <p:txBody>
          <a:bodyPr vert="horz" wrap="square" lIns="0" tIns="46990" rIns="0" bIns="0" rtlCol="0">
            <a:spAutoFit/>
          </a:bodyPr>
          <a:lstStyle/>
          <a:p>
            <a:pPr marL="274320" marR="178435" indent="-182880">
              <a:lnSpc>
                <a:spcPct val="100000"/>
              </a:lnSpc>
              <a:spcBef>
                <a:spcPts val="370"/>
              </a:spcBef>
            </a:pPr>
            <a:r>
              <a:rPr sz="1600" spc="-35" dirty="0">
                <a:latin typeface="Meiryo UI"/>
                <a:cs typeface="Meiryo UI"/>
              </a:rPr>
              <a:t>○社会課題の解決に向けて、従来よりも、技術開発や事業環境の変化が速まる中で、機動的かつ総合</a:t>
            </a:r>
            <a:r>
              <a:rPr sz="1600" spc="-30" dirty="0">
                <a:latin typeface="Meiryo UI"/>
                <a:cs typeface="Meiryo UI"/>
              </a:rPr>
              <a:t>的なアプローチが必要となっている。</a:t>
            </a:r>
            <a:endParaRPr sz="1600">
              <a:latin typeface="Meiryo UI"/>
              <a:cs typeface="Meiryo UI"/>
            </a:endParaRPr>
          </a:p>
        </p:txBody>
      </p:sp>
    </p:spTree>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380DCA29-0859-D3ED-0586-E4B54A97196A}"/>
              </a:ext>
            </a:extLst>
          </p:cNvPr>
          <p:cNvSpPr>
            <a:spLocks noGrp="1"/>
          </p:cNvSpPr>
          <p:nvPr>
            <p:ph type="sldNum" sz="quarter" idx="12"/>
          </p:nvPr>
        </p:nvSpPr>
        <p:spPr/>
        <p:txBody>
          <a:bodyPr/>
          <a:lstStyle/>
          <a:p>
            <a:pPr defTabSz="371446"/>
            <a:fld id="{B424A714-972D-431A-872C-1B0FE76119C1}" type="slidenum">
              <a:rPr kumimoji="0" lang="ja-JP" altLang="en-US" smtClean="0"/>
              <a:pPr defTabSz="371446"/>
              <a:t>72</a:t>
            </a:fld>
            <a:endParaRPr kumimoji="0" lang="ja-JP" altLang="en-US" dirty="0"/>
          </a:p>
        </p:txBody>
      </p:sp>
      <p:sp>
        <p:nvSpPr>
          <p:cNvPr id="3" name="テキスト ボックス 2">
            <a:extLst>
              <a:ext uri="{FF2B5EF4-FFF2-40B4-BE49-F238E27FC236}">
                <a16:creationId xmlns:a16="http://schemas.microsoft.com/office/drawing/2014/main" id="{AFDA711A-A060-5124-794E-3718254CBBD3}"/>
              </a:ext>
            </a:extLst>
          </p:cNvPr>
          <p:cNvSpPr txBox="1"/>
          <p:nvPr/>
        </p:nvSpPr>
        <p:spPr>
          <a:xfrm>
            <a:off x="516194" y="457200"/>
            <a:ext cx="7808548" cy="6071662"/>
          </a:xfrm>
          <a:prstGeom prst="rect">
            <a:avLst/>
          </a:prstGeom>
          <a:noFill/>
        </p:spPr>
        <p:txBody>
          <a:bodyPr wrap="none" rtlCol="0">
            <a:spAutoFit/>
          </a:bodyPr>
          <a:lstStyle/>
          <a:p>
            <a:r>
              <a:rPr kumimoji="1" lang="en-US" altLang="ja-JP" dirty="0"/>
              <a:t>SIP</a:t>
            </a:r>
            <a:r>
              <a:rPr kumimoji="1" lang="ja-JP" altLang="en-US" dirty="0"/>
              <a:t>課　⇒植野の感想</a:t>
            </a:r>
            <a:endParaRPr kumimoji="1" lang="en-US" altLang="ja-JP" dirty="0"/>
          </a:p>
          <a:p>
            <a:endParaRPr lang="en-US" altLang="ja-JP" dirty="0"/>
          </a:p>
          <a:p>
            <a:r>
              <a:rPr kumimoji="1" lang="ja-JP" altLang="en-US" dirty="0"/>
              <a:t>●現在第３期　⇒　第</a:t>
            </a:r>
            <a:r>
              <a:rPr kumimoji="1" lang="en-US" altLang="ja-JP" dirty="0"/>
              <a:t>1</a:t>
            </a:r>
            <a:r>
              <a:rPr kumimoji="1" lang="ja-JP" altLang="en-US" dirty="0"/>
              <a:t>期は実証不足</a:t>
            </a:r>
            <a:endParaRPr kumimoji="1" lang="en-US" altLang="ja-JP" dirty="0"/>
          </a:p>
          <a:p>
            <a:endParaRPr lang="en-US" altLang="ja-JP" dirty="0"/>
          </a:p>
          <a:p>
            <a:r>
              <a:rPr kumimoji="1" lang="ja-JP" altLang="en-US" dirty="0"/>
              <a:t>　　　　　　　　　第</a:t>
            </a:r>
            <a:r>
              <a:rPr kumimoji="1" lang="en-US" altLang="ja-JP" dirty="0"/>
              <a:t>2</a:t>
            </a:r>
            <a:r>
              <a:rPr kumimoji="1" lang="ja-JP" altLang="en-US" dirty="0"/>
              <a:t>期はインフラ系は採択されず</a:t>
            </a:r>
            <a:endParaRPr kumimoji="1" lang="en-US" altLang="ja-JP" dirty="0"/>
          </a:p>
          <a:p>
            <a:endParaRPr lang="en-US" altLang="ja-JP" dirty="0"/>
          </a:p>
          <a:p>
            <a:r>
              <a:rPr kumimoji="1" lang="ja-JP" altLang="en-US" dirty="0"/>
              <a:t>　　　　　　　　　第</a:t>
            </a:r>
            <a:r>
              <a:rPr kumimoji="1" lang="en-US" altLang="ja-JP" dirty="0"/>
              <a:t>3</a:t>
            </a:r>
            <a:r>
              <a:rPr kumimoji="1" lang="ja-JP" altLang="en-US" dirty="0"/>
              <a:t>期は、実装と教育が課題</a:t>
            </a:r>
            <a:endParaRPr kumimoji="1" lang="en-US" altLang="ja-JP" dirty="0"/>
          </a:p>
          <a:p>
            <a:endParaRPr lang="en-US" altLang="ja-JP" dirty="0"/>
          </a:p>
          <a:p>
            <a:r>
              <a:rPr kumimoji="1" lang="ja-JP" altLang="en-US" dirty="0"/>
              <a:t>●現実</a:t>
            </a:r>
            <a:endParaRPr kumimoji="1" lang="en-US" altLang="ja-JP" dirty="0"/>
          </a:p>
          <a:p>
            <a:r>
              <a:rPr lang="ja-JP" altLang="en-US" dirty="0"/>
              <a:t>　・大学の先生の手柄争い</a:t>
            </a:r>
            <a:endParaRPr lang="en-US" altLang="ja-JP" dirty="0"/>
          </a:p>
          <a:p>
            <a:r>
              <a:rPr kumimoji="1" lang="ja-JP" altLang="en-US" dirty="0"/>
              <a:t>　・大学の科研費獲得争い</a:t>
            </a:r>
            <a:endParaRPr kumimoji="1" lang="en-US" altLang="ja-JP" dirty="0"/>
          </a:p>
          <a:p>
            <a:r>
              <a:rPr lang="ja-JP" altLang="en-US" dirty="0"/>
              <a:t>　　になってしまっている。</a:t>
            </a:r>
            <a:endParaRPr lang="en-US" altLang="ja-JP" dirty="0"/>
          </a:p>
          <a:p>
            <a:endParaRPr kumimoji="1" lang="en-US" altLang="ja-JP" dirty="0"/>
          </a:p>
          <a:p>
            <a:r>
              <a:rPr lang="ja-JP" altLang="en-US" dirty="0"/>
              <a:t>　　　植野も何回かヒアリングを受けたが、</a:t>
            </a:r>
            <a:endParaRPr lang="en-US" altLang="ja-JP" dirty="0"/>
          </a:p>
          <a:p>
            <a:r>
              <a:rPr lang="ja-JP" altLang="en-US" dirty="0"/>
              <a:t>　　　事務局コンサルの能力不足で、本質が理解できていない。</a:t>
            </a:r>
            <a:endParaRPr lang="en-US" altLang="ja-JP" dirty="0"/>
          </a:p>
          <a:p>
            <a:endParaRPr kumimoji="1" lang="en-US" altLang="ja-JP" dirty="0"/>
          </a:p>
          <a:p>
            <a:r>
              <a:rPr kumimoji="1" lang="ja-JP" altLang="en-US" dirty="0"/>
              <a:t>●実装は今のままでは無理（自己満足）</a:t>
            </a:r>
            <a:endParaRPr kumimoji="1" lang="en-US" altLang="ja-JP" dirty="0"/>
          </a:p>
          <a:p>
            <a:endParaRPr lang="en-US" altLang="ja-JP" dirty="0"/>
          </a:p>
          <a:p>
            <a:r>
              <a:rPr kumimoji="1" lang="ja-JP" altLang="en-US" dirty="0"/>
              <a:t>　教育もかなりハードル高い（本質が理解できていない）</a:t>
            </a:r>
          </a:p>
        </p:txBody>
      </p:sp>
    </p:spTree>
    <p:extLst>
      <p:ext uri="{BB962C8B-B14F-4D97-AF65-F5344CB8AC3E}">
        <p14:creationId xmlns:p14="http://schemas.microsoft.com/office/powerpoint/2010/main" val="3597789656"/>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2C35F6AD-DF85-EAEF-264B-516901D063F2}"/>
              </a:ext>
            </a:extLst>
          </p:cNvPr>
          <p:cNvSpPr>
            <a:spLocks noGrp="1"/>
          </p:cNvSpPr>
          <p:nvPr>
            <p:ph type="sldNum" sz="quarter" idx="12"/>
          </p:nvPr>
        </p:nvSpPr>
        <p:spPr/>
        <p:txBody>
          <a:bodyPr/>
          <a:lstStyle/>
          <a:p>
            <a:pPr defTabSz="371446"/>
            <a:fld id="{B424A714-972D-431A-872C-1B0FE76119C1}" type="slidenum">
              <a:rPr kumimoji="0" lang="ja-JP" altLang="en-US" smtClean="0"/>
              <a:pPr defTabSz="371446"/>
              <a:t>73</a:t>
            </a:fld>
            <a:endParaRPr kumimoji="0" lang="ja-JP" altLang="en-US" dirty="0"/>
          </a:p>
        </p:txBody>
      </p:sp>
      <p:sp>
        <p:nvSpPr>
          <p:cNvPr id="3" name="テキスト ボックス 2">
            <a:extLst>
              <a:ext uri="{FF2B5EF4-FFF2-40B4-BE49-F238E27FC236}">
                <a16:creationId xmlns:a16="http://schemas.microsoft.com/office/drawing/2014/main" id="{7E784396-DA70-863F-36BD-E69CAFE8B77A}"/>
              </a:ext>
            </a:extLst>
          </p:cNvPr>
          <p:cNvSpPr txBox="1"/>
          <p:nvPr/>
        </p:nvSpPr>
        <p:spPr>
          <a:xfrm>
            <a:off x="1415845" y="2654710"/>
            <a:ext cx="2954655" cy="646331"/>
          </a:xfrm>
          <a:prstGeom prst="rect">
            <a:avLst/>
          </a:prstGeom>
          <a:noFill/>
        </p:spPr>
        <p:txBody>
          <a:bodyPr wrap="none" rtlCol="0">
            <a:spAutoFit/>
          </a:bodyPr>
          <a:lstStyle/>
          <a:p>
            <a:r>
              <a:rPr kumimoji="1" lang="ja-JP" altLang="en-US" sz="3600" dirty="0"/>
              <a:t>富山市の例　</a:t>
            </a:r>
          </a:p>
        </p:txBody>
      </p:sp>
    </p:spTree>
    <p:extLst>
      <p:ext uri="{BB962C8B-B14F-4D97-AF65-F5344CB8AC3E}">
        <p14:creationId xmlns:p14="http://schemas.microsoft.com/office/powerpoint/2010/main" val="4241963830"/>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sldNum" sz="quarter" idx="7"/>
          </p:nvPr>
        </p:nvSpPr>
        <p:spPr>
          <a:xfrm>
            <a:off x="0" y="195477"/>
            <a:ext cx="0" cy="231342"/>
          </a:xfrm>
          <a:prstGeom prst="rect">
            <a:avLst/>
          </a:prstGeom>
        </p:spPr>
        <p:txBody>
          <a:bodyPr vert="horz" wrap="square" lIns="0" tIns="20634" rIns="0" bIns="0" rtlCol="0">
            <a:spAutoFit/>
          </a:bodyPr>
          <a:lstStyle/>
          <a:p>
            <a:pPr marL="157467">
              <a:spcBef>
                <a:spcPts val="162"/>
              </a:spcBef>
            </a:pPr>
            <a:r>
              <a:rPr spc="-43" dirty="0"/>
              <a:t>8</a:t>
            </a:r>
          </a:p>
        </p:txBody>
      </p:sp>
      <p:sp>
        <p:nvSpPr>
          <p:cNvPr id="2" name="object 2"/>
          <p:cNvSpPr txBox="1">
            <a:spLocks noGrp="1"/>
          </p:cNvSpPr>
          <p:nvPr>
            <p:ph type="title"/>
          </p:nvPr>
        </p:nvSpPr>
        <p:spPr>
          <a:xfrm>
            <a:off x="1955643" y="2686728"/>
            <a:ext cx="5227935" cy="2142896"/>
          </a:xfrm>
          <a:prstGeom prst="rect">
            <a:avLst/>
          </a:prstGeom>
        </p:spPr>
        <p:txBody>
          <a:bodyPr vert="horz" wrap="square" lIns="0" tIns="10860" rIns="0" bIns="0" rtlCol="0">
            <a:spAutoFit/>
          </a:bodyPr>
          <a:lstStyle/>
          <a:p>
            <a:pPr marL="10860">
              <a:lnSpc>
                <a:spcPct val="100000"/>
              </a:lnSpc>
              <a:spcBef>
                <a:spcPts val="86"/>
              </a:spcBef>
            </a:pPr>
            <a:r>
              <a:rPr lang="ja-JP" altLang="en-US" sz="4618" spc="-30" dirty="0">
                <a:solidFill>
                  <a:srgbClr val="4BACC6"/>
                </a:solidFill>
              </a:rPr>
              <a:t>富山市の事例</a:t>
            </a:r>
            <a:br>
              <a:rPr lang="en-US" altLang="ja-JP" sz="4618" spc="-30" dirty="0">
                <a:solidFill>
                  <a:srgbClr val="4BACC6"/>
                </a:solidFill>
              </a:rPr>
            </a:br>
            <a:br>
              <a:rPr lang="en-US" altLang="ja-JP" sz="4618" spc="-30" dirty="0">
                <a:solidFill>
                  <a:srgbClr val="4BACC6"/>
                </a:solidFill>
              </a:rPr>
            </a:br>
            <a:endParaRPr sz="4618" dirty="0"/>
          </a:p>
        </p:txBody>
      </p:sp>
    </p:spTree>
    <p:extLst>
      <p:ext uri="{BB962C8B-B14F-4D97-AF65-F5344CB8AC3E}">
        <p14:creationId xmlns:p14="http://schemas.microsoft.com/office/powerpoint/2010/main" val="247245650"/>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テキスト ボックス 2"/>
          <p:cNvSpPr txBox="1">
            <a:spLocks noChangeArrowheads="1"/>
          </p:cNvSpPr>
          <p:nvPr/>
        </p:nvSpPr>
        <p:spPr bwMode="auto">
          <a:xfrm>
            <a:off x="265189" y="200037"/>
            <a:ext cx="7157729"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ja-JP" altLang="en-US" sz="3600" b="1" dirty="0">
                <a:latin typeface="Arial" panose="020B0604020202020204" pitchFamily="34" charset="0"/>
              </a:rPr>
              <a:t>マネジメントサイクルで課題を考える</a:t>
            </a:r>
          </a:p>
        </p:txBody>
      </p:sp>
      <p:sp>
        <p:nvSpPr>
          <p:cNvPr id="2" name="四角形吹き出し 1"/>
          <p:cNvSpPr/>
          <p:nvPr/>
        </p:nvSpPr>
        <p:spPr>
          <a:xfrm>
            <a:off x="198438" y="801688"/>
            <a:ext cx="2089150" cy="935037"/>
          </a:xfrm>
          <a:prstGeom prst="wedgeRectCallout">
            <a:avLst>
              <a:gd name="adj1" fmla="val 46928"/>
              <a:gd name="adj2" fmla="val 86001"/>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再補修の時期予測とコスト</a:t>
            </a:r>
          </a:p>
        </p:txBody>
      </p:sp>
      <p:sp>
        <p:nvSpPr>
          <p:cNvPr id="7" name="四角形吹き出し 6"/>
          <p:cNvSpPr/>
          <p:nvPr/>
        </p:nvSpPr>
        <p:spPr>
          <a:xfrm>
            <a:off x="120686" y="5026025"/>
            <a:ext cx="4133850" cy="990600"/>
          </a:xfrm>
          <a:prstGeom prst="wedgeRectCallout">
            <a:avLst>
              <a:gd name="adj1" fmla="val 3857"/>
              <a:gd name="adj2" fmla="val -129793"/>
            </a:avLst>
          </a:prstGeom>
          <a:ln w="57150">
            <a:solidFill>
              <a:srgbClr val="FF3300"/>
            </a:solidFill>
          </a:ln>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highlight>
                  <a:srgbClr val="FFFF00"/>
                </a:highlight>
              </a:rPr>
              <a:t>補修の工法の選定は？</a:t>
            </a:r>
            <a:endParaRPr lang="en-US" altLang="ja-JP" sz="2000" b="1" dirty="0">
              <a:highlight>
                <a:srgbClr val="FFFF00"/>
              </a:highlight>
            </a:endParaRPr>
          </a:p>
          <a:p>
            <a:pPr algn="ctr" eaLnBrk="1" fontAlgn="auto" hangingPunct="1">
              <a:spcBef>
                <a:spcPts val="0"/>
              </a:spcBef>
              <a:spcAft>
                <a:spcPts val="0"/>
              </a:spcAft>
              <a:defRPr/>
            </a:pPr>
            <a:r>
              <a:rPr lang="ja-JP" altLang="en-US" sz="2000" b="1" dirty="0">
                <a:solidFill>
                  <a:schemeClr val="tx1"/>
                </a:solidFill>
                <a:highlight>
                  <a:srgbClr val="FFFF00"/>
                </a:highlight>
              </a:rPr>
              <a:t>有効な補修技術が分かっていない。</a:t>
            </a:r>
            <a:endParaRPr lang="en-US" altLang="ja-JP" sz="2000" b="1" dirty="0">
              <a:solidFill>
                <a:schemeClr val="tx1"/>
              </a:solidFill>
              <a:highlight>
                <a:srgbClr val="FFFF00"/>
              </a:highlight>
            </a:endParaRPr>
          </a:p>
          <a:p>
            <a:pPr algn="ctr" eaLnBrk="1" fontAlgn="auto" hangingPunct="1">
              <a:spcBef>
                <a:spcPts val="0"/>
              </a:spcBef>
              <a:spcAft>
                <a:spcPts val="0"/>
              </a:spcAft>
              <a:defRPr/>
            </a:pPr>
            <a:r>
              <a:rPr lang="ja-JP" altLang="en-US" sz="2000" b="1" dirty="0">
                <a:solidFill>
                  <a:schemeClr val="tx1"/>
                </a:solidFill>
                <a:highlight>
                  <a:srgbClr val="FFFF00"/>
                </a:highlight>
              </a:rPr>
              <a:t>実装のための実証不足</a:t>
            </a:r>
            <a:endParaRPr lang="ja-JP" altLang="en-US" sz="2000" b="1" dirty="0">
              <a:highlight>
                <a:srgbClr val="FFFF00"/>
              </a:highlight>
            </a:endParaRPr>
          </a:p>
        </p:txBody>
      </p:sp>
      <p:sp>
        <p:nvSpPr>
          <p:cNvPr id="8" name="四角形吹き出し 7"/>
          <p:cNvSpPr/>
          <p:nvPr/>
        </p:nvSpPr>
        <p:spPr>
          <a:xfrm>
            <a:off x="5345113" y="765175"/>
            <a:ext cx="3492500" cy="719138"/>
          </a:xfrm>
          <a:prstGeom prst="wedgeRectCallout">
            <a:avLst>
              <a:gd name="adj1" fmla="val -68131"/>
              <a:gd name="adj2" fmla="val 10995"/>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結果は信頼できるか？</a:t>
            </a:r>
            <a:endParaRPr lang="en-US" altLang="ja-JP" sz="2000" b="1" dirty="0"/>
          </a:p>
          <a:p>
            <a:pPr algn="ctr" eaLnBrk="1" fontAlgn="auto" hangingPunct="1">
              <a:spcBef>
                <a:spcPts val="0"/>
              </a:spcBef>
              <a:spcAft>
                <a:spcPts val="0"/>
              </a:spcAft>
              <a:defRPr/>
            </a:pPr>
            <a:r>
              <a:rPr lang="ja-JP" altLang="en-US" sz="2000" b="1" dirty="0">
                <a:solidFill>
                  <a:schemeClr val="tx1"/>
                </a:solidFill>
              </a:rPr>
              <a:t>知見不足。手抜き</a:t>
            </a:r>
            <a:endParaRPr lang="ja-JP" altLang="en-US" sz="2000" b="1" dirty="0"/>
          </a:p>
        </p:txBody>
      </p:sp>
      <p:sp>
        <p:nvSpPr>
          <p:cNvPr id="9" name="四角形吹き出し 8"/>
          <p:cNvSpPr/>
          <p:nvPr/>
        </p:nvSpPr>
        <p:spPr>
          <a:xfrm>
            <a:off x="5834063" y="5684518"/>
            <a:ext cx="3003550" cy="842963"/>
          </a:xfrm>
          <a:prstGeom prst="wedgeRectCallout">
            <a:avLst>
              <a:gd name="adj1" fmla="val -62609"/>
              <a:gd name="adj2" fmla="val -136074"/>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判断基準と財政負担評価</a:t>
            </a:r>
          </a:p>
        </p:txBody>
      </p:sp>
      <p:sp>
        <p:nvSpPr>
          <p:cNvPr id="10" name="四角形吹き出し 9"/>
          <p:cNvSpPr/>
          <p:nvPr/>
        </p:nvSpPr>
        <p:spPr>
          <a:xfrm>
            <a:off x="5715831" y="2238950"/>
            <a:ext cx="3003550" cy="828675"/>
          </a:xfrm>
          <a:prstGeom prst="wedgeRectCallout">
            <a:avLst>
              <a:gd name="adj1" fmla="val -75789"/>
              <a:gd name="adj2" fmla="val -24282"/>
            </a:avLst>
          </a:prstGeom>
        </p:spPr>
        <p:style>
          <a:lnRef idx="2">
            <a:schemeClr val="accent6"/>
          </a:lnRef>
          <a:fillRef idx="1">
            <a:schemeClr val="lt1"/>
          </a:fillRef>
          <a:effectRef idx="0">
            <a:schemeClr val="accent6"/>
          </a:effectRef>
          <a:fontRef idx="minor">
            <a:schemeClr val="dk1"/>
          </a:fontRef>
        </p:style>
        <p:txBody>
          <a:bodyPr anchor="ctr"/>
          <a:lstStyle/>
          <a:p>
            <a:pPr algn="ctr" eaLnBrk="1" fontAlgn="auto" hangingPunct="1">
              <a:spcBef>
                <a:spcPts val="0"/>
              </a:spcBef>
              <a:spcAft>
                <a:spcPts val="0"/>
              </a:spcAft>
              <a:defRPr/>
            </a:pPr>
            <a:r>
              <a:rPr lang="ja-JP" altLang="en-US" sz="2000" b="1" dirty="0"/>
              <a:t>診断･評価は的確か？</a:t>
            </a:r>
            <a:endParaRPr lang="en-US" altLang="ja-JP" sz="2000" b="1" dirty="0"/>
          </a:p>
          <a:p>
            <a:pPr algn="ctr" eaLnBrk="1" fontAlgn="auto" hangingPunct="1">
              <a:spcBef>
                <a:spcPts val="0"/>
              </a:spcBef>
              <a:spcAft>
                <a:spcPts val="0"/>
              </a:spcAft>
              <a:defRPr/>
            </a:pPr>
            <a:r>
              <a:rPr lang="ja-JP" altLang="en-US" sz="2000" b="1" dirty="0">
                <a:solidFill>
                  <a:schemeClr val="tx1"/>
                </a:solidFill>
              </a:rPr>
              <a:t>官側が判断できない</a:t>
            </a:r>
            <a:r>
              <a:rPr lang="ja-JP" altLang="en-US" sz="2000" dirty="0">
                <a:solidFill>
                  <a:schemeClr val="tx1"/>
                </a:solidFill>
              </a:rPr>
              <a:t>。</a:t>
            </a:r>
            <a:endParaRPr lang="ja-JP" altLang="en-US" sz="2000" b="1" dirty="0"/>
          </a:p>
        </p:txBody>
      </p:sp>
      <p:sp>
        <p:nvSpPr>
          <p:cNvPr id="3" name="角丸四角形 2"/>
          <p:cNvSpPr/>
          <p:nvPr/>
        </p:nvSpPr>
        <p:spPr>
          <a:xfrm>
            <a:off x="3495675" y="890588"/>
            <a:ext cx="1223963" cy="466725"/>
          </a:xfrm>
          <a:prstGeom prst="roundRect">
            <a:avLst/>
          </a:prstGeom>
          <a:solidFill>
            <a:schemeClr val="accent3">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点検</a:t>
            </a:r>
          </a:p>
        </p:txBody>
      </p:sp>
      <p:sp>
        <p:nvSpPr>
          <p:cNvPr id="51209" name="テキスト ボックス 3"/>
          <p:cNvSpPr txBox="1">
            <a:spLocks noChangeArrowheads="1"/>
          </p:cNvSpPr>
          <p:nvPr/>
        </p:nvSpPr>
        <p:spPr bwMode="auto">
          <a:xfrm>
            <a:off x="5029200" y="1557338"/>
            <a:ext cx="3576620"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ja-JP" altLang="en-US" sz="1600" b="1" dirty="0">
                <a:latin typeface="Arial" panose="020B0604020202020204" pitchFamily="34" charset="0"/>
              </a:rPr>
              <a:t>・定期点検レベルでどこまでわかる？</a:t>
            </a:r>
            <a:endParaRPr kumimoji="1" lang="en-US" altLang="ja-JP" sz="1600" b="1" dirty="0">
              <a:latin typeface="Arial" panose="020B0604020202020204" pitchFamily="34" charset="0"/>
            </a:endParaRPr>
          </a:p>
          <a:p>
            <a:pPr eaLnBrk="1" hangingPunct="1"/>
            <a:r>
              <a:rPr kumimoji="1" lang="ja-JP" altLang="en-US" sz="1600" b="1" dirty="0">
                <a:latin typeface="Arial" panose="020B0604020202020204" pitchFamily="34" charset="0"/>
              </a:rPr>
              <a:t>・詳細点検（非破壊検査</a:t>
            </a:r>
            <a:r>
              <a:rPr kumimoji="1" lang="ja-JP" altLang="en-US" sz="1600" dirty="0">
                <a:latin typeface="Arial" panose="020B0604020202020204" pitchFamily="34" charset="0"/>
              </a:rPr>
              <a:t>）の提案が無い</a:t>
            </a:r>
          </a:p>
        </p:txBody>
      </p:sp>
      <p:sp>
        <p:nvSpPr>
          <p:cNvPr id="6" name="下矢印 5"/>
          <p:cNvSpPr/>
          <p:nvPr/>
        </p:nvSpPr>
        <p:spPr>
          <a:xfrm>
            <a:off x="3852863" y="1628775"/>
            <a:ext cx="503237" cy="360363"/>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13" name="角丸四角形 12"/>
          <p:cNvSpPr/>
          <p:nvPr/>
        </p:nvSpPr>
        <p:spPr>
          <a:xfrm>
            <a:off x="3419475" y="2279650"/>
            <a:ext cx="1657350" cy="468313"/>
          </a:xfrm>
          <a:prstGeom prst="roundRect">
            <a:avLst/>
          </a:prstGeom>
          <a:solidFill>
            <a:srgbClr val="D7DB31"/>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診断・評価</a:t>
            </a:r>
          </a:p>
        </p:txBody>
      </p:sp>
      <p:sp>
        <p:nvSpPr>
          <p:cNvPr id="14" name="角丸四角形 13"/>
          <p:cNvSpPr/>
          <p:nvPr/>
        </p:nvSpPr>
        <p:spPr>
          <a:xfrm>
            <a:off x="4646613" y="4559300"/>
            <a:ext cx="1223962" cy="466725"/>
          </a:xfrm>
          <a:prstGeom prst="roundRect">
            <a:avLst/>
          </a:prstGeom>
          <a:solidFill>
            <a:srgbClr val="FF0066"/>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更新</a:t>
            </a:r>
          </a:p>
        </p:txBody>
      </p:sp>
      <p:sp>
        <p:nvSpPr>
          <p:cNvPr id="15" name="角丸四角形 14"/>
          <p:cNvSpPr/>
          <p:nvPr/>
        </p:nvSpPr>
        <p:spPr>
          <a:xfrm>
            <a:off x="1201738" y="3756025"/>
            <a:ext cx="1765300" cy="466725"/>
          </a:xfrm>
          <a:prstGeom prst="roundRect">
            <a:avLst/>
          </a:prstGeom>
          <a:solidFill>
            <a:srgbClr val="FF33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補修・補強</a:t>
            </a:r>
          </a:p>
        </p:txBody>
      </p:sp>
      <p:sp>
        <p:nvSpPr>
          <p:cNvPr id="16" name="角丸四角形 15"/>
          <p:cNvSpPr/>
          <p:nvPr/>
        </p:nvSpPr>
        <p:spPr>
          <a:xfrm>
            <a:off x="1152525" y="2081213"/>
            <a:ext cx="1763713" cy="466725"/>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r>
              <a:rPr lang="ja-JP" altLang="en-US" b="1" dirty="0">
                <a:solidFill>
                  <a:schemeClr val="tx1"/>
                </a:solidFill>
              </a:rPr>
              <a:t>経過観察</a:t>
            </a:r>
          </a:p>
        </p:txBody>
      </p:sp>
      <p:sp>
        <p:nvSpPr>
          <p:cNvPr id="51215" name="テキスト ボックス 16"/>
          <p:cNvSpPr txBox="1">
            <a:spLocks noChangeArrowheads="1"/>
          </p:cNvSpPr>
          <p:nvPr/>
        </p:nvSpPr>
        <p:spPr bwMode="auto">
          <a:xfrm>
            <a:off x="6022647" y="3380838"/>
            <a:ext cx="2149475"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ja-JP" altLang="en-US" sz="1600" b="1" dirty="0">
                <a:latin typeface="Arial" panose="020B0604020202020204" pitchFamily="34" charset="0"/>
              </a:rPr>
              <a:t>・耐荷力評価</a:t>
            </a:r>
            <a:endParaRPr kumimoji="1" lang="en-US" altLang="ja-JP" sz="1600" b="1" dirty="0">
              <a:latin typeface="Arial" panose="020B0604020202020204" pitchFamily="34" charset="0"/>
            </a:endParaRPr>
          </a:p>
          <a:p>
            <a:pPr eaLnBrk="1" hangingPunct="1"/>
            <a:r>
              <a:rPr kumimoji="1" lang="ja-JP" altLang="en-US" sz="1600" b="1" dirty="0">
                <a:latin typeface="Arial" panose="020B0604020202020204" pitchFamily="34" charset="0"/>
              </a:rPr>
              <a:t>・劣化予測　　　等は？</a:t>
            </a:r>
            <a:endParaRPr kumimoji="1" lang="ja-JP" altLang="en-US" sz="1600" dirty="0">
              <a:latin typeface="Arial" panose="020B0604020202020204" pitchFamily="34" charset="0"/>
            </a:endParaRPr>
          </a:p>
        </p:txBody>
      </p:sp>
      <p:sp>
        <p:nvSpPr>
          <p:cNvPr id="51216" name="テキスト ボックス 17"/>
          <p:cNvSpPr txBox="1">
            <a:spLocks noChangeArrowheads="1"/>
          </p:cNvSpPr>
          <p:nvPr/>
        </p:nvSpPr>
        <p:spPr bwMode="auto">
          <a:xfrm>
            <a:off x="84138" y="3419475"/>
            <a:ext cx="1576387"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ja-JP" altLang="en-US" sz="1600" b="1">
                <a:latin typeface="Arial" panose="020B0604020202020204" pitchFamily="34" charset="0"/>
              </a:rPr>
              <a:t>・適切で有効な材料、工法</a:t>
            </a:r>
            <a:endParaRPr kumimoji="1" lang="en-US" altLang="ja-JP" sz="1600" b="1">
              <a:latin typeface="Arial" panose="020B0604020202020204" pitchFamily="34" charset="0"/>
            </a:endParaRPr>
          </a:p>
          <a:p>
            <a:pPr eaLnBrk="1" hangingPunct="1"/>
            <a:r>
              <a:rPr kumimoji="1" lang="ja-JP" altLang="en-US" sz="1600" b="1">
                <a:latin typeface="Arial" panose="020B0604020202020204" pitchFamily="34" charset="0"/>
              </a:rPr>
              <a:t>・耐久力</a:t>
            </a:r>
            <a:endParaRPr kumimoji="1" lang="ja-JP" altLang="en-US" sz="1600">
              <a:latin typeface="Arial" panose="020B0604020202020204" pitchFamily="34" charset="0"/>
            </a:endParaRPr>
          </a:p>
        </p:txBody>
      </p:sp>
      <p:sp>
        <p:nvSpPr>
          <p:cNvPr id="19" name="下矢印 18"/>
          <p:cNvSpPr/>
          <p:nvPr/>
        </p:nvSpPr>
        <p:spPr>
          <a:xfrm rot="10800000">
            <a:off x="1833563" y="2522538"/>
            <a:ext cx="501650" cy="896937"/>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11" name="曲折矢印 10"/>
          <p:cNvSpPr/>
          <p:nvPr/>
        </p:nvSpPr>
        <p:spPr>
          <a:xfrm rot="16200000">
            <a:off x="2560637" y="2628901"/>
            <a:ext cx="754063" cy="811212"/>
          </a:xfrm>
          <a:prstGeom prst="bent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solidFill>
                <a:schemeClr val="tx1"/>
              </a:solidFill>
            </a:endParaRPr>
          </a:p>
        </p:txBody>
      </p:sp>
      <p:sp>
        <p:nvSpPr>
          <p:cNvPr id="21" name="曲折矢印 20"/>
          <p:cNvSpPr/>
          <p:nvPr/>
        </p:nvSpPr>
        <p:spPr>
          <a:xfrm rot="10800000">
            <a:off x="3119438" y="3035300"/>
            <a:ext cx="754062" cy="1216025"/>
          </a:xfrm>
          <a:prstGeom prst="bent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solidFill>
                <a:schemeClr val="tx1"/>
              </a:solidFill>
            </a:endParaRPr>
          </a:p>
        </p:txBody>
      </p:sp>
      <p:sp>
        <p:nvSpPr>
          <p:cNvPr id="22" name="曲折矢印 21"/>
          <p:cNvSpPr/>
          <p:nvPr/>
        </p:nvSpPr>
        <p:spPr>
          <a:xfrm>
            <a:off x="2541588" y="927100"/>
            <a:ext cx="754062" cy="809625"/>
          </a:xfrm>
          <a:prstGeom prst="bent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solidFill>
                <a:schemeClr val="tx1"/>
              </a:solidFill>
            </a:endParaRPr>
          </a:p>
        </p:txBody>
      </p:sp>
      <p:sp>
        <p:nvSpPr>
          <p:cNvPr id="25" name="下矢印 24"/>
          <p:cNvSpPr/>
          <p:nvPr/>
        </p:nvSpPr>
        <p:spPr>
          <a:xfrm rot="20148663">
            <a:off x="4676775" y="3013075"/>
            <a:ext cx="503238" cy="909638"/>
          </a:xfrm>
          <a:prstGeom prst="downArrow">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26" name="下矢印 25"/>
          <p:cNvSpPr/>
          <p:nvPr/>
        </p:nvSpPr>
        <p:spPr>
          <a:xfrm rot="19152210">
            <a:off x="4265613" y="3592513"/>
            <a:ext cx="503237" cy="982662"/>
          </a:xfrm>
          <a:prstGeom prst="downArrow">
            <a:avLst/>
          </a:prstGeom>
          <a:solidFill>
            <a:schemeClr val="bg1">
              <a:lumMod val="50000"/>
            </a:schemeClr>
          </a:solidFill>
          <a:ln>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51223" name="テキスト ボックス 26"/>
          <p:cNvSpPr txBox="1">
            <a:spLocks noChangeArrowheads="1"/>
          </p:cNvSpPr>
          <p:nvPr/>
        </p:nvSpPr>
        <p:spPr bwMode="auto">
          <a:xfrm>
            <a:off x="149225" y="2538413"/>
            <a:ext cx="1668463" cy="831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ja-JP" altLang="en-US" sz="1600" b="1">
                <a:latin typeface="Arial" panose="020B0604020202020204" pitchFamily="34" charset="0"/>
              </a:rPr>
              <a:t>・モニタリング</a:t>
            </a:r>
            <a:endParaRPr kumimoji="1" lang="en-US" altLang="ja-JP" sz="1600" b="1">
              <a:latin typeface="Arial" panose="020B0604020202020204" pitchFamily="34" charset="0"/>
            </a:endParaRPr>
          </a:p>
          <a:p>
            <a:pPr eaLnBrk="1" hangingPunct="1"/>
            <a:r>
              <a:rPr kumimoji="1" lang="ja-JP" altLang="en-US" sz="1600" b="1">
                <a:latin typeface="Arial" panose="020B0604020202020204" pitchFamily="34" charset="0"/>
              </a:rPr>
              <a:t>・損傷の再進行　</a:t>
            </a:r>
            <a:endParaRPr kumimoji="1" lang="en-US" altLang="ja-JP" sz="1600" b="1">
              <a:latin typeface="Arial" panose="020B0604020202020204" pitchFamily="34" charset="0"/>
            </a:endParaRPr>
          </a:p>
          <a:p>
            <a:pPr eaLnBrk="1" hangingPunct="1"/>
            <a:r>
              <a:rPr kumimoji="1" lang="ja-JP" altLang="en-US" sz="1600" b="1">
                <a:latin typeface="Arial" panose="020B0604020202020204" pitchFamily="34" charset="0"/>
              </a:rPr>
              <a:t>　　等</a:t>
            </a:r>
            <a:endParaRPr kumimoji="1" lang="ja-JP" altLang="en-US" sz="1600">
              <a:latin typeface="Arial" panose="020B0604020202020204" pitchFamily="34" charset="0"/>
            </a:endParaRPr>
          </a:p>
        </p:txBody>
      </p:sp>
      <p:sp>
        <p:nvSpPr>
          <p:cNvPr id="51224" name="テキスト ボックス 17"/>
          <p:cNvSpPr txBox="1">
            <a:spLocks noChangeArrowheads="1"/>
          </p:cNvSpPr>
          <p:nvPr/>
        </p:nvSpPr>
        <p:spPr bwMode="auto">
          <a:xfrm>
            <a:off x="6173031" y="4500562"/>
            <a:ext cx="2089150"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ja-JP" altLang="en-US" sz="1600" b="1" dirty="0">
                <a:latin typeface="Arial" panose="020B0604020202020204" pitchFamily="34" charset="0"/>
              </a:rPr>
              <a:t>・更新は必ず発生する</a:t>
            </a:r>
            <a:endParaRPr kumimoji="1" lang="en-US" altLang="ja-JP" sz="1600" b="1" dirty="0">
              <a:latin typeface="Arial" panose="020B0604020202020204" pitchFamily="34" charset="0"/>
            </a:endParaRPr>
          </a:p>
          <a:p>
            <a:pPr eaLnBrk="1" hangingPunct="1"/>
            <a:r>
              <a:rPr kumimoji="1" lang="ja-JP" altLang="en-US" sz="1600" b="1" dirty="0">
                <a:latin typeface="Arial" panose="020B0604020202020204" pitchFamily="34" charset="0"/>
              </a:rPr>
              <a:t>・いつ更新すべきか？</a:t>
            </a:r>
            <a:endParaRPr kumimoji="1" lang="ja-JP" altLang="en-US" sz="1600" dirty="0">
              <a:latin typeface="Arial" panose="020B0604020202020204" pitchFamily="34" charset="0"/>
            </a:endParaRPr>
          </a:p>
        </p:txBody>
      </p:sp>
    </p:spTree>
    <p:extLst>
      <p:ext uri="{BB962C8B-B14F-4D97-AF65-F5344CB8AC3E}">
        <p14:creationId xmlns:p14="http://schemas.microsoft.com/office/powerpoint/2010/main" val="1523704085"/>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D8A19C4B-B05D-B9E9-C8DD-A2CCA0BAB07D}"/>
              </a:ext>
            </a:extLst>
          </p:cNvPr>
          <p:cNvPicPr>
            <a:picLocks noChangeAspect="1"/>
          </p:cNvPicPr>
          <p:nvPr/>
        </p:nvPicPr>
        <p:blipFill>
          <a:blip r:embed="rId2"/>
          <a:stretch>
            <a:fillRect/>
          </a:stretch>
        </p:blipFill>
        <p:spPr>
          <a:xfrm>
            <a:off x="440737" y="2286000"/>
            <a:ext cx="3906252" cy="2999443"/>
          </a:xfrm>
          <a:prstGeom prst="rect">
            <a:avLst/>
          </a:prstGeom>
        </p:spPr>
      </p:pic>
      <p:pic>
        <p:nvPicPr>
          <p:cNvPr id="4" name="図 3">
            <a:extLst>
              <a:ext uri="{FF2B5EF4-FFF2-40B4-BE49-F238E27FC236}">
                <a16:creationId xmlns:a16="http://schemas.microsoft.com/office/drawing/2014/main" id="{C4BAE7B3-C5E5-684A-FE04-F55860D18F39}"/>
              </a:ext>
            </a:extLst>
          </p:cNvPr>
          <p:cNvPicPr>
            <a:picLocks noChangeAspect="1"/>
          </p:cNvPicPr>
          <p:nvPr/>
        </p:nvPicPr>
        <p:blipFill>
          <a:blip r:embed="rId3"/>
          <a:stretch>
            <a:fillRect/>
          </a:stretch>
        </p:blipFill>
        <p:spPr>
          <a:xfrm>
            <a:off x="5188938" y="2286000"/>
            <a:ext cx="3537307" cy="3773128"/>
          </a:xfrm>
          <a:prstGeom prst="rect">
            <a:avLst/>
          </a:prstGeom>
        </p:spPr>
      </p:pic>
      <p:sp>
        <p:nvSpPr>
          <p:cNvPr id="5" name="Rectangle 27">
            <a:extLst>
              <a:ext uri="{FF2B5EF4-FFF2-40B4-BE49-F238E27FC236}">
                <a16:creationId xmlns:a16="http://schemas.microsoft.com/office/drawing/2014/main" id="{0B658CE1-1B96-6C95-5D27-338697ADFA15}"/>
              </a:ext>
            </a:extLst>
          </p:cNvPr>
          <p:cNvSpPr>
            <a:spLocks noChangeArrowheads="1"/>
          </p:cNvSpPr>
          <p:nvPr/>
        </p:nvSpPr>
        <p:spPr bwMode="auto">
          <a:xfrm>
            <a:off x="1282686" y="4992405"/>
            <a:ext cx="619855" cy="2930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68558" tIns="34279" rIns="68558" bIns="34279" anchor="ctr"/>
          <a:lstStyle>
            <a:lvl1pPr eaLnBrk="0" hangingPunct="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eaLnBrk="0" hangingPunct="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eaLnBrk="0" hangingPunct="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350" dirty="0"/>
              <a:t>旧細入村</a:t>
            </a:r>
          </a:p>
        </p:txBody>
      </p:sp>
      <p:pic>
        <p:nvPicPr>
          <p:cNvPr id="6" name="図 5">
            <a:extLst>
              <a:ext uri="{FF2B5EF4-FFF2-40B4-BE49-F238E27FC236}">
                <a16:creationId xmlns:a16="http://schemas.microsoft.com/office/drawing/2014/main" id="{41BAAF76-37EF-4C72-0A39-7BC4EFA4BFFC}"/>
              </a:ext>
            </a:extLst>
          </p:cNvPr>
          <p:cNvPicPr>
            <a:picLocks noChangeAspect="1"/>
          </p:cNvPicPr>
          <p:nvPr/>
        </p:nvPicPr>
        <p:blipFill>
          <a:blip r:embed="rId4"/>
          <a:stretch>
            <a:fillRect/>
          </a:stretch>
        </p:blipFill>
        <p:spPr>
          <a:xfrm>
            <a:off x="2562307" y="4186953"/>
            <a:ext cx="896190" cy="371888"/>
          </a:xfrm>
          <a:prstGeom prst="rect">
            <a:avLst/>
          </a:prstGeom>
        </p:spPr>
      </p:pic>
      <p:pic>
        <p:nvPicPr>
          <p:cNvPr id="8" name="図 7">
            <a:extLst>
              <a:ext uri="{FF2B5EF4-FFF2-40B4-BE49-F238E27FC236}">
                <a16:creationId xmlns:a16="http://schemas.microsoft.com/office/drawing/2014/main" id="{BFBE40EB-8D74-435B-EE66-B4B71874E27B}"/>
              </a:ext>
            </a:extLst>
          </p:cNvPr>
          <p:cNvPicPr>
            <a:picLocks noChangeAspect="1"/>
          </p:cNvPicPr>
          <p:nvPr/>
        </p:nvPicPr>
        <p:blipFill>
          <a:blip r:embed="rId5"/>
          <a:stretch>
            <a:fillRect/>
          </a:stretch>
        </p:blipFill>
        <p:spPr>
          <a:xfrm>
            <a:off x="1059167" y="3610286"/>
            <a:ext cx="1066892" cy="371888"/>
          </a:xfrm>
          <a:prstGeom prst="rect">
            <a:avLst/>
          </a:prstGeom>
        </p:spPr>
      </p:pic>
      <p:pic>
        <p:nvPicPr>
          <p:cNvPr id="9" name="図 8">
            <a:extLst>
              <a:ext uri="{FF2B5EF4-FFF2-40B4-BE49-F238E27FC236}">
                <a16:creationId xmlns:a16="http://schemas.microsoft.com/office/drawing/2014/main" id="{4CFD6797-7FA5-25BB-9F6B-12DB10905DFF}"/>
              </a:ext>
            </a:extLst>
          </p:cNvPr>
          <p:cNvPicPr>
            <a:picLocks noChangeAspect="1"/>
          </p:cNvPicPr>
          <p:nvPr/>
        </p:nvPicPr>
        <p:blipFill>
          <a:blip r:embed="rId6"/>
          <a:stretch>
            <a:fillRect/>
          </a:stretch>
        </p:blipFill>
        <p:spPr>
          <a:xfrm>
            <a:off x="845788" y="2352367"/>
            <a:ext cx="1338244" cy="1102458"/>
          </a:xfrm>
          <a:prstGeom prst="rect">
            <a:avLst/>
          </a:prstGeom>
        </p:spPr>
      </p:pic>
      <p:sp>
        <p:nvSpPr>
          <p:cNvPr id="10" name="Rectangle 30">
            <a:extLst>
              <a:ext uri="{FF2B5EF4-FFF2-40B4-BE49-F238E27FC236}">
                <a16:creationId xmlns:a16="http://schemas.microsoft.com/office/drawing/2014/main" id="{4A884774-6923-E3CB-A094-6BA2A7FE9CDA}"/>
              </a:ext>
            </a:extLst>
          </p:cNvPr>
          <p:cNvSpPr>
            <a:spLocks noChangeArrowheads="1"/>
          </p:cNvSpPr>
          <p:nvPr/>
        </p:nvSpPr>
        <p:spPr bwMode="auto">
          <a:xfrm>
            <a:off x="342630" y="3311094"/>
            <a:ext cx="601265" cy="173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68558" tIns="34279" rIns="68558" bIns="34279" anchor="ctr"/>
          <a:lstStyle>
            <a:lvl1pPr eaLnBrk="0" hangingPunct="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eaLnBrk="0" hangingPunct="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eaLnBrk="0" hangingPunct="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350" dirty="0"/>
              <a:t>旧婦中町</a:t>
            </a:r>
          </a:p>
        </p:txBody>
      </p:sp>
      <p:pic>
        <p:nvPicPr>
          <p:cNvPr id="11" name="図 10">
            <a:extLst>
              <a:ext uri="{FF2B5EF4-FFF2-40B4-BE49-F238E27FC236}">
                <a16:creationId xmlns:a16="http://schemas.microsoft.com/office/drawing/2014/main" id="{A84732C8-1CC8-CA93-46AD-A30D7307B833}"/>
              </a:ext>
            </a:extLst>
          </p:cNvPr>
          <p:cNvPicPr>
            <a:picLocks noChangeAspect="1"/>
          </p:cNvPicPr>
          <p:nvPr/>
        </p:nvPicPr>
        <p:blipFill>
          <a:blip r:embed="rId7"/>
          <a:stretch>
            <a:fillRect/>
          </a:stretch>
        </p:blipFill>
        <p:spPr>
          <a:xfrm>
            <a:off x="95367" y="3616382"/>
            <a:ext cx="896190" cy="365792"/>
          </a:xfrm>
          <a:prstGeom prst="rect">
            <a:avLst/>
          </a:prstGeom>
        </p:spPr>
      </p:pic>
      <p:sp>
        <p:nvSpPr>
          <p:cNvPr id="13" name="Rectangle 25">
            <a:extLst>
              <a:ext uri="{FF2B5EF4-FFF2-40B4-BE49-F238E27FC236}">
                <a16:creationId xmlns:a16="http://schemas.microsoft.com/office/drawing/2014/main" id="{9C971A1E-6107-8EEB-8087-EF61D9F0A81A}"/>
              </a:ext>
            </a:extLst>
          </p:cNvPr>
          <p:cNvSpPr>
            <a:spLocks noChangeArrowheads="1"/>
          </p:cNvSpPr>
          <p:nvPr/>
        </p:nvSpPr>
        <p:spPr bwMode="auto">
          <a:xfrm>
            <a:off x="287265" y="4479919"/>
            <a:ext cx="711994"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68558" tIns="34279" rIns="68558" bIns="34279" anchor="ctr"/>
          <a:lstStyle>
            <a:lvl1pPr eaLnBrk="0" hangingPunct="0">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eaLnBrk="0" hangingPunct="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eaLnBrk="0" hangingPunct="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eaLnBrk="0" hangingPunct="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0"/>
              </a:spcBef>
              <a:buFontTx/>
              <a:buNone/>
            </a:pPr>
            <a:r>
              <a:rPr lang="ja-JP" altLang="en-US" sz="1350" dirty="0"/>
              <a:t>旧八尾町</a:t>
            </a:r>
          </a:p>
        </p:txBody>
      </p:sp>
      <p:pic>
        <p:nvPicPr>
          <p:cNvPr id="14" name="図 13">
            <a:extLst>
              <a:ext uri="{FF2B5EF4-FFF2-40B4-BE49-F238E27FC236}">
                <a16:creationId xmlns:a16="http://schemas.microsoft.com/office/drawing/2014/main" id="{4E37C3C5-280C-D1D6-DBCD-5F81AEF91633}"/>
              </a:ext>
            </a:extLst>
          </p:cNvPr>
          <p:cNvPicPr>
            <a:picLocks noChangeAspect="1"/>
          </p:cNvPicPr>
          <p:nvPr/>
        </p:nvPicPr>
        <p:blipFill>
          <a:blip r:embed="rId8"/>
          <a:stretch>
            <a:fillRect/>
          </a:stretch>
        </p:blipFill>
        <p:spPr>
          <a:xfrm>
            <a:off x="4039662" y="2948350"/>
            <a:ext cx="749873" cy="725487"/>
          </a:xfrm>
          <a:prstGeom prst="rect">
            <a:avLst/>
          </a:prstGeom>
        </p:spPr>
      </p:pic>
      <p:pic>
        <p:nvPicPr>
          <p:cNvPr id="15" name="図 14">
            <a:extLst>
              <a:ext uri="{FF2B5EF4-FFF2-40B4-BE49-F238E27FC236}">
                <a16:creationId xmlns:a16="http://schemas.microsoft.com/office/drawing/2014/main" id="{880FEDE2-7A3F-FF98-AC1A-9E8694FC0744}"/>
              </a:ext>
            </a:extLst>
          </p:cNvPr>
          <p:cNvPicPr>
            <a:picLocks noChangeAspect="1"/>
          </p:cNvPicPr>
          <p:nvPr/>
        </p:nvPicPr>
        <p:blipFill>
          <a:blip r:embed="rId9"/>
          <a:stretch>
            <a:fillRect/>
          </a:stretch>
        </p:blipFill>
        <p:spPr>
          <a:xfrm>
            <a:off x="1165134" y="2582558"/>
            <a:ext cx="896190" cy="365792"/>
          </a:xfrm>
          <a:prstGeom prst="rect">
            <a:avLst/>
          </a:prstGeom>
        </p:spPr>
      </p:pic>
      <p:pic>
        <p:nvPicPr>
          <p:cNvPr id="17" name="図 16">
            <a:extLst>
              <a:ext uri="{FF2B5EF4-FFF2-40B4-BE49-F238E27FC236}">
                <a16:creationId xmlns:a16="http://schemas.microsoft.com/office/drawing/2014/main" id="{2FD66776-CFE3-BAEC-AFAF-883FC9A22C42}"/>
              </a:ext>
            </a:extLst>
          </p:cNvPr>
          <p:cNvPicPr>
            <a:picLocks noChangeAspect="1"/>
          </p:cNvPicPr>
          <p:nvPr/>
        </p:nvPicPr>
        <p:blipFill>
          <a:blip r:embed="rId10"/>
          <a:stretch>
            <a:fillRect/>
          </a:stretch>
        </p:blipFill>
        <p:spPr>
          <a:xfrm>
            <a:off x="353577" y="784906"/>
            <a:ext cx="5880092" cy="518376"/>
          </a:xfrm>
          <a:prstGeom prst="rect">
            <a:avLst/>
          </a:prstGeom>
        </p:spPr>
      </p:pic>
      <p:sp>
        <p:nvSpPr>
          <p:cNvPr id="19" name="テキスト ボックス 18">
            <a:extLst>
              <a:ext uri="{FF2B5EF4-FFF2-40B4-BE49-F238E27FC236}">
                <a16:creationId xmlns:a16="http://schemas.microsoft.com/office/drawing/2014/main" id="{927D65D6-D66D-A953-CE30-D401B9398E84}"/>
              </a:ext>
            </a:extLst>
          </p:cNvPr>
          <p:cNvSpPr txBox="1"/>
          <p:nvPr/>
        </p:nvSpPr>
        <p:spPr>
          <a:xfrm>
            <a:off x="424900" y="1189308"/>
            <a:ext cx="8126859" cy="830997"/>
          </a:xfrm>
          <a:prstGeom prst="rect">
            <a:avLst/>
          </a:prstGeom>
          <a:noFill/>
        </p:spPr>
        <p:txBody>
          <a:bodyPr wrap="square">
            <a:spAutoFit/>
          </a:bodyPr>
          <a:lstStyle/>
          <a:p>
            <a:pPr eaLnBrk="1" hangingPunct="1">
              <a:lnSpc>
                <a:spcPct val="80000"/>
              </a:lnSpc>
              <a:buFont typeface="Wingdings" panose="05000000000000000000" pitchFamily="2" charset="2"/>
              <a:buChar char="Ø"/>
            </a:pPr>
            <a:r>
              <a:rPr lang="ja-JP" altLang="en-US" sz="2000" b="1" dirty="0">
                <a:latin typeface="HG丸ｺﾞｼｯｸM-PRO" panose="020F0600000000000000" pitchFamily="50" charset="-128"/>
                <a:ea typeface="HG丸ｺﾞｼｯｸM-PRO" panose="020F0600000000000000" pitchFamily="50" charset="-128"/>
              </a:rPr>
              <a:t>人口は約</a:t>
            </a:r>
            <a:r>
              <a:rPr lang="en-US" altLang="ja-JP" sz="2000" b="1" dirty="0">
                <a:latin typeface="HG丸ｺﾞｼｯｸM-PRO" panose="020F0600000000000000" pitchFamily="50" charset="-128"/>
                <a:ea typeface="HG丸ｺﾞｼｯｸM-PRO" panose="020F0600000000000000" pitchFamily="50" charset="-128"/>
              </a:rPr>
              <a:t>42</a:t>
            </a:r>
            <a:r>
              <a:rPr lang="ja-JP" altLang="en-US" sz="2000" b="1" dirty="0">
                <a:latin typeface="HG丸ｺﾞｼｯｸM-PRO" panose="020F0600000000000000" pitchFamily="50" charset="-128"/>
                <a:ea typeface="HG丸ｺﾞｼｯｸM-PRO" panose="020F0600000000000000" pitchFamily="50" charset="-128"/>
              </a:rPr>
              <a:t>万人、面積は県庁所在都市で</a:t>
            </a:r>
            <a:r>
              <a:rPr lang="en-US" altLang="ja-JP" sz="2000" b="1" dirty="0">
                <a:latin typeface="HG丸ｺﾞｼｯｸM-PRO" panose="020F0600000000000000" pitchFamily="50" charset="-128"/>
                <a:ea typeface="HG丸ｺﾞｼｯｸM-PRO" panose="020F0600000000000000" pitchFamily="50" charset="-128"/>
              </a:rPr>
              <a:t>2</a:t>
            </a:r>
            <a:r>
              <a:rPr lang="ja-JP" altLang="en-US" sz="2000" b="1" dirty="0">
                <a:latin typeface="HG丸ｺﾞｼｯｸM-PRO" panose="020F0600000000000000" pitchFamily="50" charset="-128"/>
                <a:ea typeface="HG丸ｺﾞｼｯｸM-PRO" panose="020F0600000000000000" pitchFamily="50" charset="-128"/>
              </a:rPr>
              <a:t>番目の広さ</a:t>
            </a:r>
            <a:r>
              <a:rPr lang="en-US" altLang="ja-JP" sz="2000" b="1" dirty="0">
                <a:latin typeface="HG丸ｺﾞｼｯｸM-PRO" panose="020F0600000000000000" pitchFamily="50" charset="-128"/>
                <a:ea typeface="HG丸ｺﾞｼｯｸM-PRO" panose="020F0600000000000000" pitchFamily="50" charset="-128"/>
              </a:rPr>
              <a:t>1,242k</a:t>
            </a:r>
            <a:r>
              <a:rPr lang="ja-JP" altLang="en-US" sz="2000" b="1" dirty="0">
                <a:latin typeface="HG丸ｺﾞｼｯｸM-PRO" panose="020F0600000000000000" pitchFamily="50" charset="-128"/>
                <a:ea typeface="HG丸ｺﾞｼｯｸM-PRO" panose="020F0600000000000000" pitchFamily="50" charset="-128"/>
              </a:rPr>
              <a:t>㎡</a:t>
            </a:r>
            <a:endParaRPr lang="ja-JP" altLang="en-US" sz="2000" b="1" dirty="0">
              <a:solidFill>
                <a:srgbClr val="000000"/>
              </a:solidFill>
              <a:latin typeface="HG丸ｺﾞｼｯｸM-PRO" panose="020F0600000000000000" pitchFamily="50" charset="-128"/>
              <a:ea typeface="HG丸ｺﾞｼｯｸM-PRO" panose="020F0600000000000000" pitchFamily="50" charset="-128"/>
            </a:endParaRPr>
          </a:p>
          <a:p>
            <a:pPr eaLnBrk="1" hangingPunct="1">
              <a:lnSpc>
                <a:spcPct val="80000"/>
              </a:lnSpc>
              <a:buFont typeface="Wingdings" panose="05000000000000000000" pitchFamily="2" charset="2"/>
              <a:buChar char="Ø"/>
            </a:pPr>
            <a:r>
              <a:rPr lang="ja-JP" altLang="en-US" sz="2000" b="1" dirty="0">
                <a:solidFill>
                  <a:srgbClr val="000000"/>
                </a:solidFill>
                <a:latin typeface="HG丸ｺﾞｼｯｸM-PRO" panose="020F0600000000000000" pitchFamily="50" charset="-128"/>
                <a:ea typeface="HG丸ｺﾞｼｯｸM-PRO" panose="020F0600000000000000" pitchFamily="50" charset="-128"/>
              </a:rPr>
              <a:t>合併により、市道延長は約</a:t>
            </a:r>
            <a:r>
              <a:rPr lang="en-US" altLang="ja-JP" sz="2000" b="1" dirty="0">
                <a:solidFill>
                  <a:srgbClr val="000000"/>
                </a:solidFill>
                <a:latin typeface="HG丸ｺﾞｼｯｸM-PRO" panose="020F0600000000000000" pitchFamily="50" charset="-128"/>
                <a:ea typeface="HG丸ｺﾞｼｯｸM-PRO" panose="020F0600000000000000" pitchFamily="50" charset="-128"/>
              </a:rPr>
              <a:t>1.6</a:t>
            </a:r>
            <a:r>
              <a:rPr lang="ja-JP" altLang="en-US" sz="2000" b="1" dirty="0">
                <a:solidFill>
                  <a:srgbClr val="000000"/>
                </a:solidFill>
                <a:latin typeface="HG丸ｺﾞｼｯｸM-PRO" panose="020F0600000000000000" pitchFamily="50" charset="-128"/>
                <a:ea typeface="HG丸ｺﾞｼｯｸM-PRO" panose="020F0600000000000000" pitchFamily="50" charset="-128"/>
              </a:rPr>
              <a:t>倍、橋梁数は約</a:t>
            </a:r>
            <a:r>
              <a:rPr lang="en-US" altLang="ja-JP" sz="2000" b="1" dirty="0">
                <a:solidFill>
                  <a:srgbClr val="000000"/>
                </a:solidFill>
                <a:latin typeface="HG丸ｺﾞｼｯｸM-PRO" panose="020F0600000000000000" pitchFamily="50" charset="-128"/>
                <a:ea typeface="HG丸ｺﾞｼｯｸM-PRO" panose="020F0600000000000000" pitchFamily="50" charset="-128"/>
              </a:rPr>
              <a:t>1.5</a:t>
            </a:r>
            <a:r>
              <a:rPr lang="ja-JP" altLang="en-US" sz="2000" b="1" dirty="0">
                <a:solidFill>
                  <a:srgbClr val="000000"/>
                </a:solidFill>
                <a:latin typeface="HG丸ｺﾞｼｯｸM-PRO" panose="020F0600000000000000" pitchFamily="50" charset="-128"/>
                <a:ea typeface="HG丸ｺﾞｼｯｸM-PRO" panose="020F0600000000000000" pitchFamily="50" charset="-128"/>
              </a:rPr>
              <a:t>倍、下水道延長は約</a:t>
            </a:r>
            <a:r>
              <a:rPr lang="en-US" altLang="ja-JP" sz="2000" b="1" dirty="0">
                <a:solidFill>
                  <a:srgbClr val="000000"/>
                </a:solidFill>
                <a:latin typeface="HG丸ｺﾞｼｯｸM-PRO" panose="020F0600000000000000" pitchFamily="50" charset="-128"/>
                <a:ea typeface="HG丸ｺﾞｼｯｸM-PRO" panose="020F0600000000000000" pitchFamily="50" charset="-128"/>
              </a:rPr>
              <a:t>1.3</a:t>
            </a:r>
            <a:r>
              <a:rPr lang="ja-JP" altLang="en-US" sz="2000" b="1" dirty="0">
                <a:solidFill>
                  <a:srgbClr val="000000"/>
                </a:solidFill>
                <a:latin typeface="HG丸ｺﾞｼｯｸM-PRO" panose="020F0600000000000000" pitchFamily="50" charset="-128"/>
                <a:ea typeface="HG丸ｺﾞｼｯｸM-PRO" panose="020F0600000000000000" pitchFamily="50" charset="-128"/>
              </a:rPr>
              <a:t>倍になるなど、社会資本ストックが増加</a:t>
            </a:r>
            <a:endParaRPr lang="en-US" altLang="ja-JP" sz="2000" b="1" dirty="0">
              <a:solidFill>
                <a:srgbClr val="000000"/>
              </a:solidFill>
              <a:latin typeface="HG丸ｺﾞｼｯｸM-PRO" panose="020F0600000000000000" pitchFamily="50" charset="-128"/>
              <a:ea typeface="HG丸ｺﾞｼｯｸM-PRO" panose="020F0600000000000000" pitchFamily="50" charset="-128"/>
            </a:endParaRPr>
          </a:p>
        </p:txBody>
      </p:sp>
      <p:sp>
        <p:nvSpPr>
          <p:cNvPr id="2" name="テキスト ボックス 1">
            <a:extLst>
              <a:ext uri="{FF2B5EF4-FFF2-40B4-BE49-F238E27FC236}">
                <a16:creationId xmlns:a16="http://schemas.microsoft.com/office/drawing/2014/main" id="{9D1B71F4-BC40-D388-0061-FAA9458C6D44}"/>
              </a:ext>
            </a:extLst>
          </p:cNvPr>
          <p:cNvSpPr txBox="1"/>
          <p:nvPr/>
        </p:nvSpPr>
        <p:spPr>
          <a:xfrm>
            <a:off x="663677" y="324465"/>
            <a:ext cx="4653838" cy="407035"/>
          </a:xfrm>
          <a:prstGeom prst="rect">
            <a:avLst/>
          </a:prstGeom>
          <a:noFill/>
        </p:spPr>
        <p:txBody>
          <a:bodyPr wrap="none" rtlCol="0">
            <a:spAutoFit/>
          </a:bodyPr>
          <a:lstStyle/>
          <a:p>
            <a:r>
              <a:rPr kumimoji="1" lang="ja-JP" altLang="en-US" dirty="0"/>
              <a:t>富山市の考え方　コンパクトシティ化</a:t>
            </a:r>
          </a:p>
        </p:txBody>
      </p:sp>
    </p:spTree>
    <p:extLst>
      <p:ext uri="{BB962C8B-B14F-4D97-AF65-F5344CB8AC3E}">
        <p14:creationId xmlns:p14="http://schemas.microsoft.com/office/powerpoint/2010/main" val="2990759642"/>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a:extLst>
              <a:ext uri="{FF2B5EF4-FFF2-40B4-BE49-F238E27FC236}">
                <a16:creationId xmlns:a16="http://schemas.microsoft.com/office/drawing/2014/main" id="{10C986AD-AC76-2020-7336-65D50467D285}"/>
              </a:ext>
            </a:extLst>
          </p:cNvPr>
          <p:cNvPicPr>
            <a:picLocks noChangeAspect="1"/>
          </p:cNvPicPr>
          <p:nvPr/>
        </p:nvPicPr>
        <p:blipFill rotWithShape="1">
          <a:blip r:embed="rId2"/>
          <a:srcRect r="2" b="19149"/>
          <a:stretch/>
        </p:blipFill>
        <p:spPr>
          <a:xfrm>
            <a:off x="90488" y="68263"/>
            <a:ext cx="8963025" cy="6721475"/>
          </a:xfrm>
          <a:prstGeom prst="rect">
            <a:avLst/>
          </a:prstGeom>
          <a:noFill/>
        </p:spPr>
      </p:pic>
      <p:sp>
        <p:nvSpPr>
          <p:cNvPr id="2" name="スライド番号プレースホルダー 1" hidden="1">
            <a:extLst>
              <a:ext uri="{FF2B5EF4-FFF2-40B4-BE49-F238E27FC236}">
                <a16:creationId xmlns:a16="http://schemas.microsoft.com/office/drawing/2014/main" id="{83A2C37E-3666-E9E9-FFE5-308C6C3A66C3}"/>
              </a:ext>
            </a:extLst>
          </p:cNvPr>
          <p:cNvSpPr>
            <a:spLocks noGrp="1"/>
          </p:cNvSpPr>
          <p:nvPr>
            <p:ph type="sldNum" sz="quarter" idx="4294967295"/>
          </p:nvPr>
        </p:nvSpPr>
        <p:spPr>
          <a:xfrm>
            <a:off x="6276643" y="6581326"/>
            <a:ext cx="2743200" cy="253093"/>
          </a:xfrm>
          <a:prstGeom prst="rect">
            <a:avLst/>
          </a:prstGeom>
        </p:spPr>
        <p:txBody>
          <a:bodyPr/>
          <a:lstStyle/>
          <a:p>
            <a:pPr defTabSz="371446">
              <a:spcAft>
                <a:spcPts val="600"/>
              </a:spcAft>
            </a:pPr>
            <a:fld id="{B424A714-972D-431A-872C-1B0FE76119C1}" type="slidenum">
              <a:rPr kumimoji="0" lang="ja-JP" altLang="en-US" smtClean="0"/>
              <a:pPr defTabSz="371446">
                <a:spcAft>
                  <a:spcPts val="600"/>
                </a:spcAft>
              </a:pPr>
              <a:t>77</a:t>
            </a:fld>
            <a:endParaRPr kumimoji="0" lang="ja-JP" altLang="en-US"/>
          </a:p>
        </p:txBody>
      </p:sp>
      <p:sp>
        <p:nvSpPr>
          <p:cNvPr id="4" name="テキスト ボックス 3">
            <a:extLst>
              <a:ext uri="{FF2B5EF4-FFF2-40B4-BE49-F238E27FC236}">
                <a16:creationId xmlns:a16="http://schemas.microsoft.com/office/drawing/2014/main" id="{72E05F05-AA73-2D63-58AB-0DC945DFBB8C}"/>
              </a:ext>
            </a:extLst>
          </p:cNvPr>
          <p:cNvSpPr txBox="1"/>
          <p:nvPr/>
        </p:nvSpPr>
        <p:spPr>
          <a:xfrm>
            <a:off x="6209071" y="471948"/>
            <a:ext cx="2287806" cy="1980542"/>
          </a:xfrm>
          <a:prstGeom prst="rect">
            <a:avLst/>
          </a:prstGeom>
          <a:noFill/>
        </p:spPr>
        <p:txBody>
          <a:bodyPr wrap="none" rtlCol="0">
            <a:spAutoFit/>
          </a:bodyPr>
          <a:lstStyle/>
          <a:p>
            <a:r>
              <a:rPr kumimoji="1" lang="ja-JP" altLang="en-US" dirty="0"/>
              <a:t>富山市の管理橋梁</a:t>
            </a:r>
            <a:endParaRPr kumimoji="1" lang="en-US" altLang="ja-JP" dirty="0"/>
          </a:p>
          <a:p>
            <a:endParaRPr lang="en-US" altLang="ja-JP" dirty="0"/>
          </a:p>
          <a:p>
            <a:r>
              <a:rPr kumimoji="1" lang="ja-JP" altLang="en-US" dirty="0"/>
              <a:t>２，３００橋</a:t>
            </a:r>
            <a:endParaRPr kumimoji="1" lang="en-US" altLang="ja-JP" dirty="0"/>
          </a:p>
          <a:p>
            <a:endParaRPr lang="en-US" altLang="ja-JP" dirty="0"/>
          </a:p>
          <a:p>
            <a:endParaRPr kumimoji="1" lang="en-US" altLang="ja-JP" dirty="0"/>
          </a:p>
          <a:p>
            <a:r>
              <a:rPr lang="ja-JP" altLang="en-US" dirty="0"/>
              <a:t>数のリスク</a:t>
            </a:r>
            <a:endParaRPr kumimoji="1" lang="ja-JP" altLang="en-US" dirty="0"/>
          </a:p>
        </p:txBody>
      </p:sp>
    </p:spTree>
    <p:extLst>
      <p:ext uri="{BB962C8B-B14F-4D97-AF65-F5344CB8AC3E}">
        <p14:creationId xmlns:p14="http://schemas.microsoft.com/office/powerpoint/2010/main" val="1788673633"/>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80" name="Oval 1028"/>
          <p:cNvSpPr>
            <a:spLocks noChangeArrowheads="1"/>
          </p:cNvSpPr>
          <p:nvPr/>
        </p:nvSpPr>
        <p:spPr bwMode="auto">
          <a:xfrm>
            <a:off x="1740198" y="1849951"/>
            <a:ext cx="4940734" cy="2965112"/>
          </a:xfrm>
          <a:prstGeom prst="ellipse">
            <a:avLst/>
          </a:prstGeom>
          <a:solidFill>
            <a:schemeClr val="accent6">
              <a:lumMod val="40000"/>
              <a:lumOff val="60000"/>
            </a:schemeClr>
          </a:solidFill>
          <a:ln w="57150">
            <a:solidFill>
              <a:schemeClr val="tx1"/>
            </a:solidFill>
            <a:round/>
            <a:headEnd/>
            <a:tailEnd/>
          </a:ln>
        </p:spPr>
        <p:txBody>
          <a:bodyPr wrap="none" anchor="ctr"/>
          <a:lstStyle>
            <a:lvl1pPr algn="l"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algn="l"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algn="l"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defRPr/>
            </a:pPr>
            <a:endParaRPr lang="ja-JP" altLang="en-US" sz="1800" dirty="0">
              <a:latin typeface="Tahoma" pitchFamily="34" charset="0"/>
              <a:ea typeface="HGP創英角ﾎﾟｯﾌﾟ体" pitchFamily="50" charset="-128"/>
            </a:endParaRPr>
          </a:p>
        </p:txBody>
      </p:sp>
      <p:sp>
        <p:nvSpPr>
          <p:cNvPr id="16" name="円/楕円 15"/>
          <p:cNvSpPr/>
          <p:nvPr/>
        </p:nvSpPr>
        <p:spPr>
          <a:xfrm>
            <a:off x="6324556" y="1661142"/>
            <a:ext cx="1724045" cy="547609"/>
          </a:xfrm>
          <a:prstGeom prst="ellipse">
            <a:avLst/>
          </a:prstGeom>
          <a:solidFill>
            <a:srgbClr val="00B0F0"/>
          </a:solidFill>
          <a:ln>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0725" name="Text Box 1031"/>
          <p:cNvSpPr txBox="1">
            <a:spLocks noChangeArrowheads="1"/>
          </p:cNvSpPr>
          <p:nvPr/>
        </p:nvSpPr>
        <p:spPr bwMode="auto">
          <a:xfrm>
            <a:off x="3417006" y="2357437"/>
            <a:ext cx="184731" cy="3000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endParaRPr lang="ja-JP" altLang="en-US" sz="1350"/>
          </a:p>
        </p:txBody>
      </p:sp>
      <p:sp>
        <p:nvSpPr>
          <p:cNvPr id="19" name="円/楕円 18"/>
          <p:cNvSpPr/>
          <p:nvPr/>
        </p:nvSpPr>
        <p:spPr>
          <a:xfrm>
            <a:off x="1159931" y="4815063"/>
            <a:ext cx="2148378" cy="882607"/>
          </a:xfrm>
          <a:prstGeom prst="ellipse">
            <a:avLst/>
          </a:prstGeom>
          <a:solidFill>
            <a:schemeClr val="accent2">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0728" name="テキスト ボックス 19"/>
          <p:cNvSpPr txBox="1">
            <a:spLocks noChangeArrowheads="1"/>
          </p:cNvSpPr>
          <p:nvPr/>
        </p:nvSpPr>
        <p:spPr bwMode="auto">
          <a:xfrm>
            <a:off x="1239164" y="4892755"/>
            <a:ext cx="2044005" cy="11310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575" dirty="0">
                <a:latin typeface="Arial" pitchFamily="34" charset="0"/>
              </a:rPr>
              <a:t>近隣大学：</a:t>
            </a:r>
            <a:endParaRPr lang="en-US" altLang="ja-JP" sz="1575" dirty="0">
              <a:latin typeface="Arial" pitchFamily="34" charset="0"/>
            </a:endParaRPr>
          </a:p>
          <a:p>
            <a:pPr marL="0" lvl="1" algn="ctr" eaLnBrk="1" hangingPunct="1">
              <a:spcBef>
                <a:spcPct val="0"/>
              </a:spcBef>
              <a:buClrTx/>
              <a:buSzTx/>
              <a:buNone/>
            </a:pPr>
            <a:r>
              <a:rPr lang="ja-JP" altLang="en-US" sz="1575" dirty="0">
                <a:latin typeface="Arial" pitchFamily="34" charset="0"/>
              </a:rPr>
              <a:t>委員会</a:t>
            </a:r>
            <a:endParaRPr lang="en-US" altLang="ja-JP" sz="1575" dirty="0">
              <a:latin typeface="Arial" pitchFamily="34" charset="0"/>
            </a:endParaRPr>
          </a:p>
          <a:p>
            <a:pPr marL="0" lvl="1" algn="ctr" eaLnBrk="1" hangingPunct="1">
              <a:spcBef>
                <a:spcPct val="0"/>
              </a:spcBef>
              <a:buClrTx/>
              <a:buSzTx/>
              <a:buNone/>
            </a:pPr>
            <a:r>
              <a:rPr lang="ja-JP" altLang="en-US" sz="1350" dirty="0">
                <a:latin typeface="Arial" pitchFamily="34" charset="0"/>
              </a:rPr>
              <a:t>相談</a:t>
            </a:r>
            <a:endParaRPr lang="en-US" altLang="ja-JP" sz="1350" dirty="0">
              <a:latin typeface="Arial" pitchFamily="34" charset="0"/>
            </a:endParaRPr>
          </a:p>
          <a:p>
            <a:pPr marL="0" lvl="1" algn="ctr" eaLnBrk="1" hangingPunct="1">
              <a:spcBef>
                <a:spcPct val="0"/>
              </a:spcBef>
              <a:buClrTx/>
              <a:buSzTx/>
              <a:buNone/>
            </a:pPr>
            <a:endParaRPr lang="en-US" altLang="ja-JP" sz="2250" dirty="0">
              <a:latin typeface="Arial" pitchFamily="34" charset="0"/>
            </a:endParaRPr>
          </a:p>
        </p:txBody>
      </p:sp>
      <p:sp>
        <p:nvSpPr>
          <p:cNvPr id="20" name="円/楕円 19"/>
          <p:cNvSpPr/>
          <p:nvPr/>
        </p:nvSpPr>
        <p:spPr>
          <a:xfrm>
            <a:off x="6206934" y="4454306"/>
            <a:ext cx="1594754" cy="1107060"/>
          </a:xfrm>
          <a:prstGeom prst="ellipse">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0730" name="テキスト ボックス 19"/>
          <p:cNvSpPr txBox="1">
            <a:spLocks noChangeArrowheads="1"/>
          </p:cNvSpPr>
          <p:nvPr/>
        </p:nvSpPr>
        <p:spPr bwMode="auto">
          <a:xfrm>
            <a:off x="4432700" y="3545979"/>
            <a:ext cx="2077046" cy="6117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endParaRPr lang="en-US" altLang="ja-JP" sz="1125">
              <a:latin typeface="Arial" pitchFamily="34" charset="0"/>
            </a:endParaRPr>
          </a:p>
          <a:p>
            <a:pPr marL="0" lvl="1" algn="ctr" eaLnBrk="1" hangingPunct="1">
              <a:spcBef>
                <a:spcPct val="0"/>
              </a:spcBef>
              <a:buClrTx/>
              <a:buSzTx/>
              <a:buNone/>
            </a:pPr>
            <a:endParaRPr lang="en-US" altLang="ja-JP" sz="2250">
              <a:latin typeface="Arial" pitchFamily="34" charset="0"/>
            </a:endParaRPr>
          </a:p>
        </p:txBody>
      </p:sp>
      <p:sp>
        <p:nvSpPr>
          <p:cNvPr id="30731" name="テキスト ボックス 19"/>
          <p:cNvSpPr txBox="1">
            <a:spLocks noChangeArrowheads="1"/>
          </p:cNvSpPr>
          <p:nvPr/>
        </p:nvSpPr>
        <p:spPr bwMode="auto">
          <a:xfrm>
            <a:off x="6555700" y="4673009"/>
            <a:ext cx="950901" cy="992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350" b="1" dirty="0">
                <a:latin typeface="Arial" pitchFamily="34" charset="0"/>
              </a:rPr>
              <a:t>民間企業</a:t>
            </a:r>
            <a:endParaRPr lang="en-US" altLang="ja-JP" sz="1350" b="1" dirty="0">
              <a:latin typeface="Arial" pitchFamily="34" charset="0"/>
            </a:endParaRPr>
          </a:p>
          <a:p>
            <a:pPr marL="0" lvl="1" algn="ctr" eaLnBrk="1" hangingPunct="1">
              <a:spcBef>
                <a:spcPct val="0"/>
              </a:spcBef>
              <a:buClrTx/>
              <a:buSzTx/>
              <a:buNone/>
            </a:pPr>
            <a:r>
              <a:rPr lang="ja-JP" altLang="en-US" sz="1125" b="1" dirty="0">
                <a:latin typeface="Arial" pitchFamily="34" charset="0"/>
              </a:rPr>
              <a:t>業務・</a:t>
            </a:r>
            <a:endParaRPr lang="en-US" altLang="ja-JP" sz="1125" b="1" dirty="0">
              <a:latin typeface="Arial" pitchFamily="34" charset="0"/>
            </a:endParaRPr>
          </a:p>
          <a:p>
            <a:pPr marL="0" lvl="1" algn="ctr" eaLnBrk="1" hangingPunct="1">
              <a:spcBef>
                <a:spcPct val="0"/>
              </a:spcBef>
              <a:buClrTx/>
              <a:buSzTx/>
              <a:buNone/>
            </a:pPr>
            <a:r>
              <a:rPr lang="ja-JP" altLang="en-US" sz="1125" b="1" dirty="0">
                <a:latin typeface="Arial" pitchFamily="34" charset="0"/>
              </a:rPr>
              <a:t>協力・連携も</a:t>
            </a:r>
            <a:endParaRPr lang="en-US" altLang="ja-JP" sz="1125" b="1" dirty="0">
              <a:latin typeface="Arial" pitchFamily="34" charset="0"/>
            </a:endParaRPr>
          </a:p>
          <a:p>
            <a:pPr marL="0" lvl="1" algn="ctr" eaLnBrk="1" hangingPunct="1">
              <a:spcBef>
                <a:spcPct val="0"/>
              </a:spcBef>
              <a:buClrTx/>
              <a:buSzTx/>
              <a:buNone/>
            </a:pPr>
            <a:endParaRPr lang="en-US" altLang="ja-JP" sz="2250" dirty="0">
              <a:latin typeface="Arial" pitchFamily="34" charset="0"/>
            </a:endParaRPr>
          </a:p>
        </p:txBody>
      </p:sp>
      <p:sp>
        <p:nvSpPr>
          <p:cNvPr id="30732" name="テキスト ボックス 3"/>
          <p:cNvSpPr txBox="1">
            <a:spLocks noChangeArrowheads="1"/>
          </p:cNvSpPr>
          <p:nvPr/>
        </p:nvSpPr>
        <p:spPr bwMode="auto">
          <a:xfrm>
            <a:off x="6510678" y="1725706"/>
            <a:ext cx="1309975" cy="9927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350" b="1" dirty="0">
                <a:latin typeface="Arial" pitchFamily="34" charset="0"/>
              </a:rPr>
              <a:t>国土交通省・県</a:t>
            </a:r>
            <a:endParaRPr lang="en-US" altLang="ja-JP" sz="1350" b="1" dirty="0">
              <a:latin typeface="Arial" pitchFamily="34" charset="0"/>
            </a:endParaRPr>
          </a:p>
          <a:p>
            <a:pPr marL="0" lvl="1" algn="ctr" eaLnBrk="1" hangingPunct="1">
              <a:spcBef>
                <a:spcPct val="0"/>
              </a:spcBef>
              <a:buClrTx/>
              <a:buSzTx/>
              <a:buNone/>
            </a:pPr>
            <a:r>
              <a:rPr lang="ja-JP" altLang="en-US" sz="1350" dirty="0">
                <a:latin typeface="Arial" pitchFamily="34" charset="0"/>
              </a:rPr>
              <a:t>指導</a:t>
            </a:r>
            <a:endParaRPr lang="en-US" altLang="ja-JP" sz="1350" dirty="0">
              <a:latin typeface="Arial" pitchFamily="34" charset="0"/>
            </a:endParaRPr>
          </a:p>
          <a:p>
            <a:pPr marL="0" lvl="1" algn="ctr" eaLnBrk="1" hangingPunct="1">
              <a:spcBef>
                <a:spcPct val="0"/>
              </a:spcBef>
              <a:buClrTx/>
              <a:buSzTx/>
              <a:buNone/>
            </a:pPr>
            <a:endParaRPr lang="en-US" altLang="ja-JP" sz="1125" dirty="0">
              <a:latin typeface="Arial" pitchFamily="34" charset="0"/>
            </a:endParaRPr>
          </a:p>
          <a:p>
            <a:pPr marL="0" lvl="1" algn="ctr" eaLnBrk="1" hangingPunct="1">
              <a:spcBef>
                <a:spcPct val="0"/>
              </a:spcBef>
              <a:buClrTx/>
              <a:buSzTx/>
              <a:buNone/>
            </a:pPr>
            <a:endParaRPr lang="ja-JP" altLang="en-US" sz="1013" dirty="0">
              <a:latin typeface="Arial" pitchFamily="34" charset="0"/>
            </a:endParaRPr>
          </a:p>
          <a:p>
            <a:pPr algn="ctr" eaLnBrk="1" hangingPunct="1">
              <a:spcBef>
                <a:spcPct val="0"/>
              </a:spcBef>
              <a:buClrTx/>
              <a:buSzTx/>
              <a:buFontTx/>
              <a:buNone/>
            </a:pPr>
            <a:endParaRPr lang="ja-JP" altLang="en-US" sz="1013" dirty="0">
              <a:latin typeface="Arial" pitchFamily="34" charset="0"/>
            </a:endParaRPr>
          </a:p>
        </p:txBody>
      </p:sp>
      <p:sp>
        <p:nvSpPr>
          <p:cNvPr id="21" name="円/楕円 20"/>
          <p:cNvSpPr/>
          <p:nvPr/>
        </p:nvSpPr>
        <p:spPr>
          <a:xfrm>
            <a:off x="4244658" y="2652308"/>
            <a:ext cx="1266230" cy="76572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0734" name="テキスト ボックス 19"/>
          <p:cNvSpPr txBox="1">
            <a:spLocks noChangeArrowheads="1"/>
          </p:cNvSpPr>
          <p:nvPr/>
        </p:nvSpPr>
        <p:spPr bwMode="auto">
          <a:xfrm>
            <a:off x="4176845" y="2750883"/>
            <a:ext cx="1330170" cy="88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800" dirty="0">
                <a:latin typeface="Arial" pitchFamily="34" charset="0"/>
              </a:rPr>
              <a:t>自治体</a:t>
            </a:r>
            <a:r>
              <a:rPr lang="en-US" altLang="ja-JP" sz="1800" dirty="0">
                <a:latin typeface="Arial" pitchFamily="34" charset="0"/>
              </a:rPr>
              <a:t>A</a:t>
            </a:r>
          </a:p>
          <a:p>
            <a:pPr marL="0" lvl="1" algn="ctr" eaLnBrk="1" hangingPunct="1">
              <a:spcBef>
                <a:spcPct val="0"/>
              </a:spcBef>
              <a:buClrTx/>
              <a:buSzTx/>
              <a:buNone/>
            </a:pPr>
            <a:r>
              <a:rPr lang="ja-JP" altLang="en-US" sz="1125" b="1" dirty="0">
                <a:latin typeface="Arial" pitchFamily="34" charset="0"/>
              </a:rPr>
              <a:t>協力連携</a:t>
            </a:r>
            <a:endParaRPr lang="en-US" altLang="ja-JP" sz="1125" b="1" dirty="0">
              <a:latin typeface="Arial" pitchFamily="34" charset="0"/>
            </a:endParaRPr>
          </a:p>
          <a:p>
            <a:pPr marL="0" lvl="1" algn="ctr" eaLnBrk="1" hangingPunct="1">
              <a:spcBef>
                <a:spcPct val="0"/>
              </a:spcBef>
              <a:buClrTx/>
              <a:buSzTx/>
              <a:buNone/>
            </a:pPr>
            <a:endParaRPr lang="en-US" altLang="ja-JP" sz="2250" dirty="0">
              <a:latin typeface="Arial" pitchFamily="34" charset="0"/>
            </a:endParaRPr>
          </a:p>
        </p:txBody>
      </p:sp>
      <p:sp>
        <p:nvSpPr>
          <p:cNvPr id="2" name="左右矢印 1"/>
          <p:cNvSpPr/>
          <p:nvPr/>
        </p:nvSpPr>
        <p:spPr>
          <a:xfrm rot="21147284">
            <a:off x="3774769" y="2163822"/>
            <a:ext cx="2964890" cy="353507"/>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22" name="左右矢印 21"/>
          <p:cNvSpPr/>
          <p:nvPr/>
        </p:nvSpPr>
        <p:spPr>
          <a:xfrm rot="12318753">
            <a:off x="3255214" y="4032804"/>
            <a:ext cx="3345161" cy="273248"/>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24" name="左右矢印 23"/>
          <p:cNvSpPr/>
          <p:nvPr/>
        </p:nvSpPr>
        <p:spPr>
          <a:xfrm rot="16399472">
            <a:off x="1127323" y="4003084"/>
            <a:ext cx="1472601" cy="328259"/>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26" name="左右矢印 25"/>
          <p:cNvSpPr/>
          <p:nvPr/>
        </p:nvSpPr>
        <p:spPr>
          <a:xfrm rot="585819">
            <a:off x="3789928" y="2741934"/>
            <a:ext cx="574436"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dirty="0"/>
          </a:p>
        </p:txBody>
      </p:sp>
      <p:sp>
        <p:nvSpPr>
          <p:cNvPr id="27" name="円/楕円 26"/>
          <p:cNvSpPr/>
          <p:nvPr/>
        </p:nvSpPr>
        <p:spPr>
          <a:xfrm>
            <a:off x="3325932" y="5243297"/>
            <a:ext cx="2727764" cy="524166"/>
          </a:xfrm>
          <a:prstGeom prst="ellipse">
            <a:avLst/>
          </a:prstGeom>
          <a:solidFill>
            <a:schemeClr val="bg1">
              <a:lumMod val="85000"/>
            </a:schemeClr>
          </a:solidFill>
          <a:ln>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0740" name="テキスト ボックス 3"/>
          <p:cNvSpPr txBox="1">
            <a:spLocks noChangeArrowheads="1"/>
          </p:cNvSpPr>
          <p:nvPr/>
        </p:nvSpPr>
        <p:spPr bwMode="auto">
          <a:xfrm>
            <a:off x="3555562" y="5311480"/>
            <a:ext cx="2271776"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1350" dirty="0">
                <a:latin typeface="Arial" pitchFamily="34" charset="0"/>
              </a:rPr>
              <a:t>市民・市民団体・ボランティア</a:t>
            </a:r>
            <a:endParaRPr lang="en-US" altLang="ja-JP" sz="1350" dirty="0">
              <a:latin typeface="Arial" pitchFamily="34" charset="0"/>
            </a:endParaRPr>
          </a:p>
          <a:p>
            <a:pPr algn="ctr" eaLnBrk="1" hangingPunct="1">
              <a:spcBef>
                <a:spcPct val="0"/>
              </a:spcBef>
              <a:buClrTx/>
              <a:buSzTx/>
              <a:buFontTx/>
              <a:buNone/>
            </a:pPr>
            <a:r>
              <a:rPr lang="ja-JP" altLang="en-US" sz="1350" dirty="0">
                <a:latin typeface="Arial" pitchFamily="34" charset="0"/>
              </a:rPr>
              <a:t>活動支援</a:t>
            </a:r>
          </a:p>
        </p:txBody>
      </p:sp>
      <p:sp>
        <p:nvSpPr>
          <p:cNvPr id="28" name="左右矢印 27"/>
          <p:cNvSpPr/>
          <p:nvPr/>
        </p:nvSpPr>
        <p:spPr>
          <a:xfrm rot="14588349">
            <a:off x="2266234" y="4290456"/>
            <a:ext cx="2035523" cy="32770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4" name="円/楕円 20">
            <a:extLst>
              <a:ext uri="{FF2B5EF4-FFF2-40B4-BE49-F238E27FC236}">
                <a16:creationId xmlns:a16="http://schemas.microsoft.com/office/drawing/2014/main" id="{0B7F9216-0CAC-B8FB-B42B-67A5A8B1DDE8}"/>
              </a:ext>
            </a:extLst>
          </p:cNvPr>
          <p:cNvSpPr/>
          <p:nvPr/>
        </p:nvSpPr>
        <p:spPr>
          <a:xfrm>
            <a:off x="5907349" y="2469849"/>
            <a:ext cx="1266230" cy="76572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5" name="円/楕円 20">
            <a:extLst>
              <a:ext uri="{FF2B5EF4-FFF2-40B4-BE49-F238E27FC236}">
                <a16:creationId xmlns:a16="http://schemas.microsoft.com/office/drawing/2014/main" id="{118D255F-CFC1-7205-E1C1-757570A2E87E}"/>
              </a:ext>
            </a:extLst>
          </p:cNvPr>
          <p:cNvSpPr/>
          <p:nvPr/>
        </p:nvSpPr>
        <p:spPr>
          <a:xfrm>
            <a:off x="5497827" y="3620268"/>
            <a:ext cx="1266230" cy="765720"/>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6" name="テキスト ボックス 19">
            <a:extLst>
              <a:ext uri="{FF2B5EF4-FFF2-40B4-BE49-F238E27FC236}">
                <a16:creationId xmlns:a16="http://schemas.microsoft.com/office/drawing/2014/main" id="{E53C304E-AB13-D79F-656C-325C0FB2A92C}"/>
              </a:ext>
            </a:extLst>
          </p:cNvPr>
          <p:cNvSpPr txBox="1">
            <a:spLocks noChangeArrowheads="1"/>
          </p:cNvSpPr>
          <p:nvPr/>
        </p:nvSpPr>
        <p:spPr bwMode="auto">
          <a:xfrm>
            <a:off x="5961729" y="2616996"/>
            <a:ext cx="1330170" cy="88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800" dirty="0">
                <a:latin typeface="Arial" pitchFamily="34" charset="0"/>
              </a:rPr>
              <a:t>自治体</a:t>
            </a:r>
            <a:r>
              <a:rPr lang="en-US" altLang="ja-JP" sz="1800" dirty="0">
                <a:latin typeface="Arial" pitchFamily="34" charset="0"/>
              </a:rPr>
              <a:t>B</a:t>
            </a:r>
          </a:p>
          <a:p>
            <a:pPr marL="0" lvl="1" algn="ctr" eaLnBrk="1" hangingPunct="1">
              <a:spcBef>
                <a:spcPct val="0"/>
              </a:spcBef>
              <a:buClrTx/>
              <a:buSzTx/>
              <a:buNone/>
            </a:pPr>
            <a:r>
              <a:rPr lang="ja-JP" altLang="en-US" sz="1125" b="1" dirty="0">
                <a:latin typeface="Arial" pitchFamily="34" charset="0"/>
              </a:rPr>
              <a:t>協力連携</a:t>
            </a:r>
            <a:endParaRPr lang="en-US" altLang="ja-JP" sz="1125" b="1" dirty="0">
              <a:latin typeface="Arial" pitchFamily="34" charset="0"/>
            </a:endParaRPr>
          </a:p>
          <a:p>
            <a:pPr marL="0" lvl="1" algn="ctr" eaLnBrk="1" hangingPunct="1">
              <a:spcBef>
                <a:spcPct val="0"/>
              </a:spcBef>
              <a:buClrTx/>
              <a:buSzTx/>
              <a:buNone/>
            </a:pPr>
            <a:endParaRPr lang="en-US" altLang="ja-JP" sz="2250" dirty="0">
              <a:latin typeface="Arial" pitchFamily="34" charset="0"/>
            </a:endParaRPr>
          </a:p>
        </p:txBody>
      </p:sp>
      <p:sp>
        <p:nvSpPr>
          <p:cNvPr id="7" name="テキスト ボックス 19">
            <a:extLst>
              <a:ext uri="{FF2B5EF4-FFF2-40B4-BE49-F238E27FC236}">
                <a16:creationId xmlns:a16="http://schemas.microsoft.com/office/drawing/2014/main" id="{4F4A3A44-F049-FBDD-EC03-3B69F16738BB}"/>
              </a:ext>
            </a:extLst>
          </p:cNvPr>
          <p:cNvSpPr txBox="1">
            <a:spLocks noChangeArrowheads="1"/>
          </p:cNvSpPr>
          <p:nvPr/>
        </p:nvSpPr>
        <p:spPr bwMode="auto">
          <a:xfrm>
            <a:off x="5495618" y="3788046"/>
            <a:ext cx="1330170" cy="88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None/>
            </a:pPr>
            <a:r>
              <a:rPr lang="ja-JP" altLang="en-US" sz="1800" dirty="0">
                <a:latin typeface="Arial" pitchFamily="34" charset="0"/>
              </a:rPr>
              <a:t>自治体</a:t>
            </a:r>
            <a:r>
              <a:rPr lang="en-US" altLang="ja-JP" sz="1800" dirty="0">
                <a:latin typeface="Arial" pitchFamily="34" charset="0"/>
              </a:rPr>
              <a:t>C</a:t>
            </a:r>
          </a:p>
          <a:p>
            <a:pPr marL="0" lvl="1" algn="ctr" eaLnBrk="1" hangingPunct="1">
              <a:spcBef>
                <a:spcPct val="0"/>
              </a:spcBef>
              <a:buClrTx/>
              <a:buSzTx/>
              <a:buNone/>
            </a:pPr>
            <a:r>
              <a:rPr lang="ja-JP" altLang="en-US" sz="1125" b="1" dirty="0">
                <a:latin typeface="Arial" pitchFamily="34" charset="0"/>
              </a:rPr>
              <a:t>協力連携</a:t>
            </a:r>
            <a:endParaRPr lang="en-US" altLang="ja-JP" sz="1125" b="1" dirty="0">
              <a:latin typeface="Arial" pitchFamily="34" charset="0"/>
            </a:endParaRPr>
          </a:p>
          <a:p>
            <a:pPr marL="0" lvl="1" algn="ctr" eaLnBrk="1" hangingPunct="1">
              <a:spcBef>
                <a:spcPct val="0"/>
              </a:spcBef>
              <a:buClrTx/>
              <a:buSzTx/>
              <a:buNone/>
            </a:pPr>
            <a:endParaRPr lang="en-US" altLang="ja-JP" sz="2250" dirty="0">
              <a:latin typeface="Arial" pitchFamily="34" charset="0"/>
            </a:endParaRPr>
          </a:p>
        </p:txBody>
      </p:sp>
      <p:sp>
        <p:nvSpPr>
          <p:cNvPr id="8" name="左右矢印 25">
            <a:extLst>
              <a:ext uri="{FF2B5EF4-FFF2-40B4-BE49-F238E27FC236}">
                <a16:creationId xmlns:a16="http://schemas.microsoft.com/office/drawing/2014/main" id="{A647F7CE-1228-3354-DDDA-C543BDA09EE6}"/>
              </a:ext>
            </a:extLst>
          </p:cNvPr>
          <p:cNvSpPr/>
          <p:nvPr/>
        </p:nvSpPr>
        <p:spPr>
          <a:xfrm rot="879372">
            <a:off x="5272417" y="3225032"/>
            <a:ext cx="818549"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dirty="0"/>
          </a:p>
        </p:txBody>
      </p:sp>
      <p:sp>
        <p:nvSpPr>
          <p:cNvPr id="9" name="左右矢印 25">
            <a:extLst>
              <a:ext uri="{FF2B5EF4-FFF2-40B4-BE49-F238E27FC236}">
                <a16:creationId xmlns:a16="http://schemas.microsoft.com/office/drawing/2014/main" id="{3C9D2D79-D158-CCF9-FD7B-7032F4BBF39C}"/>
              </a:ext>
            </a:extLst>
          </p:cNvPr>
          <p:cNvSpPr/>
          <p:nvPr/>
        </p:nvSpPr>
        <p:spPr>
          <a:xfrm rot="21307902">
            <a:off x="5265723" y="2732352"/>
            <a:ext cx="708535"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dirty="0"/>
          </a:p>
        </p:txBody>
      </p:sp>
      <p:sp>
        <p:nvSpPr>
          <p:cNvPr id="10" name="左右矢印 25">
            <a:extLst>
              <a:ext uri="{FF2B5EF4-FFF2-40B4-BE49-F238E27FC236}">
                <a16:creationId xmlns:a16="http://schemas.microsoft.com/office/drawing/2014/main" id="{7DF6BDAE-BEA9-2180-0684-EA97801F8EA1}"/>
              </a:ext>
            </a:extLst>
          </p:cNvPr>
          <p:cNvSpPr/>
          <p:nvPr/>
        </p:nvSpPr>
        <p:spPr>
          <a:xfrm rot="919180">
            <a:off x="3793988" y="3346896"/>
            <a:ext cx="2099854"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dirty="0"/>
          </a:p>
        </p:txBody>
      </p:sp>
      <p:sp>
        <p:nvSpPr>
          <p:cNvPr id="11" name="左右矢印 25">
            <a:extLst>
              <a:ext uri="{FF2B5EF4-FFF2-40B4-BE49-F238E27FC236}">
                <a16:creationId xmlns:a16="http://schemas.microsoft.com/office/drawing/2014/main" id="{D8FAF77C-9DE4-1E5A-9ADA-37CB2F3AD0A3}"/>
              </a:ext>
            </a:extLst>
          </p:cNvPr>
          <p:cNvSpPr/>
          <p:nvPr/>
        </p:nvSpPr>
        <p:spPr>
          <a:xfrm rot="257332">
            <a:off x="3910049" y="2432601"/>
            <a:ext cx="2197611"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12" name="左右矢印 25">
            <a:extLst>
              <a:ext uri="{FF2B5EF4-FFF2-40B4-BE49-F238E27FC236}">
                <a16:creationId xmlns:a16="http://schemas.microsoft.com/office/drawing/2014/main" id="{4B754F01-E414-81DE-CE71-BBF1666B7A11}"/>
              </a:ext>
            </a:extLst>
          </p:cNvPr>
          <p:cNvSpPr/>
          <p:nvPr/>
        </p:nvSpPr>
        <p:spPr>
          <a:xfrm rot="16379918">
            <a:off x="6122232" y="3314465"/>
            <a:ext cx="673724" cy="273248"/>
          </a:xfrm>
          <a:prstGeom prst="leftRightArrow">
            <a:avLst>
              <a:gd name="adj1" fmla="val 42504"/>
              <a:gd name="adj2" fmla="val 50000"/>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151"/>
          </a:p>
        </p:txBody>
      </p:sp>
      <p:sp>
        <p:nvSpPr>
          <p:cNvPr id="3" name="円/楕円 2"/>
          <p:cNvSpPr/>
          <p:nvPr/>
        </p:nvSpPr>
        <p:spPr>
          <a:xfrm>
            <a:off x="921193" y="1923365"/>
            <a:ext cx="2941721" cy="1710717"/>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r>
              <a:rPr lang="ja-JP" altLang="en-US" sz="2250" b="1" dirty="0">
                <a:solidFill>
                  <a:schemeClr val="tx1"/>
                </a:solidFill>
              </a:rPr>
              <a:t>〇〇市</a:t>
            </a:r>
            <a:endParaRPr lang="en-US" altLang="ja-JP" sz="1125" b="1" dirty="0">
              <a:solidFill>
                <a:schemeClr val="tx1"/>
              </a:solidFill>
            </a:endParaRPr>
          </a:p>
          <a:p>
            <a:pPr>
              <a:defRPr/>
            </a:pPr>
            <a:r>
              <a:rPr lang="ja-JP" altLang="en-US" sz="1125" b="1" dirty="0">
                <a:solidFill>
                  <a:schemeClr val="tx1"/>
                </a:solidFill>
              </a:rPr>
              <a:t>インフラ・マネジメントの地域のリーダー的</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13" name="テキスト ボックス 12">
            <a:extLst>
              <a:ext uri="{FF2B5EF4-FFF2-40B4-BE49-F238E27FC236}">
                <a16:creationId xmlns:a16="http://schemas.microsoft.com/office/drawing/2014/main" id="{05DD360F-2CFF-9900-E39A-3E1F81EBD501}"/>
              </a:ext>
            </a:extLst>
          </p:cNvPr>
          <p:cNvSpPr txBox="1"/>
          <p:nvPr/>
        </p:nvSpPr>
        <p:spPr>
          <a:xfrm>
            <a:off x="3367734" y="4228568"/>
            <a:ext cx="2031325" cy="369332"/>
          </a:xfrm>
          <a:prstGeom prst="rect">
            <a:avLst/>
          </a:prstGeom>
          <a:noFill/>
        </p:spPr>
        <p:txBody>
          <a:bodyPr wrap="none" rtlCol="0">
            <a:spAutoFit/>
          </a:bodyPr>
          <a:lstStyle/>
          <a:p>
            <a:r>
              <a:rPr lang="ja-JP" altLang="en-US" sz="1800" b="1" dirty="0"/>
              <a:t>近隣地域連携組織</a:t>
            </a:r>
          </a:p>
        </p:txBody>
      </p:sp>
      <p:sp>
        <p:nvSpPr>
          <p:cNvPr id="14" name="Rectangle 1026">
            <a:extLst>
              <a:ext uri="{FF2B5EF4-FFF2-40B4-BE49-F238E27FC236}">
                <a16:creationId xmlns:a16="http://schemas.microsoft.com/office/drawing/2014/main" id="{F2B6CD98-8A4A-9CD9-C272-C0947652B363}"/>
              </a:ext>
            </a:extLst>
          </p:cNvPr>
          <p:cNvSpPr>
            <a:spLocks noChangeArrowheads="1"/>
          </p:cNvSpPr>
          <p:nvPr/>
        </p:nvSpPr>
        <p:spPr bwMode="auto">
          <a:xfrm>
            <a:off x="258097" y="1117905"/>
            <a:ext cx="8627806" cy="367904"/>
          </a:xfrm>
          <a:prstGeom prst="rect">
            <a:avLst/>
          </a:prstGeom>
          <a:solidFill>
            <a:srgbClr val="FFCC99"/>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100" dirty="0">
                <a:latin typeface="HG丸ｺﾞｼｯｸM-PRO" pitchFamily="50" charset="-128"/>
                <a:ea typeface="HG丸ｺﾞｼｯｸM-PRO" pitchFamily="50" charset="-128"/>
              </a:rPr>
              <a:t>インフラ</a:t>
            </a:r>
            <a:r>
              <a:rPr lang="ja-JP" altLang="en-US" sz="2100" b="1" dirty="0">
                <a:latin typeface="HG丸ｺﾞｼｯｸM-PRO" pitchFamily="50" charset="-128"/>
                <a:ea typeface="HG丸ｺﾞｼｯｸM-PRO" pitchFamily="50" charset="-128"/>
              </a:rPr>
              <a:t>“群”管理</a:t>
            </a:r>
            <a:r>
              <a:rPr lang="ja-JP" altLang="en-US" sz="2100" dirty="0">
                <a:latin typeface="HG丸ｺﾞｼｯｸM-PRO" pitchFamily="50" charset="-128"/>
                <a:ea typeface="HG丸ｺﾞｼｯｸM-PRO" pitchFamily="50" charset="-128"/>
              </a:rPr>
              <a:t>で効率化</a:t>
            </a:r>
          </a:p>
        </p:txBody>
      </p:sp>
    </p:spTree>
    <p:extLst>
      <p:ext uri="{BB962C8B-B14F-4D97-AF65-F5344CB8AC3E}">
        <p14:creationId xmlns:p14="http://schemas.microsoft.com/office/powerpoint/2010/main" val="1438982056"/>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80" name="Oval 1028">
            <a:extLst>
              <a:ext uri="{FF2B5EF4-FFF2-40B4-BE49-F238E27FC236}">
                <a16:creationId xmlns:a16="http://schemas.microsoft.com/office/drawing/2014/main" id="{D898D34D-6536-7989-A1D6-55410B7588B5}"/>
              </a:ext>
            </a:extLst>
          </p:cNvPr>
          <p:cNvSpPr>
            <a:spLocks noChangeArrowheads="1"/>
          </p:cNvSpPr>
          <p:nvPr/>
        </p:nvSpPr>
        <p:spPr bwMode="auto">
          <a:xfrm>
            <a:off x="954088" y="1147763"/>
            <a:ext cx="5707062" cy="4657725"/>
          </a:xfrm>
          <a:prstGeom prst="ellipse">
            <a:avLst/>
          </a:prstGeom>
          <a:solidFill>
            <a:schemeClr val="accent6">
              <a:lumMod val="40000"/>
              <a:lumOff val="60000"/>
            </a:schemeClr>
          </a:solidFill>
          <a:ln w="57150">
            <a:solidFill>
              <a:schemeClr val="tx1"/>
            </a:solidFill>
            <a:round/>
            <a:headEnd/>
            <a:tailEnd/>
          </a:ln>
        </p:spPr>
        <p:txBody>
          <a:bodyPr wrap="none" anchor="ctr"/>
          <a:lstStyle>
            <a:lvl1pPr algn="l"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algn="l"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algn="l"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algn="l"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defRPr/>
            </a:pPr>
            <a:endParaRPr lang="ja-JP" altLang="en-US" sz="1800" dirty="0">
              <a:latin typeface="Tahoma" pitchFamily="34" charset="0"/>
              <a:ea typeface="HGP創英角ﾎﾟｯﾌﾟ体" pitchFamily="50" charset="-128"/>
            </a:endParaRPr>
          </a:p>
        </p:txBody>
      </p:sp>
      <p:sp>
        <p:nvSpPr>
          <p:cNvPr id="30725" name="Text Box 1031">
            <a:extLst>
              <a:ext uri="{FF2B5EF4-FFF2-40B4-BE49-F238E27FC236}">
                <a16:creationId xmlns:a16="http://schemas.microsoft.com/office/drawing/2014/main" id="{DFBDE776-6F27-ABCC-1198-2B73ABE5E07C}"/>
              </a:ext>
            </a:extLst>
          </p:cNvPr>
          <p:cNvSpPr txBox="1">
            <a:spLocks noChangeArrowheads="1"/>
          </p:cNvSpPr>
          <p:nvPr/>
        </p:nvSpPr>
        <p:spPr bwMode="auto">
          <a:xfrm>
            <a:off x="3416300" y="2357438"/>
            <a:ext cx="185738" cy="300037"/>
          </a:xfrm>
          <a:prstGeom prst="rect">
            <a:avLst/>
          </a:prstGeom>
          <a:noFill/>
          <a:ln>
            <a:noFill/>
          </a:ln>
        </p:spPr>
        <p:txBody>
          <a:bodyPr wrap="none">
            <a:spAutoFit/>
          </a:bodyPr>
          <a:lstStyle>
            <a:lvl1pPr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defRPr/>
            </a:pPr>
            <a:endParaRPr lang="ja-JP" altLang="en-US" sz="1350"/>
          </a:p>
        </p:txBody>
      </p:sp>
      <p:sp>
        <p:nvSpPr>
          <p:cNvPr id="30730" name="テキスト ボックス 19">
            <a:extLst>
              <a:ext uri="{FF2B5EF4-FFF2-40B4-BE49-F238E27FC236}">
                <a16:creationId xmlns:a16="http://schemas.microsoft.com/office/drawing/2014/main" id="{53FA4FAA-28E7-A757-EEDB-A187682F5D95}"/>
              </a:ext>
            </a:extLst>
          </p:cNvPr>
          <p:cNvSpPr txBox="1">
            <a:spLocks noChangeArrowheads="1"/>
          </p:cNvSpPr>
          <p:nvPr/>
        </p:nvSpPr>
        <p:spPr bwMode="auto">
          <a:xfrm>
            <a:off x="4525963" y="2871788"/>
            <a:ext cx="2076450" cy="612775"/>
          </a:xfrm>
          <a:prstGeom prst="rect">
            <a:avLst/>
          </a:prstGeom>
          <a:noFill/>
          <a:ln>
            <a:noFill/>
          </a:ln>
        </p:spPr>
        <p:txBody>
          <a:bodyPr>
            <a:spAutoFit/>
          </a:bodyPr>
          <a:lstStyle>
            <a:lvl1pPr marL="342900" indent="-342900" eaLnBrk="0" hangingPunct="0">
              <a:spcBef>
                <a:spcPct val="20000"/>
              </a:spcBef>
              <a:buClr>
                <a:schemeClr val="hlink"/>
              </a:buClr>
              <a:buSzPct val="110000"/>
              <a:buFont typeface="Wingdings" pitchFamily="2" charset="2"/>
              <a:buBlip>
                <a:blip r:embed="rId3"/>
              </a:buBlip>
              <a:defRPr kumimoji="1" sz="3200">
                <a:solidFill>
                  <a:schemeClr val="tx1"/>
                </a:solidFill>
                <a:latin typeface="Tahoma" pitchFamily="34" charset="0"/>
                <a:ea typeface="ＭＳ Ｐゴシック" pitchFamily="50" charset="-128"/>
              </a:defRPr>
            </a:lvl1pPr>
            <a:lvl2pPr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marL="0" lvl="1" algn="ctr" eaLnBrk="1" hangingPunct="1">
              <a:spcBef>
                <a:spcPct val="0"/>
              </a:spcBef>
              <a:buClrTx/>
              <a:buSzTx/>
              <a:buFont typeface="Wingdings" pitchFamily="2" charset="2"/>
              <a:buNone/>
              <a:defRPr/>
            </a:pPr>
            <a:endParaRPr lang="en-US" altLang="ja-JP" sz="1125">
              <a:latin typeface="Arial" pitchFamily="34" charset="0"/>
            </a:endParaRPr>
          </a:p>
          <a:p>
            <a:pPr marL="0" lvl="1" algn="ctr" eaLnBrk="1" hangingPunct="1">
              <a:spcBef>
                <a:spcPct val="0"/>
              </a:spcBef>
              <a:buClrTx/>
              <a:buSzTx/>
              <a:buFont typeface="Wingdings" pitchFamily="2" charset="2"/>
              <a:buNone/>
              <a:defRPr/>
            </a:pPr>
            <a:endParaRPr lang="en-US" altLang="ja-JP" sz="2250">
              <a:latin typeface="Arial" pitchFamily="34" charset="0"/>
            </a:endParaRPr>
          </a:p>
        </p:txBody>
      </p:sp>
      <p:sp>
        <p:nvSpPr>
          <p:cNvPr id="21" name="円/楕円 20">
            <a:extLst>
              <a:ext uri="{FF2B5EF4-FFF2-40B4-BE49-F238E27FC236}">
                <a16:creationId xmlns:a16="http://schemas.microsoft.com/office/drawing/2014/main" id="{D362C878-9DCC-A09A-057E-BC515B0480CB}"/>
              </a:ext>
            </a:extLst>
          </p:cNvPr>
          <p:cNvSpPr/>
          <p:nvPr/>
        </p:nvSpPr>
        <p:spPr>
          <a:xfrm>
            <a:off x="5469732" y="1292277"/>
            <a:ext cx="1566862" cy="766763"/>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800" b="1" dirty="0">
              <a:solidFill>
                <a:schemeClr val="tx1"/>
              </a:solidFill>
            </a:endParaRPr>
          </a:p>
          <a:p>
            <a:pPr>
              <a:defRPr/>
            </a:pPr>
            <a:r>
              <a:rPr lang="ja-JP" altLang="en-US" sz="1800" b="1" dirty="0">
                <a:solidFill>
                  <a:schemeClr val="tx1"/>
                </a:solidFill>
              </a:rPr>
              <a:t>上下水道</a:t>
            </a:r>
            <a:endParaRPr lang="en-US" altLang="ja-JP" sz="1800" b="1" dirty="0">
              <a:solidFill>
                <a:schemeClr val="tx1"/>
              </a:solidFill>
            </a:endParaRPr>
          </a:p>
          <a:p>
            <a:pPr>
              <a:defRPr/>
            </a:pPr>
            <a:endParaRPr lang="ja-JP" altLang="en-US" sz="1151" dirty="0"/>
          </a:p>
        </p:txBody>
      </p:sp>
      <p:sp>
        <p:nvSpPr>
          <p:cNvPr id="5" name="円/楕円 20">
            <a:extLst>
              <a:ext uri="{FF2B5EF4-FFF2-40B4-BE49-F238E27FC236}">
                <a16:creationId xmlns:a16="http://schemas.microsoft.com/office/drawing/2014/main" id="{56877117-884B-FFF2-09C4-98CF93695126}"/>
              </a:ext>
            </a:extLst>
          </p:cNvPr>
          <p:cNvSpPr/>
          <p:nvPr/>
        </p:nvSpPr>
        <p:spPr>
          <a:xfrm>
            <a:off x="5824537" y="2457503"/>
            <a:ext cx="1266825" cy="766762"/>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3" name="円/楕円 2">
            <a:extLst>
              <a:ext uri="{FF2B5EF4-FFF2-40B4-BE49-F238E27FC236}">
                <a16:creationId xmlns:a16="http://schemas.microsoft.com/office/drawing/2014/main" id="{73181C1B-F044-E4A6-5239-30CD4A6C6104}"/>
              </a:ext>
            </a:extLst>
          </p:cNvPr>
          <p:cNvSpPr/>
          <p:nvPr/>
        </p:nvSpPr>
        <p:spPr>
          <a:xfrm>
            <a:off x="1566069" y="3762375"/>
            <a:ext cx="1209675" cy="638175"/>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擁壁</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27656" name="テキスト ボックス 12">
            <a:extLst>
              <a:ext uri="{FF2B5EF4-FFF2-40B4-BE49-F238E27FC236}">
                <a16:creationId xmlns:a16="http://schemas.microsoft.com/office/drawing/2014/main" id="{F33FF42F-694D-0718-D979-B4556B6863C0}"/>
              </a:ext>
            </a:extLst>
          </p:cNvPr>
          <p:cNvSpPr txBox="1">
            <a:spLocks noChangeArrowheads="1"/>
          </p:cNvSpPr>
          <p:nvPr/>
        </p:nvSpPr>
        <p:spPr bwMode="auto">
          <a:xfrm>
            <a:off x="2401888" y="4659313"/>
            <a:ext cx="2969083"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400" b="1" dirty="0">
                <a:latin typeface="Arial" panose="020B0604020202020204" pitchFamily="34" charset="0"/>
              </a:rPr>
              <a:t>道路構造保全対策課</a:t>
            </a:r>
          </a:p>
        </p:txBody>
      </p:sp>
      <p:sp>
        <p:nvSpPr>
          <p:cNvPr id="27657" name="Rectangle 1026">
            <a:extLst>
              <a:ext uri="{FF2B5EF4-FFF2-40B4-BE49-F238E27FC236}">
                <a16:creationId xmlns:a16="http://schemas.microsoft.com/office/drawing/2014/main" id="{3B5ED556-620B-42F3-F7A1-427B141554CA}"/>
              </a:ext>
            </a:extLst>
          </p:cNvPr>
          <p:cNvSpPr>
            <a:spLocks noChangeArrowheads="1"/>
          </p:cNvSpPr>
          <p:nvPr/>
        </p:nvSpPr>
        <p:spPr bwMode="auto">
          <a:xfrm>
            <a:off x="212725" y="381000"/>
            <a:ext cx="8626475" cy="368300"/>
          </a:xfrm>
          <a:prstGeom prst="rect">
            <a:avLst/>
          </a:prstGeom>
          <a:solidFill>
            <a:srgbClr val="FFCC99"/>
          </a:solidFill>
          <a:ln w="9525">
            <a:solidFill>
              <a:schemeClr val="tx1"/>
            </a:solidFill>
            <a:miter lim="800000"/>
            <a:headEnd/>
            <a:tailEnd/>
          </a:ln>
        </p:spPr>
        <p:txBody>
          <a:bodyPr wrap="none"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ja-JP" altLang="en-US" sz="2100">
                <a:latin typeface="HG丸ｺﾞｼｯｸM-PRO" panose="020F0600000000000000" pitchFamily="50" charset="-128"/>
                <a:ea typeface="HG丸ｺﾞｼｯｸM-PRO" panose="020F0600000000000000" pitchFamily="50" charset="-128"/>
              </a:rPr>
              <a:t>富山市のインフラ</a:t>
            </a:r>
            <a:r>
              <a:rPr lang="ja-JP" altLang="en-US" sz="2100" b="1">
                <a:latin typeface="HG丸ｺﾞｼｯｸM-PRO" panose="020F0600000000000000" pitchFamily="50" charset="-128"/>
                <a:ea typeface="HG丸ｺﾞｼｯｸM-PRO" panose="020F0600000000000000" pitchFamily="50" charset="-128"/>
              </a:rPr>
              <a:t>“群”と管理所管</a:t>
            </a:r>
            <a:endParaRPr lang="ja-JP" altLang="en-US" sz="2100">
              <a:latin typeface="HG丸ｺﾞｼｯｸM-PRO" panose="020F0600000000000000" pitchFamily="50" charset="-128"/>
              <a:ea typeface="HG丸ｺﾞｼｯｸM-PRO" panose="020F0600000000000000" pitchFamily="50" charset="-128"/>
            </a:endParaRPr>
          </a:p>
        </p:txBody>
      </p:sp>
      <p:sp>
        <p:nvSpPr>
          <p:cNvPr id="15" name="円/楕円 2">
            <a:extLst>
              <a:ext uri="{FF2B5EF4-FFF2-40B4-BE49-F238E27FC236}">
                <a16:creationId xmlns:a16="http://schemas.microsoft.com/office/drawing/2014/main" id="{177BA40C-2DA8-BA8B-7653-ECDFC90025E6}"/>
              </a:ext>
            </a:extLst>
          </p:cNvPr>
          <p:cNvSpPr/>
          <p:nvPr/>
        </p:nvSpPr>
        <p:spPr>
          <a:xfrm>
            <a:off x="1218407" y="2751138"/>
            <a:ext cx="1905000" cy="636587"/>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トンネル</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17" name="円/楕円 2">
            <a:extLst>
              <a:ext uri="{FF2B5EF4-FFF2-40B4-BE49-F238E27FC236}">
                <a16:creationId xmlns:a16="http://schemas.microsoft.com/office/drawing/2014/main" id="{FC4E91D9-BC94-8C15-557F-E68F8C3DD322}"/>
              </a:ext>
            </a:extLst>
          </p:cNvPr>
          <p:cNvSpPr/>
          <p:nvPr/>
        </p:nvSpPr>
        <p:spPr>
          <a:xfrm>
            <a:off x="2263417" y="1541898"/>
            <a:ext cx="1566862" cy="638175"/>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橋　梁</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18" name="円/楕円 2">
            <a:extLst>
              <a:ext uri="{FF2B5EF4-FFF2-40B4-BE49-F238E27FC236}">
                <a16:creationId xmlns:a16="http://schemas.microsoft.com/office/drawing/2014/main" id="{F62A4C7E-5667-6C04-C641-F5A82989135D}"/>
              </a:ext>
            </a:extLst>
          </p:cNvPr>
          <p:cNvSpPr/>
          <p:nvPr/>
        </p:nvSpPr>
        <p:spPr>
          <a:xfrm>
            <a:off x="3507376" y="2538438"/>
            <a:ext cx="1479550" cy="636588"/>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のり面</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23" name="円/楕円 2">
            <a:extLst>
              <a:ext uri="{FF2B5EF4-FFF2-40B4-BE49-F238E27FC236}">
                <a16:creationId xmlns:a16="http://schemas.microsoft.com/office/drawing/2014/main" id="{874CEA9E-5B5B-0291-D5CF-1B477533726E}"/>
              </a:ext>
            </a:extLst>
          </p:cNvPr>
          <p:cNvSpPr/>
          <p:nvPr/>
        </p:nvSpPr>
        <p:spPr>
          <a:xfrm>
            <a:off x="5306349" y="4817345"/>
            <a:ext cx="1209675" cy="636587"/>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道路</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25" name="円/楕円 2">
            <a:extLst>
              <a:ext uri="{FF2B5EF4-FFF2-40B4-BE49-F238E27FC236}">
                <a16:creationId xmlns:a16="http://schemas.microsoft.com/office/drawing/2014/main" id="{93ADEA6A-FE50-42DC-56F1-ED1778D3FCF9}"/>
              </a:ext>
            </a:extLst>
          </p:cNvPr>
          <p:cNvSpPr/>
          <p:nvPr/>
        </p:nvSpPr>
        <p:spPr>
          <a:xfrm>
            <a:off x="3359150" y="3725364"/>
            <a:ext cx="1209675" cy="623888"/>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標識</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p:txBody>
      </p:sp>
      <p:sp>
        <p:nvSpPr>
          <p:cNvPr id="27663" name="テキスト ボックス 29">
            <a:extLst>
              <a:ext uri="{FF2B5EF4-FFF2-40B4-BE49-F238E27FC236}">
                <a16:creationId xmlns:a16="http://schemas.microsoft.com/office/drawing/2014/main" id="{F2964B51-FA4E-2413-F583-9A335E0D0177}"/>
              </a:ext>
            </a:extLst>
          </p:cNvPr>
          <p:cNvSpPr txBox="1">
            <a:spLocks noChangeArrowheads="1"/>
          </p:cNvSpPr>
          <p:nvPr/>
        </p:nvSpPr>
        <p:spPr bwMode="auto">
          <a:xfrm>
            <a:off x="6088857" y="2656734"/>
            <a:ext cx="836612"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800" b="1" dirty="0">
                <a:latin typeface="Arial" panose="020B0604020202020204" pitchFamily="34" charset="0"/>
              </a:rPr>
              <a:t>箱もの</a:t>
            </a:r>
          </a:p>
        </p:txBody>
      </p:sp>
      <p:sp>
        <p:nvSpPr>
          <p:cNvPr id="31" name="吹き出し: 四角形 30">
            <a:extLst>
              <a:ext uri="{FF2B5EF4-FFF2-40B4-BE49-F238E27FC236}">
                <a16:creationId xmlns:a16="http://schemas.microsoft.com/office/drawing/2014/main" id="{40BCEEF3-E321-6F48-A74F-B8907F8E3C6F}"/>
              </a:ext>
            </a:extLst>
          </p:cNvPr>
          <p:cNvSpPr/>
          <p:nvPr/>
        </p:nvSpPr>
        <p:spPr>
          <a:xfrm>
            <a:off x="5470961" y="6237339"/>
            <a:ext cx="1914525" cy="460375"/>
          </a:xfrm>
          <a:prstGeom prst="wedgeRectCallout">
            <a:avLst>
              <a:gd name="adj1" fmla="val -19851"/>
              <a:gd name="adj2" fmla="val -219878"/>
            </a:avLst>
          </a:prstGeom>
          <a:ln w="38100"/>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600" b="1" dirty="0"/>
              <a:t>道路管理課</a:t>
            </a:r>
          </a:p>
        </p:txBody>
      </p:sp>
      <p:sp>
        <p:nvSpPr>
          <p:cNvPr id="50176" name="吹き出し: 四角形 50175">
            <a:extLst>
              <a:ext uri="{FF2B5EF4-FFF2-40B4-BE49-F238E27FC236}">
                <a16:creationId xmlns:a16="http://schemas.microsoft.com/office/drawing/2014/main" id="{4CB8214D-9EAE-F1A1-D07B-86237A15A25C}"/>
              </a:ext>
            </a:extLst>
          </p:cNvPr>
          <p:cNvSpPr/>
          <p:nvPr/>
        </p:nvSpPr>
        <p:spPr>
          <a:xfrm>
            <a:off x="7237413" y="1181151"/>
            <a:ext cx="1458913" cy="458788"/>
          </a:xfrm>
          <a:prstGeom prst="wedgeRectCallout">
            <a:avLst>
              <a:gd name="adj1" fmla="val -72210"/>
              <a:gd name="adj2" fmla="val 47969"/>
            </a:avLst>
          </a:prstGeom>
          <a:ln w="38100"/>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600" b="1" dirty="0"/>
              <a:t>上下水道局</a:t>
            </a:r>
          </a:p>
        </p:txBody>
      </p:sp>
      <p:sp>
        <p:nvSpPr>
          <p:cNvPr id="50177" name="吹き出し: 四角形 50176">
            <a:extLst>
              <a:ext uri="{FF2B5EF4-FFF2-40B4-BE49-F238E27FC236}">
                <a16:creationId xmlns:a16="http://schemas.microsoft.com/office/drawing/2014/main" id="{895AA30F-0BC3-68EA-3B91-BC6CB2025BC4}"/>
              </a:ext>
            </a:extLst>
          </p:cNvPr>
          <p:cNvSpPr/>
          <p:nvPr/>
        </p:nvSpPr>
        <p:spPr>
          <a:xfrm>
            <a:off x="7440025" y="2598738"/>
            <a:ext cx="1316038" cy="1096962"/>
          </a:xfrm>
          <a:prstGeom prst="wedgeRectCallout">
            <a:avLst>
              <a:gd name="adj1" fmla="val -92491"/>
              <a:gd name="adj2" fmla="val -31178"/>
            </a:avLst>
          </a:prstGeom>
          <a:ln w="38100"/>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600" b="1" dirty="0"/>
              <a:t>管財課</a:t>
            </a:r>
            <a:endParaRPr lang="en-US" altLang="ja-JP" sz="1600" b="1" dirty="0"/>
          </a:p>
          <a:p>
            <a:pPr algn="ctr">
              <a:defRPr/>
            </a:pPr>
            <a:r>
              <a:rPr lang="ja-JP" altLang="en-US" sz="1600" b="1" dirty="0"/>
              <a:t>学校施設課営繕課</a:t>
            </a:r>
          </a:p>
        </p:txBody>
      </p:sp>
      <p:sp>
        <p:nvSpPr>
          <p:cNvPr id="2" name="円/楕円 2">
            <a:extLst>
              <a:ext uri="{FF2B5EF4-FFF2-40B4-BE49-F238E27FC236}">
                <a16:creationId xmlns:a16="http://schemas.microsoft.com/office/drawing/2014/main" id="{FFAEDCB5-976C-4CB0-7983-B3358F8613B8}"/>
              </a:ext>
            </a:extLst>
          </p:cNvPr>
          <p:cNvSpPr/>
          <p:nvPr/>
        </p:nvSpPr>
        <p:spPr>
          <a:xfrm>
            <a:off x="6027738" y="3695700"/>
            <a:ext cx="1209675" cy="636588"/>
          </a:xfrm>
          <a:prstGeom prst="ellipse">
            <a:avLst/>
          </a:prstGeom>
          <a:solidFill>
            <a:srgbClr val="FFC000"/>
          </a:solidFill>
          <a:ln w="57150"/>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2250" dirty="0">
              <a:solidFill>
                <a:schemeClr val="tx1"/>
              </a:solidFill>
            </a:endParaRPr>
          </a:p>
          <a:p>
            <a:pPr>
              <a:defRPr/>
            </a:pPr>
            <a:endParaRPr lang="en-US" altLang="ja-JP" sz="2250" b="1" dirty="0">
              <a:solidFill>
                <a:schemeClr val="tx1"/>
              </a:solidFill>
            </a:endParaRPr>
          </a:p>
          <a:p>
            <a:pPr>
              <a:defRPr/>
            </a:pPr>
            <a:r>
              <a:rPr lang="ja-JP" altLang="en-US" sz="2250" b="1" dirty="0">
                <a:solidFill>
                  <a:schemeClr val="tx1"/>
                </a:solidFill>
              </a:rPr>
              <a:t>公園</a:t>
            </a:r>
            <a:endParaRPr lang="en-US" altLang="ja-JP" sz="1125" b="1" dirty="0">
              <a:solidFill>
                <a:schemeClr val="tx1"/>
              </a:solidFill>
            </a:endParaRPr>
          </a:p>
          <a:p>
            <a:pPr>
              <a:defRPr/>
            </a:pPr>
            <a:endParaRPr lang="en-US" altLang="ja-JP" sz="1125" b="1" dirty="0">
              <a:solidFill>
                <a:schemeClr val="tx1"/>
              </a:solidFill>
            </a:endParaRPr>
          </a:p>
          <a:p>
            <a:pPr>
              <a:defRPr/>
            </a:pPr>
            <a:endParaRPr lang="ja-JP" altLang="en-US" sz="1125" b="1" dirty="0">
              <a:solidFill>
                <a:schemeClr val="tx1"/>
              </a:solidFill>
            </a:endParaRPr>
          </a:p>
          <a:p>
            <a:pPr>
              <a:defRPr/>
            </a:pPr>
            <a:endParaRPr lang="en-US" altLang="ja-JP" sz="1151" dirty="0"/>
          </a:p>
          <a:p>
            <a:pPr>
              <a:defRPr/>
            </a:pPr>
            <a:endParaRPr lang="ja-JP" altLang="en-US" sz="1151" dirty="0"/>
          </a:p>
        </p:txBody>
      </p:sp>
      <p:sp>
        <p:nvSpPr>
          <p:cNvPr id="4" name="吹き出し: 四角形 3">
            <a:extLst>
              <a:ext uri="{FF2B5EF4-FFF2-40B4-BE49-F238E27FC236}">
                <a16:creationId xmlns:a16="http://schemas.microsoft.com/office/drawing/2014/main" id="{011142A2-3844-444D-A16D-0EBE2B56795B}"/>
              </a:ext>
            </a:extLst>
          </p:cNvPr>
          <p:cNvSpPr/>
          <p:nvPr/>
        </p:nvSpPr>
        <p:spPr>
          <a:xfrm>
            <a:off x="6756400" y="4332288"/>
            <a:ext cx="2276475" cy="1473200"/>
          </a:xfrm>
          <a:prstGeom prst="wedgeRectCallout">
            <a:avLst>
              <a:gd name="adj1" fmla="val -47152"/>
              <a:gd name="adj2" fmla="val -63520"/>
            </a:avLst>
          </a:prstGeom>
          <a:ln w="38100"/>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600" b="1" dirty="0"/>
              <a:t>公園緑地課</a:t>
            </a:r>
            <a:endParaRPr lang="en-US" altLang="ja-JP" sz="1600" b="1" dirty="0"/>
          </a:p>
          <a:p>
            <a:pPr algn="ctr">
              <a:defRPr/>
            </a:pPr>
            <a:endParaRPr lang="en-US" altLang="ja-JP" sz="1600" b="1" dirty="0"/>
          </a:p>
          <a:p>
            <a:pPr algn="ctr">
              <a:defRPr/>
            </a:pPr>
            <a:r>
              <a:rPr lang="ja-JP" altLang="en-US" sz="1600" b="1" dirty="0">
                <a:latin typeface="游明朝" panose="02020400000000000000" pitchFamily="18" charset="-128"/>
                <a:ea typeface="游明朝" panose="02020400000000000000" pitchFamily="18" charset="-128"/>
              </a:rPr>
              <a:t>実は橋梁</a:t>
            </a:r>
            <a:r>
              <a:rPr lang="en-US" altLang="ja-JP" sz="1600" b="1" dirty="0">
                <a:latin typeface="游明朝" panose="02020400000000000000" pitchFamily="18" charset="-128"/>
                <a:ea typeface="游明朝" panose="02020400000000000000" pitchFamily="18" charset="-128"/>
              </a:rPr>
              <a:t>2</a:t>
            </a:r>
            <a:r>
              <a:rPr lang="ja-JP" altLang="en-US" sz="1600" b="1" dirty="0">
                <a:latin typeface="游明朝" panose="02020400000000000000" pitchFamily="18" charset="-128"/>
                <a:ea typeface="游明朝" panose="02020400000000000000" pitchFamily="18" charset="-128"/>
              </a:rPr>
              <a:t>橋</a:t>
            </a:r>
            <a:endParaRPr lang="en-US" altLang="ja-JP" sz="1600" b="1" dirty="0">
              <a:latin typeface="游明朝" panose="02020400000000000000" pitchFamily="18" charset="-128"/>
              <a:ea typeface="游明朝" panose="02020400000000000000" pitchFamily="18" charset="-128"/>
            </a:endParaRPr>
          </a:p>
          <a:p>
            <a:pPr algn="ctr">
              <a:defRPr/>
            </a:pPr>
            <a:r>
              <a:rPr lang="ja-JP" altLang="en-US" sz="1600" b="1" dirty="0">
                <a:latin typeface="游明朝" panose="02020400000000000000" pitchFamily="18" charset="-128"/>
                <a:ea typeface="游明朝" panose="02020400000000000000" pitchFamily="18" charset="-128"/>
              </a:rPr>
              <a:t>斜</a:t>
            </a:r>
            <a:r>
              <a:rPr lang="en-US" altLang="ja-JP" sz="1600" b="1" dirty="0">
                <a:latin typeface="游明朝" panose="02020400000000000000" pitchFamily="18" charset="-128"/>
                <a:ea typeface="游明朝" panose="02020400000000000000" pitchFamily="18" charset="-128"/>
              </a:rPr>
              <a:t>Π</a:t>
            </a:r>
            <a:r>
              <a:rPr lang="ja-JP" altLang="en-US" sz="1600" b="1" dirty="0">
                <a:latin typeface="游明朝" panose="02020400000000000000" pitchFamily="18" charset="-128"/>
                <a:ea typeface="游明朝" panose="02020400000000000000" pitchFamily="18" charset="-128"/>
              </a:rPr>
              <a:t>ラーメン（７０ｍ）</a:t>
            </a:r>
            <a:endParaRPr lang="en-US" altLang="ja-JP" sz="1600" b="1" dirty="0">
              <a:latin typeface="游明朝" panose="02020400000000000000" pitchFamily="18" charset="-128"/>
              <a:ea typeface="游明朝" panose="02020400000000000000" pitchFamily="18" charset="-128"/>
            </a:endParaRPr>
          </a:p>
          <a:p>
            <a:pPr algn="ctr">
              <a:defRPr/>
            </a:pPr>
            <a:r>
              <a:rPr lang="ja-JP" altLang="en-US" sz="1600" b="1" dirty="0">
                <a:latin typeface="游明朝" panose="02020400000000000000" pitchFamily="18" charset="-128"/>
                <a:ea typeface="游明朝" panose="02020400000000000000" pitchFamily="18" charset="-128"/>
              </a:rPr>
              <a:t>吊り橋（１２０ｍ）</a:t>
            </a:r>
          </a:p>
        </p:txBody>
      </p:sp>
      <p:sp>
        <p:nvSpPr>
          <p:cNvPr id="27669" name="スライド番号プレースホルダー 5">
            <a:extLst>
              <a:ext uri="{FF2B5EF4-FFF2-40B4-BE49-F238E27FC236}">
                <a16:creationId xmlns:a16="http://schemas.microsoft.com/office/drawing/2014/main" id="{DEEA1117-9B5F-81EE-4A8A-181BAE7B330C}"/>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3AEEC4F4-80B3-4694-8B7E-3865D0FF3299}" type="slidenum">
              <a:rPr lang="ja-JP" altLang="en-US" sz="1200" smtClean="0">
                <a:solidFill>
                  <a:srgbClr val="898989"/>
                </a:solidFill>
                <a:latin typeface="Arial" panose="020B0604020202020204" pitchFamily="34" charset="0"/>
              </a:rPr>
              <a:pPr>
                <a:spcBef>
                  <a:spcPct val="0"/>
                </a:spcBef>
                <a:buFontTx/>
                <a:buNone/>
              </a:pPr>
              <a:t>79</a:t>
            </a:fld>
            <a:endParaRPr lang="ja-JP" altLang="en-US" sz="1200">
              <a:solidFill>
                <a:srgbClr val="898989"/>
              </a:solidFill>
              <a:latin typeface="Arial" panose="020B0604020202020204" pitchFamily="34" charset="0"/>
            </a:endParaRPr>
          </a:p>
        </p:txBody>
      </p:sp>
      <p:sp>
        <p:nvSpPr>
          <p:cNvPr id="7" name="円/楕円 20">
            <a:extLst>
              <a:ext uri="{FF2B5EF4-FFF2-40B4-BE49-F238E27FC236}">
                <a16:creationId xmlns:a16="http://schemas.microsoft.com/office/drawing/2014/main" id="{72A22B5B-C611-5C70-76E5-EDD60C4E5284}"/>
              </a:ext>
            </a:extLst>
          </p:cNvPr>
          <p:cNvSpPr/>
          <p:nvPr/>
        </p:nvSpPr>
        <p:spPr>
          <a:xfrm>
            <a:off x="2968625" y="5528966"/>
            <a:ext cx="1266825" cy="766762"/>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8" name="テキスト ボックス 7">
            <a:extLst>
              <a:ext uri="{FF2B5EF4-FFF2-40B4-BE49-F238E27FC236}">
                <a16:creationId xmlns:a16="http://schemas.microsoft.com/office/drawing/2014/main" id="{BAEFDD8E-7D27-AA22-0509-734E441EE396}"/>
              </a:ext>
            </a:extLst>
          </p:cNvPr>
          <p:cNvSpPr txBox="1"/>
          <p:nvPr/>
        </p:nvSpPr>
        <p:spPr>
          <a:xfrm>
            <a:off x="3240098" y="5721688"/>
            <a:ext cx="646331" cy="369332"/>
          </a:xfrm>
          <a:prstGeom prst="rect">
            <a:avLst/>
          </a:prstGeom>
          <a:noFill/>
        </p:spPr>
        <p:txBody>
          <a:bodyPr wrap="none" rtlCol="0">
            <a:spAutoFit/>
          </a:bodyPr>
          <a:lstStyle/>
          <a:p>
            <a:r>
              <a:rPr kumimoji="1" lang="ja-JP" altLang="en-US" b="1" dirty="0"/>
              <a:t>河川</a:t>
            </a:r>
          </a:p>
        </p:txBody>
      </p:sp>
      <p:sp>
        <p:nvSpPr>
          <p:cNvPr id="9" name="円/楕円 20">
            <a:extLst>
              <a:ext uri="{FF2B5EF4-FFF2-40B4-BE49-F238E27FC236}">
                <a16:creationId xmlns:a16="http://schemas.microsoft.com/office/drawing/2014/main" id="{CAD767FC-529A-2F45-682F-9AB11297F716}"/>
              </a:ext>
            </a:extLst>
          </p:cNvPr>
          <p:cNvSpPr/>
          <p:nvPr/>
        </p:nvSpPr>
        <p:spPr>
          <a:xfrm>
            <a:off x="1036562" y="4997614"/>
            <a:ext cx="1266825" cy="766762"/>
          </a:xfrm>
          <a:prstGeom prst="ellipse">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151" dirty="0"/>
          </a:p>
          <a:p>
            <a:pPr>
              <a:defRPr/>
            </a:pPr>
            <a:endParaRPr lang="ja-JP" altLang="en-US" sz="1151" dirty="0"/>
          </a:p>
        </p:txBody>
      </p:sp>
      <p:sp>
        <p:nvSpPr>
          <p:cNvPr id="10" name="テキスト ボックス 9">
            <a:extLst>
              <a:ext uri="{FF2B5EF4-FFF2-40B4-BE49-F238E27FC236}">
                <a16:creationId xmlns:a16="http://schemas.microsoft.com/office/drawing/2014/main" id="{92F4B076-45FE-C122-F567-ADF5C85D5667}"/>
              </a:ext>
            </a:extLst>
          </p:cNvPr>
          <p:cNvSpPr txBox="1"/>
          <p:nvPr/>
        </p:nvSpPr>
        <p:spPr>
          <a:xfrm>
            <a:off x="1271956" y="5242711"/>
            <a:ext cx="697627" cy="400110"/>
          </a:xfrm>
          <a:prstGeom prst="rect">
            <a:avLst/>
          </a:prstGeom>
          <a:noFill/>
        </p:spPr>
        <p:txBody>
          <a:bodyPr wrap="none" rtlCol="0">
            <a:spAutoFit/>
          </a:bodyPr>
          <a:lstStyle/>
          <a:p>
            <a:r>
              <a:rPr kumimoji="1" lang="ja-JP" altLang="en-US" sz="2000" b="1" dirty="0"/>
              <a:t>港湾</a:t>
            </a:r>
          </a:p>
        </p:txBody>
      </p:sp>
      <p:sp>
        <p:nvSpPr>
          <p:cNvPr id="11" name="吹き出し: 四角形 10">
            <a:extLst>
              <a:ext uri="{FF2B5EF4-FFF2-40B4-BE49-F238E27FC236}">
                <a16:creationId xmlns:a16="http://schemas.microsoft.com/office/drawing/2014/main" id="{C7F4A42A-9DFC-027B-9E71-C3F42657617A}"/>
              </a:ext>
            </a:extLst>
          </p:cNvPr>
          <p:cNvSpPr/>
          <p:nvPr/>
        </p:nvSpPr>
        <p:spPr>
          <a:xfrm>
            <a:off x="2320925" y="6335195"/>
            <a:ext cx="1914525" cy="460375"/>
          </a:xfrm>
          <a:prstGeom prst="wedgeRectCallout">
            <a:avLst>
              <a:gd name="adj1" fmla="val -5215"/>
              <a:gd name="adj2" fmla="val -120568"/>
            </a:avLst>
          </a:prstGeom>
          <a:ln w="38100"/>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600" b="1" dirty="0"/>
              <a:t>河川管理課</a:t>
            </a:r>
          </a:p>
        </p:txBody>
      </p:sp>
      <p:sp>
        <p:nvSpPr>
          <p:cNvPr id="12" name="吹き出し: 四角形 11">
            <a:extLst>
              <a:ext uri="{FF2B5EF4-FFF2-40B4-BE49-F238E27FC236}">
                <a16:creationId xmlns:a16="http://schemas.microsoft.com/office/drawing/2014/main" id="{18B3119D-B928-42B5-4D25-D386B4815F68}"/>
              </a:ext>
            </a:extLst>
          </p:cNvPr>
          <p:cNvSpPr/>
          <p:nvPr/>
        </p:nvSpPr>
        <p:spPr>
          <a:xfrm>
            <a:off x="98425" y="6297725"/>
            <a:ext cx="1914525" cy="460375"/>
          </a:xfrm>
          <a:prstGeom prst="wedgeRectCallout">
            <a:avLst>
              <a:gd name="adj1" fmla="val 20207"/>
              <a:gd name="adj2" fmla="val -194250"/>
            </a:avLst>
          </a:prstGeom>
          <a:ln w="38100"/>
        </p:spPr>
        <p:style>
          <a:lnRef idx="2">
            <a:schemeClr val="accent6"/>
          </a:lnRef>
          <a:fillRef idx="1">
            <a:schemeClr val="lt1"/>
          </a:fillRef>
          <a:effectRef idx="0">
            <a:schemeClr val="accent6"/>
          </a:effectRef>
          <a:fontRef idx="minor">
            <a:schemeClr val="dk1"/>
          </a:fontRef>
        </p:style>
        <p:txBody>
          <a:bodyPr anchor="ctr"/>
          <a:lstStyle/>
          <a:p>
            <a:pPr algn="ctr">
              <a:defRPr/>
            </a:pPr>
            <a:r>
              <a:rPr lang="ja-JP" altLang="en-US" sz="1600" b="1" dirty="0"/>
              <a:t>農林水産課</a:t>
            </a:r>
          </a:p>
        </p:txBody>
      </p:sp>
    </p:spTree>
    <p:extLst>
      <p:ext uri="{BB962C8B-B14F-4D97-AF65-F5344CB8AC3E}">
        <p14:creationId xmlns:p14="http://schemas.microsoft.com/office/powerpoint/2010/main" val="154359445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3284020" y="1241843"/>
            <a:ext cx="5349892" cy="5349661"/>
          </a:xfrm>
          <a:prstGeom prst="rect">
            <a:avLst/>
          </a:prstGeom>
        </p:spPr>
      </p:pic>
      <p:sp>
        <p:nvSpPr>
          <p:cNvPr id="3" name="object 3"/>
          <p:cNvSpPr txBox="1"/>
          <p:nvPr/>
        </p:nvSpPr>
        <p:spPr>
          <a:xfrm>
            <a:off x="7525447" y="5944690"/>
            <a:ext cx="1182638" cy="537063"/>
          </a:xfrm>
          <a:prstGeom prst="rect">
            <a:avLst/>
          </a:prstGeom>
        </p:spPr>
        <p:txBody>
          <a:bodyPr vert="horz" wrap="square" lIns="0" tIns="14661" rIns="0" bIns="0" rtlCol="0">
            <a:spAutoFit/>
          </a:bodyPr>
          <a:lstStyle/>
          <a:p>
            <a:pPr marL="10860">
              <a:spcBef>
                <a:spcPts val="115"/>
              </a:spcBef>
            </a:pPr>
            <a:r>
              <a:rPr sz="1026" spc="-9" dirty="0">
                <a:latin typeface="Meiryo UI"/>
                <a:cs typeface="Meiryo UI"/>
              </a:rPr>
              <a:t>出典：国土地理院</a:t>
            </a:r>
            <a:endParaRPr sz="1026">
              <a:latin typeface="Meiryo UI"/>
              <a:cs typeface="Meiryo UI"/>
            </a:endParaRPr>
          </a:p>
          <a:p>
            <a:pPr marR="4344" algn="r">
              <a:spcBef>
                <a:spcPts val="1197"/>
              </a:spcBef>
            </a:pPr>
            <a:r>
              <a:rPr sz="1368" spc="-43" dirty="0">
                <a:latin typeface="Meiryo UI"/>
                <a:cs typeface="Meiryo UI"/>
              </a:rPr>
              <a:t>1</a:t>
            </a:r>
            <a:endParaRPr sz="1368">
              <a:latin typeface="Meiryo UI"/>
              <a:cs typeface="Meiryo UI"/>
            </a:endParaRPr>
          </a:p>
        </p:txBody>
      </p:sp>
      <p:grpSp>
        <p:nvGrpSpPr>
          <p:cNvPr id="4" name="object 4"/>
          <p:cNvGrpSpPr/>
          <p:nvPr/>
        </p:nvGrpSpPr>
        <p:grpSpPr>
          <a:xfrm>
            <a:off x="51475" y="92555"/>
            <a:ext cx="9041049" cy="439281"/>
            <a:chOff x="120395" y="103632"/>
            <a:chExt cx="10429240" cy="513715"/>
          </a:xfrm>
        </p:grpSpPr>
        <p:sp>
          <p:nvSpPr>
            <p:cNvPr id="5" name="object 5"/>
            <p:cNvSpPr/>
            <p:nvPr/>
          </p:nvSpPr>
          <p:spPr>
            <a:xfrm>
              <a:off x="134111" y="117348"/>
              <a:ext cx="10401300" cy="486409"/>
            </a:xfrm>
            <a:custGeom>
              <a:avLst/>
              <a:gdLst/>
              <a:ahLst/>
              <a:cxnLst/>
              <a:rect l="l" t="t" r="r" b="b"/>
              <a:pathLst>
                <a:path w="10401300" h="486409">
                  <a:moveTo>
                    <a:pt x="10346436" y="0"/>
                  </a:moveTo>
                  <a:lnTo>
                    <a:pt x="54864" y="0"/>
                  </a:lnTo>
                  <a:lnTo>
                    <a:pt x="33432" y="4286"/>
                  </a:lnTo>
                  <a:lnTo>
                    <a:pt x="16001" y="16001"/>
                  </a:lnTo>
                  <a:lnTo>
                    <a:pt x="4286" y="33432"/>
                  </a:lnTo>
                  <a:lnTo>
                    <a:pt x="0" y="54863"/>
                  </a:lnTo>
                  <a:lnTo>
                    <a:pt x="0" y="432815"/>
                  </a:lnTo>
                  <a:lnTo>
                    <a:pt x="4286" y="453366"/>
                  </a:lnTo>
                  <a:lnTo>
                    <a:pt x="16001" y="470344"/>
                  </a:lnTo>
                  <a:lnTo>
                    <a:pt x="33432" y="481893"/>
                  </a:lnTo>
                  <a:lnTo>
                    <a:pt x="54864" y="486155"/>
                  </a:lnTo>
                  <a:lnTo>
                    <a:pt x="10346436" y="486155"/>
                  </a:lnTo>
                  <a:lnTo>
                    <a:pt x="10367867" y="481893"/>
                  </a:lnTo>
                  <a:lnTo>
                    <a:pt x="10385298" y="470344"/>
                  </a:lnTo>
                  <a:lnTo>
                    <a:pt x="10397013" y="453366"/>
                  </a:lnTo>
                  <a:lnTo>
                    <a:pt x="10401300" y="432815"/>
                  </a:lnTo>
                  <a:lnTo>
                    <a:pt x="10401300" y="54863"/>
                  </a:lnTo>
                  <a:lnTo>
                    <a:pt x="10397013" y="33432"/>
                  </a:lnTo>
                  <a:lnTo>
                    <a:pt x="10385298" y="16001"/>
                  </a:lnTo>
                  <a:lnTo>
                    <a:pt x="10367867" y="4286"/>
                  </a:lnTo>
                  <a:lnTo>
                    <a:pt x="10346436" y="0"/>
                  </a:lnTo>
                  <a:close/>
                </a:path>
              </a:pathLst>
            </a:custGeom>
            <a:solidFill>
              <a:srgbClr val="DBEDF4"/>
            </a:solidFill>
          </p:spPr>
          <p:txBody>
            <a:bodyPr wrap="square" lIns="0" tIns="0" rIns="0" bIns="0" rtlCol="0"/>
            <a:lstStyle/>
            <a:p>
              <a:endParaRPr sz="1749"/>
            </a:p>
          </p:txBody>
        </p:sp>
        <p:sp>
          <p:nvSpPr>
            <p:cNvPr id="6" name="object 6"/>
            <p:cNvSpPr/>
            <p:nvPr/>
          </p:nvSpPr>
          <p:spPr>
            <a:xfrm>
              <a:off x="134111" y="117348"/>
              <a:ext cx="10401300" cy="486409"/>
            </a:xfrm>
            <a:custGeom>
              <a:avLst/>
              <a:gdLst/>
              <a:ahLst/>
              <a:cxnLst/>
              <a:rect l="l" t="t" r="r" b="b"/>
              <a:pathLst>
                <a:path w="10401300" h="486409">
                  <a:moveTo>
                    <a:pt x="0" y="54863"/>
                  </a:moveTo>
                  <a:lnTo>
                    <a:pt x="4286" y="33432"/>
                  </a:lnTo>
                  <a:lnTo>
                    <a:pt x="16001" y="16001"/>
                  </a:lnTo>
                  <a:lnTo>
                    <a:pt x="33432" y="4286"/>
                  </a:lnTo>
                  <a:lnTo>
                    <a:pt x="54864" y="0"/>
                  </a:lnTo>
                  <a:lnTo>
                    <a:pt x="10346436" y="0"/>
                  </a:lnTo>
                  <a:lnTo>
                    <a:pt x="10367867" y="4286"/>
                  </a:lnTo>
                  <a:lnTo>
                    <a:pt x="10385298" y="16001"/>
                  </a:lnTo>
                  <a:lnTo>
                    <a:pt x="10397013" y="33432"/>
                  </a:lnTo>
                  <a:lnTo>
                    <a:pt x="10401300" y="54863"/>
                  </a:lnTo>
                  <a:lnTo>
                    <a:pt x="10401300" y="432815"/>
                  </a:lnTo>
                  <a:lnTo>
                    <a:pt x="10397013" y="453366"/>
                  </a:lnTo>
                  <a:lnTo>
                    <a:pt x="10385298" y="470344"/>
                  </a:lnTo>
                  <a:lnTo>
                    <a:pt x="10367867" y="481893"/>
                  </a:lnTo>
                  <a:lnTo>
                    <a:pt x="10346436" y="486155"/>
                  </a:lnTo>
                  <a:lnTo>
                    <a:pt x="54864" y="486155"/>
                  </a:lnTo>
                  <a:lnTo>
                    <a:pt x="33432" y="481893"/>
                  </a:lnTo>
                  <a:lnTo>
                    <a:pt x="16001" y="470344"/>
                  </a:lnTo>
                  <a:lnTo>
                    <a:pt x="4286" y="453366"/>
                  </a:lnTo>
                  <a:lnTo>
                    <a:pt x="0" y="432815"/>
                  </a:lnTo>
                  <a:lnTo>
                    <a:pt x="0" y="54863"/>
                  </a:lnTo>
                  <a:close/>
                </a:path>
              </a:pathLst>
            </a:custGeom>
            <a:ln w="27432">
              <a:solidFill>
                <a:srgbClr val="000000"/>
              </a:solidFill>
            </a:ln>
          </p:spPr>
          <p:txBody>
            <a:bodyPr wrap="square" lIns="0" tIns="0" rIns="0" bIns="0" rtlCol="0"/>
            <a:lstStyle/>
            <a:p>
              <a:endParaRPr sz="1749"/>
            </a:p>
          </p:txBody>
        </p:sp>
      </p:grpSp>
      <p:sp>
        <p:nvSpPr>
          <p:cNvPr id="7" name="object 7"/>
          <p:cNvSpPr txBox="1">
            <a:spLocks noGrp="1"/>
          </p:cNvSpPr>
          <p:nvPr>
            <p:ph type="title"/>
          </p:nvPr>
        </p:nvSpPr>
        <p:spPr>
          <a:xfrm>
            <a:off x="1454545" y="148721"/>
            <a:ext cx="4758664" cy="294897"/>
          </a:xfrm>
          <a:prstGeom prst="rect">
            <a:avLst/>
          </a:prstGeom>
        </p:spPr>
        <p:txBody>
          <a:bodyPr vert="horz" wrap="square" lIns="0" tIns="11946" rIns="0" bIns="0" rtlCol="0">
            <a:spAutoFit/>
          </a:bodyPr>
          <a:lstStyle/>
          <a:p>
            <a:pPr marL="10860">
              <a:lnSpc>
                <a:spcPct val="100000"/>
              </a:lnSpc>
              <a:spcBef>
                <a:spcPts val="94"/>
              </a:spcBef>
              <a:tabLst>
                <a:tab pos="1827156" algn="l"/>
              </a:tabLst>
            </a:pPr>
            <a:r>
              <a:rPr sz="1838" dirty="0"/>
              <a:t>群マ</a:t>
            </a:r>
            <a:r>
              <a:rPr sz="1838" spc="-9" dirty="0"/>
              <a:t>ネモ</a:t>
            </a:r>
            <a:r>
              <a:rPr sz="1838" dirty="0"/>
              <a:t>デル地</a:t>
            </a:r>
            <a:r>
              <a:rPr sz="1838" spc="-43" dirty="0"/>
              <a:t>域</a:t>
            </a:r>
            <a:r>
              <a:rPr sz="1838" dirty="0"/>
              <a:t>	選定案件一</a:t>
            </a:r>
            <a:r>
              <a:rPr sz="1838" spc="-43" dirty="0"/>
              <a:t>覧</a:t>
            </a:r>
            <a:endParaRPr sz="1838" dirty="0"/>
          </a:p>
        </p:txBody>
      </p:sp>
      <p:sp>
        <p:nvSpPr>
          <p:cNvPr id="8" name="object 8"/>
          <p:cNvSpPr txBox="1"/>
          <p:nvPr/>
        </p:nvSpPr>
        <p:spPr>
          <a:xfrm>
            <a:off x="388424" y="603365"/>
            <a:ext cx="3578892" cy="214320"/>
          </a:xfrm>
          <a:prstGeom prst="rect">
            <a:avLst/>
          </a:prstGeom>
        </p:spPr>
        <p:txBody>
          <a:bodyPr vert="horz" wrap="square" lIns="0" tIns="10317" rIns="0" bIns="0" rtlCol="0">
            <a:spAutoFit/>
          </a:bodyPr>
          <a:lstStyle/>
          <a:p>
            <a:pPr marL="10860">
              <a:spcBef>
                <a:spcPts val="81"/>
              </a:spcBef>
            </a:pPr>
            <a:r>
              <a:rPr sz="1325" b="1" spc="-4" dirty="0">
                <a:latin typeface="Meiryo UI"/>
                <a:cs typeface="Meiryo UI"/>
              </a:rPr>
              <a:t>【選定案件】  </a:t>
            </a:r>
            <a:r>
              <a:rPr sz="1325" b="1" spc="-21" dirty="0">
                <a:solidFill>
                  <a:srgbClr val="FF0000"/>
                </a:solidFill>
                <a:latin typeface="Meiryo UI"/>
                <a:cs typeface="Meiryo UI"/>
              </a:rPr>
              <a:t>計11件</a:t>
            </a:r>
            <a:r>
              <a:rPr sz="1325" b="1" spc="-26" dirty="0">
                <a:solidFill>
                  <a:srgbClr val="FF0000"/>
                </a:solidFill>
                <a:latin typeface="Meiryo UI"/>
                <a:cs typeface="Meiryo UI"/>
              </a:rPr>
              <a:t>（40</a:t>
            </a:r>
            <a:r>
              <a:rPr sz="1325" b="1" spc="-34" dirty="0">
                <a:solidFill>
                  <a:srgbClr val="FF0000"/>
                </a:solidFill>
                <a:latin typeface="Meiryo UI"/>
                <a:cs typeface="Meiryo UI"/>
              </a:rPr>
              <a:t>地方公共団体</a:t>
            </a:r>
            <a:r>
              <a:rPr sz="1325" b="1" spc="-43" dirty="0">
                <a:solidFill>
                  <a:srgbClr val="FF0000"/>
                </a:solidFill>
                <a:latin typeface="Meiryo UI"/>
                <a:cs typeface="Meiryo UI"/>
              </a:rPr>
              <a:t>）</a:t>
            </a:r>
            <a:endParaRPr sz="1325" dirty="0">
              <a:latin typeface="Meiryo UI"/>
              <a:cs typeface="Meiryo UI"/>
            </a:endParaRPr>
          </a:p>
        </p:txBody>
      </p:sp>
      <p:sp>
        <p:nvSpPr>
          <p:cNvPr id="9" name="object 9"/>
          <p:cNvSpPr/>
          <p:nvPr/>
        </p:nvSpPr>
        <p:spPr>
          <a:xfrm>
            <a:off x="7316558" y="2105292"/>
            <a:ext cx="298103" cy="257379"/>
          </a:xfrm>
          <a:custGeom>
            <a:avLst/>
            <a:gdLst/>
            <a:ahLst/>
            <a:cxnLst/>
            <a:rect l="l" t="t" r="r" b="b"/>
            <a:pathLst>
              <a:path w="348615" h="300989">
                <a:moveTo>
                  <a:pt x="123510" y="108001"/>
                </a:moveTo>
                <a:lnTo>
                  <a:pt x="121348" y="112014"/>
                </a:lnTo>
                <a:lnTo>
                  <a:pt x="117143" y="115397"/>
                </a:lnTo>
                <a:lnTo>
                  <a:pt x="342328" y="300990"/>
                </a:lnTo>
                <a:lnTo>
                  <a:pt x="348424" y="293370"/>
                </a:lnTo>
                <a:lnTo>
                  <a:pt x="123510" y="108001"/>
                </a:lnTo>
                <a:close/>
              </a:path>
              <a:path w="348615" h="300989">
                <a:moveTo>
                  <a:pt x="61721" y="0"/>
                </a:moveTo>
                <a:lnTo>
                  <a:pt x="36123" y="7429"/>
                </a:lnTo>
                <a:lnTo>
                  <a:pt x="14668" y="25146"/>
                </a:lnTo>
                <a:lnTo>
                  <a:pt x="2405" y="48934"/>
                </a:lnTo>
                <a:lnTo>
                  <a:pt x="0" y="74866"/>
                </a:lnTo>
                <a:lnTo>
                  <a:pt x="7596" y="99941"/>
                </a:lnTo>
                <a:lnTo>
                  <a:pt x="25336" y="121158"/>
                </a:lnTo>
                <a:lnTo>
                  <a:pt x="49125" y="134088"/>
                </a:lnTo>
                <a:lnTo>
                  <a:pt x="75056" y="136588"/>
                </a:lnTo>
                <a:lnTo>
                  <a:pt x="100131" y="129087"/>
                </a:lnTo>
                <a:lnTo>
                  <a:pt x="117143" y="115397"/>
                </a:lnTo>
                <a:lnTo>
                  <a:pt x="64960" y="72390"/>
                </a:lnTo>
                <a:lnTo>
                  <a:pt x="71056" y="64770"/>
                </a:lnTo>
                <a:lnTo>
                  <a:pt x="136489" y="64770"/>
                </a:lnTo>
                <a:lnTo>
                  <a:pt x="136778" y="61722"/>
                </a:lnTo>
                <a:lnTo>
                  <a:pt x="129278" y="36576"/>
                </a:lnTo>
                <a:lnTo>
                  <a:pt x="112204" y="16002"/>
                </a:lnTo>
                <a:lnTo>
                  <a:pt x="88177" y="2857"/>
                </a:lnTo>
                <a:lnTo>
                  <a:pt x="61721" y="0"/>
                </a:lnTo>
                <a:close/>
              </a:path>
              <a:path w="348615" h="300989">
                <a:moveTo>
                  <a:pt x="71056" y="64770"/>
                </a:moveTo>
                <a:lnTo>
                  <a:pt x="64960" y="72390"/>
                </a:lnTo>
                <a:lnTo>
                  <a:pt x="117143" y="115397"/>
                </a:lnTo>
                <a:lnTo>
                  <a:pt x="121348" y="112014"/>
                </a:lnTo>
                <a:lnTo>
                  <a:pt x="123510" y="108001"/>
                </a:lnTo>
                <a:lnTo>
                  <a:pt x="71056" y="64770"/>
                </a:lnTo>
                <a:close/>
              </a:path>
              <a:path w="348615" h="300989">
                <a:moveTo>
                  <a:pt x="136489" y="64770"/>
                </a:moveTo>
                <a:lnTo>
                  <a:pt x="71056" y="64770"/>
                </a:lnTo>
                <a:lnTo>
                  <a:pt x="123510" y="108001"/>
                </a:lnTo>
                <a:lnTo>
                  <a:pt x="134278" y="88011"/>
                </a:lnTo>
                <a:lnTo>
                  <a:pt x="136489" y="64770"/>
                </a:lnTo>
                <a:close/>
              </a:path>
            </a:pathLst>
          </a:custGeom>
          <a:solidFill>
            <a:srgbClr val="FF4F4F"/>
          </a:solidFill>
        </p:spPr>
        <p:txBody>
          <a:bodyPr wrap="square" lIns="0" tIns="0" rIns="0" bIns="0" rtlCol="0"/>
          <a:lstStyle/>
          <a:p>
            <a:endParaRPr sz="1749"/>
          </a:p>
        </p:txBody>
      </p:sp>
      <p:sp>
        <p:nvSpPr>
          <p:cNvPr id="10" name="object 10"/>
          <p:cNvSpPr txBox="1"/>
          <p:nvPr/>
        </p:nvSpPr>
        <p:spPr>
          <a:xfrm>
            <a:off x="5233583" y="2341819"/>
            <a:ext cx="1167978" cy="206113"/>
          </a:xfrm>
          <a:prstGeom prst="rect">
            <a:avLst/>
          </a:prstGeom>
          <a:solidFill>
            <a:srgbClr val="FF4F4F"/>
          </a:solidFill>
        </p:spPr>
        <p:txBody>
          <a:bodyPr vert="horz" wrap="square" lIns="0" tIns="47783" rIns="0" bIns="0" rtlCol="0">
            <a:spAutoFit/>
          </a:bodyPr>
          <a:lstStyle/>
          <a:p>
            <a:pPr marL="84706">
              <a:spcBef>
                <a:spcPts val="376"/>
              </a:spcBef>
            </a:pPr>
            <a:r>
              <a:rPr sz="1026" b="1" spc="9" dirty="0">
                <a:solidFill>
                  <a:srgbClr val="FFFFFF"/>
                </a:solidFill>
                <a:latin typeface="Meiryo UI"/>
                <a:cs typeface="Meiryo UI"/>
              </a:rPr>
              <a:t>④大阪府 貝塚市</a:t>
            </a:r>
            <a:endParaRPr sz="1026">
              <a:latin typeface="Meiryo UI"/>
              <a:cs typeface="Meiryo UI"/>
            </a:endParaRPr>
          </a:p>
        </p:txBody>
      </p:sp>
      <p:sp>
        <p:nvSpPr>
          <p:cNvPr id="11" name="object 11"/>
          <p:cNvSpPr txBox="1"/>
          <p:nvPr/>
        </p:nvSpPr>
        <p:spPr>
          <a:xfrm>
            <a:off x="7142745" y="4189733"/>
            <a:ext cx="1169064" cy="206662"/>
          </a:xfrm>
          <a:prstGeom prst="rect">
            <a:avLst/>
          </a:prstGeom>
          <a:solidFill>
            <a:srgbClr val="FF4F4F"/>
          </a:solidFill>
        </p:spPr>
        <p:txBody>
          <a:bodyPr vert="horz" wrap="square" lIns="0" tIns="48326" rIns="0" bIns="0" rtlCol="0">
            <a:spAutoFit/>
          </a:bodyPr>
          <a:lstStyle/>
          <a:p>
            <a:pPr marL="85792">
              <a:spcBef>
                <a:spcPts val="381"/>
              </a:spcBef>
            </a:pPr>
            <a:r>
              <a:rPr sz="1026" b="1" spc="9" dirty="0">
                <a:solidFill>
                  <a:srgbClr val="FFFFFF"/>
                </a:solidFill>
                <a:latin typeface="Meiryo UI"/>
                <a:cs typeface="Meiryo UI"/>
              </a:rPr>
              <a:t>⑥奈良県 宇陀市</a:t>
            </a:r>
            <a:endParaRPr sz="1026">
              <a:latin typeface="Meiryo UI"/>
              <a:cs typeface="Meiryo UI"/>
            </a:endParaRPr>
          </a:p>
        </p:txBody>
      </p:sp>
      <p:sp>
        <p:nvSpPr>
          <p:cNvPr id="12" name="object 12"/>
          <p:cNvSpPr txBox="1"/>
          <p:nvPr/>
        </p:nvSpPr>
        <p:spPr>
          <a:xfrm>
            <a:off x="6561526" y="4630209"/>
            <a:ext cx="918744" cy="206662"/>
          </a:xfrm>
          <a:prstGeom prst="rect">
            <a:avLst/>
          </a:prstGeom>
          <a:solidFill>
            <a:srgbClr val="FF4F4F"/>
          </a:solidFill>
        </p:spPr>
        <p:txBody>
          <a:bodyPr vert="horz" wrap="square" lIns="0" tIns="48326" rIns="0" bIns="0" rtlCol="0">
            <a:spAutoFit/>
          </a:bodyPr>
          <a:lstStyle/>
          <a:p>
            <a:pPr marL="85792">
              <a:spcBef>
                <a:spcPts val="381"/>
              </a:spcBef>
            </a:pPr>
            <a:r>
              <a:rPr sz="1026" b="1" spc="-9" dirty="0">
                <a:solidFill>
                  <a:srgbClr val="FFFFFF"/>
                </a:solidFill>
                <a:latin typeface="Meiryo UI"/>
                <a:cs typeface="Meiryo UI"/>
              </a:rPr>
              <a:t>⑦和歌山県</a:t>
            </a:r>
            <a:endParaRPr sz="1026">
              <a:latin typeface="Meiryo UI"/>
              <a:cs typeface="Meiryo UI"/>
            </a:endParaRPr>
          </a:p>
        </p:txBody>
      </p:sp>
      <p:sp>
        <p:nvSpPr>
          <p:cNvPr id="13" name="object 13"/>
          <p:cNvSpPr txBox="1"/>
          <p:nvPr/>
        </p:nvSpPr>
        <p:spPr>
          <a:xfrm>
            <a:off x="4787894" y="5280497"/>
            <a:ext cx="703719" cy="206113"/>
          </a:xfrm>
          <a:prstGeom prst="rect">
            <a:avLst/>
          </a:prstGeom>
          <a:solidFill>
            <a:srgbClr val="FF4F4F"/>
          </a:solidFill>
        </p:spPr>
        <p:txBody>
          <a:bodyPr vert="horz" wrap="square" lIns="0" tIns="47783" rIns="0" bIns="0" rtlCol="0">
            <a:spAutoFit/>
          </a:bodyPr>
          <a:lstStyle/>
          <a:p>
            <a:pPr marL="84706">
              <a:spcBef>
                <a:spcPts val="376"/>
              </a:spcBef>
            </a:pPr>
            <a:r>
              <a:rPr sz="1026" b="1" spc="-13" dirty="0">
                <a:solidFill>
                  <a:srgbClr val="FFFFFF"/>
                </a:solidFill>
                <a:latin typeface="Meiryo UI"/>
                <a:cs typeface="Meiryo UI"/>
              </a:rPr>
              <a:t>⑨広島県</a:t>
            </a:r>
            <a:endParaRPr sz="1026">
              <a:latin typeface="Meiryo UI"/>
              <a:cs typeface="Meiryo UI"/>
            </a:endParaRPr>
          </a:p>
        </p:txBody>
      </p:sp>
      <p:sp>
        <p:nvSpPr>
          <p:cNvPr id="14" name="object 14"/>
          <p:cNvSpPr txBox="1"/>
          <p:nvPr/>
        </p:nvSpPr>
        <p:spPr>
          <a:xfrm>
            <a:off x="5588048" y="5070685"/>
            <a:ext cx="1169064" cy="205017"/>
          </a:xfrm>
          <a:prstGeom prst="rect">
            <a:avLst/>
          </a:prstGeom>
          <a:solidFill>
            <a:srgbClr val="FF4F4F"/>
          </a:solidFill>
        </p:spPr>
        <p:txBody>
          <a:bodyPr vert="horz" wrap="square" lIns="0" tIns="46697" rIns="0" bIns="0" rtlCol="0">
            <a:spAutoFit/>
          </a:bodyPr>
          <a:lstStyle/>
          <a:p>
            <a:pPr marL="84706">
              <a:spcBef>
                <a:spcPts val="368"/>
              </a:spcBef>
            </a:pPr>
            <a:r>
              <a:rPr sz="1026" b="1" spc="9" dirty="0">
                <a:solidFill>
                  <a:srgbClr val="FFFFFF"/>
                </a:solidFill>
                <a:latin typeface="Meiryo UI"/>
                <a:cs typeface="Meiryo UI"/>
              </a:rPr>
              <a:t>⑩広島県 三原市</a:t>
            </a:r>
            <a:endParaRPr sz="1026">
              <a:latin typeface="Meiryo UI"/>
              <a:cs typeface="Meiryo UI"/>
            </a:endParaRPr>
          </a:p>
        </p:txBody>
      </p:sp>
      <p:sp>
        <p:nvSpPr>
          <p:cNvPr id="15" name="object 15"/>
          <p:cNvSpPr/>
          <p:nvPr/>
        </p:nvSpPr>
        <p:spPr>
          <a:xfrm>
            <a:off x="5913366" y="2700194"/>
            <a:ext cx="1594770" cy="1406895"/>
          </a:xfrm>
          <a:custGeom>
            <a:avLst/>
            <a:gdLst/>
            <a:ahLst/>
            <a:cxnLst/>
            <a:rect l="l" t="t" r="r" b="b"/>
            <a:pathLst>
              <a:path w="1864995" h="1645285">
                <a:moveTo>
                  <a:pt x="1728774" y="659892"/>
                </a:moveTo>
                <a:lnTo>
                  <a:pt x="1724202" y="650748"/>
                </a:lnTo>
                <a:lnTo>
                  <a:pt x="124231" y="1540446"/>
                </a:lnTo>
                <a:lnTo>
                  <a:pt x="109524" y="1522818"/>
                </a:lnTo>
                <a:lnTo>
                  <a:pt x="86283" y="1510665"/>
                </a:lnTo>
                <a:lnTo>
                  <a:pt x="60185" y="1508239"/>
                </a:lnTo>
                <a:lnTo>
                  <a:pt x="34086" y="1516380"/>
                </a:lnTo>
                <a:lnTo>
                  <a:pt x="13957" y="1534121"/>
                </a:lnTo>
                <a:lnTo>
                  <a:pt x="2273" y="1557718"/>
                </a:lnTo>
                <a:lnTo>
                  <a:pt x="0" y="1583893"/>
                </a:lnTo>
                <a:lnTo>
                  <a:pt x="8178" y="1609344"/>
                </a:lnTo>
                <a:lnTo>
                  <a:pt x="25704" y="1630349"/>
                </a:lnTo>
                <a:lnTo>
                  <a:pt x="48945" y="1642503"/>
                </a:lnTo>
                <a:lnTo>
                  <a:pt x="75044" y="1644929"/>
                </a:lnTo>
                <a:lnTo>
                  <a:pt x="101142" y="1636776"/>
                </a:lnTo>
                <a:lnTo>
                  <a:pt x="122110" y="1619046"/>
                </a:lnTo>
                <a:lnTo>
                  <a:pt x="134099" y="1595437"/>
                </a:lnTo>
                <a:lnTo>
                  <a:pt x="135229" y="1580388"/>
                </a:lnTo>
                <a:lnTo>
                  <a:pt x="136067" y="1569275"/>
                </a:lnTo>
                <a:lnTo>
                  <a:pt x="128600" y="1548218"/>
                </a:lnTo>
                <a:lnTo>
                  <a:pt x="1728774" y="659892"/>
                </a:lnTo>
                <a:close/>
              </a:path>
              <a:path w="1864995" h="1645285">
                <a:moveTo>
                  <a:pt x="1864410" y="120396"/>
                </a:moveTo>
                <a:lnTo>
                  <a:pt x="1152004" y="67525"/>
                </a:lnTo>
                <a:lnTo>
                  <a:pt x="1151369" y="62484"/>
                </a:lnTo>
                <a:lnTo>
                  <a:pt x="1149337" y="46088"/>
                </a:lnTo>
                <a:lnTo>
                  <a:pt x="1136116" y="23431"/>
                </a:lnTo>
                <a:lnTo>
                  <a:pt x="1115187" y="7366"/>
                </a:lnTo>
                <a:lnTo>
                  <a:pt x="1088694" y="0"/>
                </a:lnTo>
                <a:lnTo>
                  <a:pt x="1061618" y="3340"/>
                </a:lnTo>
                <a:lnTo>
                  <a:pt x="1038974" y="16383"/>
                </a:lnTo>
                <a:lnTo>
                  <a:pt x="1022896" y="36868"/>
                </a:lnTo>
                <a:lnTo>
                  <a:pt x="1015542" y="62484"/>
                </a:lnTo>
                <a:lnTo>
                  <a:pt x="1018895" y="89776"/>
                </a:lnTo>
                <a:lnTo>
                  <a:pt x="1032116" y="112776"/>
                </a:lnTo>
                <a:lnTo>
                  <a:pt x="1053045" y="128930"/>
                </a:lnTo>
                <a:lnTo>
                  <a:pt x="1079550" y="135636"/>
                </a:lnTo>
                <a:lnTo>
                  <a:pt x="1105979" y="132524"/>
                </a:lnTo>
                <a:lnTo>
                  <a:pt x="1128687" y="119837"/>
                </a:lnTo>
                <a:lnTo>
                  <a:pt x="1145120" y="99428"/>
                </a:lnTo>
                <a:lnTo>
                  <a:pt x="1151293" y="78028"/>
                </a:lnTo>
                <a:lnTo>
                  <a:pt x="1862886" y="129540"/>
                </a:lnTo>
                <a:lnTo>
                  <a:pt x="1864410" y="120396"/>
                </a:lnTo>
                <a:close/>
              </a:path>
            </a:pathLst>
          </a:custGeom>
          <a:solidFill>
            <a:srgbClr val="FF4F4F"/>
          </a:solidFill>
        </p:spPr>
        <p:txBody>
          <a:bodyPr wrap="square" lIns="0" tIns="0" rIns="0" bIns="0" rtlCol="0"/>
          <a:lstStyle/>
          <a:p>
            <a:endParaRPr sz="1749"/>
          </a:p>
        </p:txBody>
      </p:sp>
      <p:sp>
        <p:nvSpPr>
          <p:cNvPr id="16" name="object 16"/>
          <p:cNvSpPr txBox="1"/>
          <p:nvPr/>
        </p:nvSpPr>
        <p:spPr>
          <a:xfrm>
            <a:off x="7611891" y="2234959"/>
            <a:ext cx="1169064" cy="206113"/>
          </a:xfrm>
          <a:prstGeom prst="rect">
            <a:avLst/>
          </a:prstGeom>
          <a:solidFill>
            <a:srgbClr val="FF4F4F"/>
          </a:solidFill>
        </p:spPr>
        <p:txBody>
          <a:bodyPr vert="horz" wrap="square" lIns="0" tIns="47783" rIns="0" bIns="0" rtlCol="0">
            <a:spAutoFit/>
          </a:bodyPr>
          <a:lstStyle/>
          <a:p>
            <a:pPr marL="84706">
              <a:spcBef>
                <a:spcPts val="376"/>
              </a:spcBef>
            </a:pPr>
            <a:r>
              <a:rPr sz="1026" b="1" spc="9" dirty="0">
                <a:solidFill>
                  <a:srgbClr val="FFFFFF"/>
                </a:solidFill>
                <a:latin typeface="Meiryo UI"/>
                <a:cs typeface="Meiryo UI"/>
              </a:rPr>
              <a:t>①北海道 幕別町</a:t>
            </a:r>
            <a:endParaRPr sz="1026">
              <a:latin typeface="Meiryo UI"/>
              <a:cs typeface="Meiryo UI"/>
            </a:endParaRPr>
          </a:p>
        </p:txBody>
      </p:sp>
      <p:sp>
        <p:nvSpPr>
          <p:cNvPr id="17" name="object 17"/>
          <p:cNvSpPr txBox="1"/>
          <p:nvPr/>
        </p:nvSpPr>
        <p:spPr>
          <a:xfrm>
            <a:off x="7465934" y="2701498"/>
            <a:ext cx="1167978" cy="206662"/>
          </a:xfrm>
          <a:prstGeom prst="rect">
            <a:avLst/>
          </a:prstGeom>
          <a:solidFill>
            <a:srgbClr val="FF4F4F"/>
          </a:solidFill>
        </p:spPr>
        <p:txBody>
          <a:bodyPr vert="horz" wrap="square" lIns="0" tIns="48326" rIns="0" bIns="0" rtlCol="0">
            <a:spAutoFit/>
          </a:bodyPr>
          <a:lstStyle/>
          <a:p>
            <a:pPr marL="84163">
              <a:spcBef>
                <a:spcPts val="381"/>
              </a:spcBef>
            </a:pPr>
            <a:r>
              <a:rPr sz="1026" b="1" spc="9" dirty="0">
                <a:solidFill>
                  <a:srgbClr val="FFFFFF"/>
                </a:solidFill>
                <a:latin typeface="Meiryo UI"/>
                <a:cs typeface="Meiryo UI"/>
              </a:rPr>
              <a:t>②秋田県 大館市</a:t>
            </a:r>
            <a:endParaRPr sz="1026">
              <a:latin typeface="Meiryo UI"/>
              <a:cs typeface="Meiryo UI"/>
            </a:endParaRPr>
          </a:p>
        </p:txBody>
      </p:sp>
      <p:sp>
        <p:nvSpPr>
          <p:cNvPr id="18" name="object 18"/>
          <p:cNvSpPr txBox="1"/>
          <p:nvPr/>
        </p:nvSpPr>
        <p:spPr>
          <a:xfrm>
            <a:off x="7389047" y="3136761"/>
            <a:ext cx="1169064" cy="205017"/>
          </a:xfrm>
          <a:prstGeom prst="rect">
            <a:avLst/>
          </a:prstGeom>
          <a:solidFill>
            <a:srgbClr val="FF4F4F"/>
          </a:solidFill>
        </p:spPr>
        <p:txBody>
          <a:bodyPr vert="horz" wrap="square" lIns="0" tIns="46697" rIns="0" bIns="0" rtlCol="0">
            <a:spAutoFit/>
          </a:bodyPr>
          <a:lstStyle/>
          <a:p>
            <a:pPr marL="85792">
              <a:spcBef>
                <a:spcPts val="368"/>
              </a:spcBef>
            </a:pPr>
            <a:r>
              <a:rPr sz="1026" b="1" spc="9" dirty="0">
                <a:solidFill>
                  <a:srgbClr val="FFFFFF"/>
                </a:solidFill>
                <a:latin typeface="Meiryo UI"/>
                <a:cs typeface="Meiryo UI"/>
              </a:rPr>
              <a:t>③滋賀県 草津市</a:t>
            </a:r>
            <a:endParaRPr sz="1026">
              <a:latin typeface="Meiryo UI"/>
              <a:cs typeface="Meiryo UI"/>
            </a:endParaRPr>
          </a:p>
        </p:txBody>
      </p:sp>
      <p:sp>
        <p:nvSpPr>
          <p:cNvPr id="19" name="object 19"/>
          <p:cNvSpPr/>
          <p:nvPr/>
        </p:nvSpPr>
        <p:spPr>
          <a:xfrm>
            <a:off x="4232738" y="2589424"/>
            <a:ext cx="2911528" cy="2706819"/>
          </a:xfrm>
          <a:custGeom>
            <a:avLst/>
            <a:gdLst/>
            <a:ahLst/>
            <a:cxnLst/>
            <a:rect l="l" t="t" r="r" b="b"/>
            <a:pathLst>
              <a:path w="3404870" h="3165475">
                <a:moveTo>
                  <a:pt x="983716" y="1937181"/>
                </a:moveTo>
                <a:lnTo>
                  <a:pt x="975550" y="1912061"/>
                </a:lnTo>
                <a:lnTo>
                  <a:pt x="958519" y="1891792"/>
                </a:lnTo>
                <a:lnTo>
                  <a:pt x="934212" y="1879092"/>
                </a:lnTo>
                <a:lnTo>
                  <a:pt x="906945" y="1876806"/>
                </a:lnTo>
                <a:lnTo>
                  <a:pt x="881824" y="1884807"/>
                </a:lnTo>
                <a:lnTo>
                  <a:pt x="861555" y="1901380"/>
                </a:lnTo>
                <a:lnTo>
                  <a:pt x="851039" y="1920798"/>
                </a:lnTo>
                <a:lnTo>
                  <a:pt x="3048" y="1674876"/>
                </a:lnTo>
                <a:lnTo>
                  <a:pt x="0" y="1684020"/>
                </a:lnTo>
                <a:lnTo>
                  <a:pt x="848423" y="1930069"/>
                </a:lnTo>
                <a:lnTo>
                  <a:pt x="846594" y="1952078"/>
                </a:lnTo>
                <a:lnTo>
                  <a:pt x="854773" y="1977212"/>
                </a:lnTo>
                <a:lnTo>
                  <a:pt x="871791" y="1997468"/>
                </a:lnTo>
                <a:lnTo>
                  <a:pt x="896112" y="2010156"/>
                </a:lnTo>
                <a:lnTo>
                  <a:pt x="923366" y="2012442"/>
                </a:lnTo>
                <a:lnTo>
                  <a:pt x="948499" y="2004441"/>
                </a:lnTo>
                <a:lnTo>
                  <a:pt x="968756" y="1987867"/>
                </a:lnTo>
                <a:lnTo>
                  <a:pt x="981456" y="1964436"/>
                </a:lnTo>
                <a:lnTo>
                  <a:pt x="982713" y="1949196"/>
                </a:lnTo>
                <a:lnTo>
                  <a:pt x="983716" y="1937181"/>
                </a:lnTo>
                <a:close/>
              </a:path>
              <a:path w="3404870" h="3165475">
                <a:moveTo>
                  <a:pt x="1289304" y="1819656"/>
                </a:moveTo>
                <a:lnTo>
                  <a:pt x="1288554" y="1813560"/>
                </a:lnTo>
                <a:lnTo>
                  <a:pt x="1285963" y="1792351"/>
                </a:lnTo>
                <a:lnTo>
                  <a:pt x="1272921" y="1769173"/>
                </a:lnTo>
                <a:lnTo>
                  <a:pt x="1252435" y="1752587"/>
                </a:lnTo>
                <a:lnTo>
                  <a:pt x="1226820" y="1744980"/>
                </a:lnTo>
                <a:lnTo>
                  <a:pt x="1199502" y="1748104"/>
                </a:lnTo>
                <a:lnTo>
                  <a:pt x="1176337" y="1760804"/>
                </a:lnTo>
                <a:lnTo>
                  <a:pt x="1168247" y="1770735"/>
                </a:lnTo>
                <a:lnTo>
                  <a:pt x="1155763" y="1763826"/>
                </a:lnTo>
                <a:lnTo>
                  <a:pt x="1129665" y="1760791"/>
                </a:lnTo>
                <a:lnTo>
                  <a:pt x="1104138" y="1767776"/>
                </a:lnTo>
                <a:lnTo>
                  <a:pt x="1087488" y="1780451"/>
                </a:lnTo>
                <a:lnTo>
                  <a:pt x="19812" y="862584"/>
                </a:lnTo>
                <a:lnTo>
                  <a:pt x="12192" y="870204"/>
                </a:lnTo>
                <a:lnTo>
                  <a:pt x="1079995" y="1788185"/>
                </a:lnTo>
                <a:lnTo>
                  <a:pt x="1068870" y="1807756"/>
                </a:lnTo>
                <a:lnTo>
                  <a:pt x="1072819" y="1859191"/>
                </a:lnTo>
                <a:lnTo>
                  <a:pt x="1113472" y="1893785"/>
                </a:lnTo>
                <a:lnTo>
                  <a:pt x="1139571" y="1896808"/>
                </a:lnTo>
                <a:lnTo>
                  <a:pt x="1165098" y="1889836"/>
                </a:lnTo>
                <a:lnTo>
                  <a:pt x="1186802" y="1873300"/>
                </a:lnTo>
                <a:lnTo>
                  <a:pt x="1188351" y="1874545"/>
                </a:lnTo>
                <a:lnTo>
                  <a:pt x="1208887" y="1880489"/>
                </a:lnTo>
                <a:lnTo>
                  <a:pt x="1098804" y="3165348"/>
                </a:lnTo>
                <a:lnTo>
                  <a:pt x="1109472" y="3165348"/>
                </a:lnTo>
                <a:lnTo>
                  <a:pt x="1219415" y="1882140"/>
                </a:lnTo>
                <a:lnTo>
                  <a:pt x="1219466" y="1881593"/>
                </a:lnTo>
                <a:lnTo>
                  <a:pt x="1241717" y="1879028"/>
                </a:lnTo>
                <a:lnTo>
                  <a:pt x="1264539" y="1866328"/>
                </a:lnTo>
                <a:lnTo>
                  <a:pt x="1281061" y="1845932"/>
                </a:lnTo>
                <a:lnTo>
                  <a:pt x="1289304" y="1819656"/>
                </a:lnTo>
                <a:close/>
              </a:path>
              <a:path w="3404870" h="3165475">
                <a:moveTo>
                  <a:pt x="1802320" y="1642300"/>
                </a:moveTo>
                <a:lnTo>
                  <a:pt x="1802028" y="1639824"/>
                </a:lnTo>
                <a:lnTo>
                  <a:pt x="1799285" y="1616379"/>
                </a:lnTo>
                <a:lnTo>
                  <a:pt x="1786128" y="1592580"/>
                </a:lnTo>
                <a:lnTo>
                  <a:pt x="1764906" y="1575752"/>
                </a:lnTo>
                <a:lnTo>
                  <a:pt x="1739836" y="1568767"/>
                </a:lnTo>
                <a:lnTo>
                  <a:pt x="1713903" y="1571802"/>
                </a:lnTo>
                <a:lnTo>
                  <a:pt x="1694903" y="1582305"/>
                </a:lnTo>
                <a:lnTo>
                  <a:pt x="731520" y="455676"/>
                </a:lnTo>
                <a:lnTo>
                  <a:pt x="723900" y="461772"/>
                </a:lnTo>
                <a:lnTo>
                  <a:pt x="1686636" y="1589354"/>
                </a:lnTo>
                <a:lnTo>
                  <a:pt x="1673275" y="1606181"/>
                </a:lnTo>
                <a:lnTo>
                  <a:pt x="1666303" y="1631251"/>
                </a:lnTo>
                <a:lnTo>
                  <a:pt x="1669326" y="1657184"/>
                </a:lnTo>
                <a:lnTo>
                  <a:pt x="1682496" y="1680972"/>
                </a:lnTo>
                <a:lnTo>
                  <a:pt x="1703705" y="1697812"/>
                </a:lnTo>
                <a:lnTo>
                  <a:pt x="1728787" y="1704784"/>
                </a:lnTo>
                <a:lnTo>
                  <a:pt x="1754708" y="1701761"/>
                </a:lnTo>
                <a:lnTo>
                  <a:pt x="1778508" y="1688592"/>
                </a:lnTo>
                <a:lnTo>
                  <a:pt x="1795335" y="1667383"/>
                </a:lnTo>
                <a:lnTo>
                  <a:pt x="1802320" y="1642300"/>
                </a:lnTo>
                <a:close/>
              </a:path>
              <a:path w="3404870" h="3165475">
                <a:moveTo>
                  <a:pt x="2153412" y="2919984"/>
                </a:moveTo>
                <a:lnTo>
                  <a:pt x="1396936" y="1924862"/>
                </a:lnTo>
                <a:lnTo>
                  <a:pt x="1411147" y="1908810"/>
                </a:lnTo>
                <a:lnTo>
                  <a:pt x="1419796" y="1883664"/>
                </a:lnTo>
                <a:lnTo>
                  <a:pt x="1419161" y="1871472"/>
                </a:lnTo>
                <a:lnTo>
                  <a:pt x="1418437" y="1857375"/>
                </a:lnTo>
                <a:lnTo>
                  <a:pt x="1406652" y="1833372"/>
                </a:lnTo>
                <a:lnTo>
                  <a:pt x="1386281" y="1815160"/>
                </a:lnTo>
                <a:lnTo>
                  <a:pt x="1361503" y="1806511"/>
                </a:lnTo>
                <a:lnTo>
                  <a:pt x="1335278" y="1807870"/>
                </a:lnTo>
                <a:lnTo>
                  <a:pt x="1310640" y="1819656"/>
                </a:lnTo>
                <a:lnTo>
                  <a:pt x="1292415" y="1840026"/>
                </a:lnTo>
                <a:lnTo>
                  <a:pt x="1283766" y="1864804"/>
                </a:lnTo>
                <a:lnTo>
                  <a:pt x="1285125" y="1891030"/>
                </a:lnTo>
                <a:lnTo>
                  <a:pt x="1296924" y="1915668"/>
                </a:lnTo>
                <a:lnTo>
                  <a:pt x="1317498" y="1933892"/>
                </a:lnTo>
                <a:lnTo>
                  <a:pt x="1342644" y="1942528"/>
                </a:lnTo>
                <a:lnTo>
                  <a:pt x="1368933" y="1941182"/>
                </a:lnTo>
                <a:lnTo>
                  <a:pt x="1389367" y="1931136"/>
                </a:lnTo>
                <a:lnTo>
                  <a:pt x="2144268" y="2926080"/>
                </a:lnTo>
                <a:lnTo>
                  <a:pt x="2153412" y="2919984"/>
                </a:lnTo>
                <a:close/>
              </a:path>
              <a:path w="3404870" h="3165475">
                <a:moveTo>
                  <a:pt x="3404616" y="2011680"/>
                </a:moveTo>
                <a:lnTo>
                  <a:pt x="2090445" y="1856486"/>
                </a:lnTo>
                <a:lnTo>
                  <a:pt x="2089797" y="1848612"/>
                </a:lnTo>
                <a:lnTo>
                  <a:pt x="2088680" y="1834997"/>
                </a:lnTo>
                <a:lnTo>
                  <a:pt x="2076450" y="1811655"/>
                </a:lnTo>
                <a:lnTo>
                  <a:pt x="2056206" y="1794611"/>
                </a:lnTo>
                <a:lnTo>
                  <a:pt x="2029968" y="1786128"/>
                </a:lnTo>
                <a:lnTo>
                  <a:pt x="2003298" y="1788350"/>
                </a:lnTo>
                <a:lnTo>
                  <a:pt x="1980057" y="1800415"/>
                </a:lnTo>
                <a:lnTo>
                  <a:pt x="1965731" y="1817141"/>
                </a:lnTo>
                <a:lnTo>
                  <a:pt x="1956816" y="1804606"/>
                </a:lnTo>
                <a:lnTo>
                  <a:pt x="1934857" y="1790585"/>
                </a:lnTo>
                <a:lnTo>
                  <a:pt x="1913547" y="1787055"/>
                </a:lnTo>
                <a:lnTo>
                  <a:pt x="1913521" y="1786128"/>
                </a:lnTo>
                <a:lnTo>
                  <a:pt x="1857756" y="0"/>
                </a:lnTo>
                <a:lnTo>
                  <a:pt x="1847088" y="0"/>
                </a:lnTo>
                <a:lnTo>
                  <a:pt x="1902891" y="1787347"/>
                </a:lnTo>
                <a:lnTo>
                  <a:pt x="1881492" y="1792376"/>
                </a:lnTo>
                <a:lnTo>
                  <a:pt x="1860232" y="1807464"/>
                </a:lnTo>
                <a:lnTo>
                  <a:pt x="1846110" y="1829422"/>
                </a:lnTo>
                <a:lnTo>
                  <a:pt x="1840992" y="1856232"/>
                </a:lnTo>
                <a:lnTo>
                  <a:pt x="1847469" y="1882787"/>
                </a:lnTo>
                <a:lnTo>
                  <a:pt x="1859610" y="1899335"/>
                </a:lnTo>
                <a:lnTo>
                  <a:pt x="1852942" y="1914410"/>
                </a:lnTo>
                <a:lnTo>
                  <a:pt x="1860842" y="1965413"/>
                </a:lnTo>
                <a:lnTo>
                  <a:pt x="1903069" y="1997570"/>
                </a:lnTo>
                <a:lnTo>
                  <a:pt x="1929193" y="1998929"/>
                </a:lnTo>
                <a:lnTo>
                  <a:pt x="1953882" y="1990280"/>
                </a:lnTo>
                <a:lnTo>
                  <a:pt x="1969604" y="1975739"/>
                </a:lnTo>
                <a:lnTo>
                  <a:pt x="2720340" y="2535936"/>
                </a:lnTo>
                <a:lnTo>
                  <a:pt x="2726436" y="2526792"/>
                </a:lnTo>
                <a:lnTo>
                  <a:pt x="1976056" y="1966861"/>
                </a:lnTo>
                <a:lnTo>
                  <a:pt x="1985365" y="1947418"/>
                </a:lnTo>
                <a:lnTo>
                  <a:pt x="1986457" y="1926336"/>
                </a:lnTo>
                <a:lnTo>
                  <a:pt x="1986711" y="1921192"/>
                </a:lnTo>
                <a:lnTo>
                  <a:pt x="1981898" y="1907400"/>
                </a:lnTo>
                <a:lnTo>
                  <a:pt x="1988718" y="1913293"/>
                </a:lnTo>
                <a:lnTo>
                  <a:pt x="2014728" y="1921764"/>
                </a:lnTo>
                <a:lnTo>
                  <a:pt x="2042058" y="1919770"/>
                </a:lnTo>
                <a:lnTo>
                  <a:pt x="2065401" y="1908048"/>
                </a:lnTo>
                <a:lnTo>
                  <a:pt x="2082444" y="1888337"/>
                </a:lnTo>
                <a:lnTo>
                  <a:pt x="2089353" y="1867128"/>
                </a:lnTo>
                <a:lnTo>
                  <a:pt x="3403092" y="2020824"/>
                </a:lnTo>
                <a:lnTo>
                  <a:pt x="3404616" y="2011680"/>
                </a:lnTo>
                <a:close/>
              </a:path>
            </a:pathLst>
          </a:custGeom>
          <a:solidFill>
            <a:srgbClr val="FF4F4F"/>
          </a:solidFill>
        </p:spPr>
        <p:txBody>
          <a:bodyPr wrap="square" lIns="0" tIns="0" rIns="0" bIns="0" rtlCol="0"/>
          <a:lstStyle/>
          <a:p>
            <a:endParaRPr sz="1749"/>
          </a:p>
        </p:txBody>
      </p:sp>
      <p:sp>
        <p:nvSpPr>
          <p:cNvPr id="20" name="object 20"/>
          <p:cNvSpPr txBox="1"/>
          <p:nvPr/>
        </p:nvSpPr>
        <p:spPr>
          <a:xfrm>
            <a:off x="6855611" y="780641"/>
            <a:ext cx="1848564" cy="330532"/>
          </a:xfrm>
          <a:prstGeom prst="rect">
            <a:avLst/>
          </a:prstGeom>
        </p:spPr>
        <p:txBody>
          <a:bodyPr vert="horz" wrap="square" lIns="0" tIns="14661" rIns="0" bIns="0" rtlCol="0">
            <a:spAutoFit/>
          </a:bodyPr>
          <a:lstStyle/>
          <a:p>
            <a:pPr marL="10860">
              <a:spcBef>
                <a:spcPts val="115"/>
              </a:spcBef>
            </a:pPr>
            <a:r>
              <a:rPr sz="1026" spc="-4" dirty="0">
                <a:latin typeface="Meiryo UI"/>
                <a:cs typeface="Meiryo UI"/>
              </a:rPr>
              <a:t>※旗あげの自治体名は、</a:t>
            </a:r>
            <a:endParaRPr sz="1026" dirty="0">
              <a:latin typeface="Meiryo UI"/>
              <a:cs typeface="Meiryo UI"/>
            </a:endParaRPr>
          </a:p>
          <a:p>
            <a:pPr marL="146064">
              <a:spcBef>
                <a:spcPts val="30"/>
              </a:spcBef>
            </a:pPr>
            <a:r>
              <a:rPr sz="1026" spc="-4" dirty="0">
                <a:latin typeface="Meiryo UI"/>
                <a:cs typeface="Meiryo UI"/>
              </a:rPr>
              <a:t>応募の代表自治体のみ記載</a:t>
            </a:r>
            <a:endParaRPr sz="1026" dirty="0">
              <a:latin typeface="Meiryo UI"/>
              <a:cs typeface="Meiryo UI"/>
            </a:endParaRPr>
          </a:p>
        </p:txBody>
      </p:sp>
      <p:graphicFrame>
        <p:nvGraphicFramePr>
          <p:cNvPr id="21" name="object 21"/>
          <p:cNvGraphicFramePr>
            <a:graphicFrameLocks noGrp="1"/>
          </p:cNvGraphicFramePr>
          <p:nvPr>
            <p:extLst>
              <p:ext uri="{D42A27DB-BD31-4B8C-83A1-F6EECF244321}">
                <p14:modId xmlns:p14="http://schemas.microsoft.com/office/powerpoint/2010/main" val="3515592222"/>
              </p:ext>
            </p:extLst>
          </p:nvPr>
        </p:nvGraphicFramePr>
        <p:xfrm>
          <a:off x="235974" y="900835"/>
          <a:ext cx="3721576" cy="5887020"/>
        </p:xfrm>
        <a:graphic>
          <a:graphicData uri="http://schemas.openxmlformats.org/drawingml/2006/table">
            <a:tbl>
              <a:tblPr firstRow="1" bandRow="1">
                <a:tableStyleId>{2D5ABB26-0587-4C30-8999-92F81FD0307C}</a:tableStyleId>
              </a:tblPr>
              <a:tblGrid>
                <a:gridCol w="337153">
                  <a:extLst>
                    <a:ext uri="{9D8B030D-6E8A-4147-A177-3AD203B41FA5}">
                      <a16:colId xmlns:a16="http://schemas.microsoft.com/office/drawing/2014/main" val="20000"/>
                    </a:ext>
                  </a:extLst>
                </a:gridCol>
                <a:gridCol w="581476">
                  <a:extLst>
                    <a:ext uri="{9D8B030D-6E8A-4147-A177-3AD203B41FA5}">
                      <a16:colId xmlns:a16="http://schemas.microsoft.com/office/drawing/2014/main" val="20001"/>
                    </a:ext>
                  </a:extLst>
                </a:gridCol>
                <a:gridCol w="856099">
                  <a:extLst>
                    <a:ext uri="{9D8B030D-6E8A-4147-A177-3AD203B41FA5}">
                      <a16:colId xmlns:a16="http://schemas.microsoft.com/office/drawing/2014/main" val="20002"/>
                    </a:ext>
                  </a:extLst>
                </a:gridCol>
                <a:gridCol w="341020">
                  <a:extLst>
                    <a:ext uri="{9D8B030D-6E8A-4147-A177-3AD203B41FA5}">
                      <a16:colId xmlns:a16="http://schemas.microsoft.com/office/drawing/2014/main" val="20003"/>
                    </a:ext>
                  </a:extLst>
                </a:gridCol>
                <a:gridCol w="723944">
                  <a:extLst>
                    <a:ext uri="{9D8B030D-6E8A-4147-A177-3AD203B41FA5}">
                      <a16:colId xmlns:a16="http://schemas.microsoft.com/office/drawing/2014/main" val="20004"/>
                    </a:ext>
                  </a:extLst>
                </a:gridCol>
                <a:gridCol w="881884">
                  <a:extLst>
                    <a:ext uri="{9D8B030D-6E8A-4147-A177-3AD203B41FA5}">
                      <a16:colId xmlns:a16="http://schemas.microsoft.com/office/drawing/2014/main" val="20005"/>
                    </a:ext>
                  </a:extLst>
                </a:gridCol>
              </a:tblGrid>
              <a:tr h="376261">
                <a:tc>
                  <a:txBody>
                    <a:bodyPr/>
                    <a:lstStyle/>
                    <a:p>
                      <a:pPr algn="ctr">
                        <a:lnSpc>
                          <a:spcPct val="100000"/>
                        </a:lnSpc>
                        <a:spcBef>
                          <a:spcPts val="900"/>
                        </a:spcBef>
                      </a:pPr>
                      <a:r>
                        <a:rPr sz="1000" b="1" spc="-25" dirty="0">
                          <a:latin typeface="Meiryo UI"/>
                          <a:cs typeface="Meiryo UI"/>
                        </a:rPr>
                        <a:t>No.</a:t>
                      </a:r>
                      <a:endParaRPr sz="1000">
                        <a:latin typeface="Meiryo UI"/>
                        <a:cs typeface="Meiryo UI"/>
                      </a:endParaRPr>
                    </a:p>
                  </a:txBody>
                  <a:tcPr marL="0" marR="0" marT="97739"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gridSpan="2">
                  <a:txBody>
                    <a:bodyPr/>
                    <a:lstStyle/>
                    <a:p>
                      <a:pPr marR="15875" algn="ctr">
                        <a:lnSpc>
                          <a:spcPct val="100000"/>
                        </a:lnSpc>
                        <a:spcBef>
                          <a:spcPts val="180"/>
                        </a:spcBef>
                      </a:pPr>
                      <a:r>
                        <a:rPr sz="1000" b="1" spc="-15" dirty="0">
                          <a:latin typeface="Meiryo UI"/>
                          <a:cs typeface="Meiryo UI"/>
                        </a:rPr>
                        <a:t>自治体名</a:t>
                      </a:r>
                      <a:endParaRPr sz="1000">
                        <a:latin typeface="Meiryo UI"/>
                        <a:cs typeface="Meiryo UI"/>
                      </a:endParaRPr>
                    </a:p>
                    <a:p>
                      <a:pPr marR="15875" algn="ctr">
                        <a:lnSpc>
                          <a:spcPts val="1350"/>
                        </a:lnSpc>
                        <a:spcBef>
                          <a:spcPts val="50"/>
                        </a:spcBef>
                      </a:pPr>
                      <a:r>
                        <a:rPr sz="1000" dirty="0">
                          <a:latin typeface="Meiryo UI"/>
                          <a:cs typeface="Meiryo UI"/>
                        </a:rPr>
                        <a:t>（＊応募自治体</a:t>
                      </a:r>
                      <a:r>
                        <a:rPr sz="1000" spc="-50" dirty="0">
                          <a:latin typeface="Meiryo UI"/>
                          <a:cs typeface="Meiryo UI"/>
                        </a:rPr>
                        <a:t>）</a:t>
                      </a:r>
                      <a:endParaRPr sz="1000">
                        <a:latin typeface="Meiryo UI"/>
                        <a:cs typeface="Meiryo UI"/>
                      </a:endParaRPr>
                    </a:p>
                  </a:txBody>
                  <a:tcPr marL="0" marR="0" marT="19548"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D8D8D8"/>
                    </a:solidFill>
                  </a:tcPr>
                </a:tc>
                <a:tc hMerge="1">
                  <a:txBody>
                    <a:bodyPr/>
                    <a:lstStyle/>
                    <a:p>
                      <a:endParaRPr/>
                    </a:p>
                  </a:txBody>
                  <a:tcPr marL="0" marR="0" marT="0" marB="0"/>
                </a:tc>
                <a:tc>
                  <a:txBody>
                    <a:bodyPr/>
                    <a:lstStyle/>
                    <a:p>
                      <a:pPr marL="28575" algn="ctr">
                        <a:lnSpc>
                          <a:spcPct val="100000"/>
                        </a:lnSpc>
                        <a:spcBef>
                          <a:spcPts val="865"/>
                        </a:spcBef>
                      </a:pPr>
                      <a:r>
                        <a:rPr sz="1000" b="1" spc="-25" dirty="0">
                          <a:latin typeface="Meiryo UI"/>
                          <a:cs typeface="Meiryo UI"/>
                        </a:rPr>
                        <a:t>No.</a:t>
                      </a:r>
                      <a:endParaRPr sz="1000">
                        <a:latin typeface="Meiryo UI"/>
                        <a:cs typeface="Meiryo UI"/>
                      </a:endParaRPr>
                    </a:p>
                  </a:txBody>
                  <a:tcPr marL="0" marR="0" marT="93938"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gridSpan="2">
                  <a:txBody>
                    <a:bodyPr/>
                    <a:lstStyle/>
                    <a:p>
                      <a:pPr marL="2540" algn="ctr">
                        <a:lnSpc>
                          <a:spcPct val="100000"/>
                        </a:lnSpc>
                        <a:spcBef>
                          <a:spcPts val="155"/>
                        </a:spcBef>
                      </a:pPr>
                      <a:r>
                        <a:rPr sz="1000" b="1" spc="-15" dirty="0">
                          <a:latin typeface="Meiryo UI"/>
                          <a:cs typeface="Meiryo UI"/>
                        </a:rPr>
                        <a:t>自治体名</a:t>
                      </a:r>
                      <a:endParaRPr sz="1000">
                        <a:latin typeface="Meiryo UI"/>
                        <a:cs typeface="Meiryo UI"/>
                      </a:endParaRPr>
                    </a:p>
                    <a:p>
                      <a:pPr marL="2540" algn="ctr">
                        <a:lnSpc>
                          <a:spcPts val="1375"/>
                        </a:lnSpc>
                        <a:spcBef>
                          <a:spcPts val="50"/>
                        </a:spcBef>
                      </a:pPr>
                      <a:r>
                        <a:rPr sz="1000" dirty="0">
                          <a:latin typeface="Meiryo UI"/>
                          <a:cs typeface="Meiryo UI"/>
                        </a:rPr>
                        <a:t>（＊応募自治体</a:t>
                      </a:r>
                      <a:r>
                        <a:rPr sz="1000" spc="-50" dirty="0">
                          <a:latin typeface="Meiryo UI"/>
                          <a:cs typeface="Meiryo UI"/>
                        </a:rPr>
                        <a:t>）</a:t>
                      </a:r>
                      <a:endParaRPr sz="1000">
                        <a:latin typeface="Meiryo UI"/>
                        <a:cs typeface="Meiryo UI"/>
                      </a:endParaRPr>
                    </a:p>
                  </a:txBody>
                  <a:tcPr marL="0" marR="0" marT="16833"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D8D8D8"/>
                    </a:solidFill>
                  </a:tcPr>
                </a:tc>
                <a:tc hMerge="1">
                  <a:txBody>
                    <a:bodyPr/>
                    <a:lstStyle/>
                    <a:p>
                      <a:endParaRPr/>
                    </a:p>
                  </a:txBody>
                  <a:tcPr marL="0" marR="0" marT="0" marB="0"/>
                </a:tc>
                <a:extLst>
                  <a:ext uri="{0D108BD9-81ED-4DB2-BD59-A6C34878D82A}">
                    <a16:rowId xmlns:a16="http://schemas.microsoft.com/office/drawing/2014/main" val="10000"/>
                  </a:ext>
                </a:extLst>
              </a:tr>
              <a:tr h="250150">
                <a:tc rowSpan="2">
                  <a:txBody>
                    <a:bodyPr/>
                    <a:lstStyle/>
                    <a:p>
                      <a:pPr>
                        <a:lnSpc>
                          <a:spcPct val="100000"/>
                        </a:lnSpc>
                        <a:spcBef>
                          <a:spcPts val="225"/>
                        </a:spcBef>
                      </a:pPr>
                      <a:endParaRPr sz="1000">
                        <a:latin typeface="Times New Roman"/>
                        <a:cs typeface="Times New Roman"/>
                      </a:endParaRPr>
                    </a:p>
                    <a:p>
                      <a:pPr marL="90805">
                        <a:lnSpc>
                          <a:spcPct val="100000"/>
                        </a:lnSpc>
                      </a:pPr>
                      <a:r>
                        <a:rPr sz="1000" b="1" spc="-50" dirty="0">
                          <a:latin typeface="Meiryo UI"/>
                          <a:cs typeface="Meiryo UI"/>
                        </a:rPr>
                        <a:t>①</a:t>
                      </a:r>
                      <a:endParaRPr sz="1000">
                        <a:latin typeface="Meiryo UI"/>
                        <a:cs typeface="Meiryo UI"/>
                      </a:endParaRPr>
                    </a:p>
                  </a:txBody>
                  <a:tcPr marL="0" marR="0" marT="244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2">
                  <a:txBody>
                    <a:bodyPr/>
                    <a:lstStyle/>
                    <a:p>
                      <a:pPr>
                        <a:lnSpc>
                          <a:spcPct val="100000"/>
                        </a:lnSpc>
                        <a:spcBef>
                          <a:spcPts val="225"/>
                        </a:spcBef>
                      </a:pPr>
                      <a:endParaRPr sz="1000">
                        <a:latin typeface="Times New Roman"/>
                        <a:cs typeface="Times New Roman"/>
                      </a:endParaRPr>
                    </a:p>
                    <a:p>
                      <a:pPr marL="60325">
                        <a:lnSpc>
                          <a:spcPct val="100000"/>
                        </a:lnSpc>
                      </a:pPr>
                      <a:r>
                        <a:rPr sz="1000" spc="-20" dirty="0">
                          <a:latin typeface="Meiryo UI"/>
                          <a:cs typeface="Meiryo UI"/>
                        </a:rPr>
                        <a:t>北海道</a:t>
                      </a:r>
                      <a:endParaRPr sz="1000">
                        <a:latin typeface="Meiryo UI"/>
                        <a:cs typeface="Meiryo UI"/>
                      </a:endParaRPr>
                    </a:p>
                  </a:txBody>
                  <a:tcPr marL="0" marR="0" marT="244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幕別町＊</a:t>
                      </a:r>
                      <a:endParaRPr sz="1000" dirty="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30"/>
                        </a:spcBef>
                      </a:pPr>
                      <a:endParaRPr sz="1000">
                        <a:latin typeface="Times New Roman"/>
                        <a:cs typeface="Times New Roman"/>
                      </a:endParaRPr>
                    </a:p>
                    <a:p>
                      <a:pPr marL="105410">
                        <a:lnSpc>
                          <a:spcPct val="100000"/>
                        </a:lnSpc>
                        <a:spcBef>
                          <a:spcPts val="5"/>
                        </a:spcBef>
                      </a:pPr>
                      <a:r>
                        <a:rPr sz="1000" b="1" spc="-50" dirty="0">
                          <a:latin typeface="Meiryo UI"/>
                          <a:cs typeface="Meiryo UI"/>
                        </a:rPr>
                        <a:t>⑥</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30"/>
                        </a:spcBef>
                      </a:pPr>
                      <a:endParaRPr sz="1000">
                        <a:latin typeface="Times New Roman"/>
                        <a:cs typeface="Times New Roman"/>
                      </a:endParaRPr>
                    </a:p>
                    <a:p>
                      <a:pPr marL="130810">
                        <a:lnSpc>
                          <a:spcPct val="100000"/>
                        </a:lnSpc>
                        <a:spcBef>
                          <a:spcPts val="5"/>
                        </a:spcBef>
                      </a:pPr>
                      <a:r>
                        <a:rPr sz="1000" spc="-20" dirty="0">
                          <a:latin typeface="Meiryo UI"/>
                          <a:cs typeface="Meiryo UI"/>
                        </a:rPr>
                        <a:t>奈良県</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宇陀市＊</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01"/>
                  </a:ext>
                </a:extLst>
              </a:tr>
              <a:tr h="250150">
                <a:tc vMerge="1">
                  <a:txBody>
                    <a:bodyPr/>
                    <a:lstStyle/>
                    <a:p>
                      <a:endParaRPr/>
                    </a:p>
                  </a:txBody>
                  <a:tcPr marL="0" marR="0" marT="2857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2857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音更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曽爾村</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2"/>
                  </a:ext>
                </a:extLst>
              </a:tr>
              <a:tr h="250150">
                <a:tc>
                  <a:txBody>
                    <a:bodyPr/>
                    <a:lstStyle/>
                    <a:p>
                      <a:pPr marL="1270" algn="ctr">
                        <a:lnSpc>
                          <a:spcPct val="100000"/>
                        </a:lnSpc>
                        <a:spcBef>
                          <a:spcPts val="455"/>
                        </a:spcBef>
                      </a:pPr>
                      <a:r>
                        <a:rPr sz="1000" b="1" spc="-50" dirty="0">
                          <a:latin typeface="Meiryo UI"/>
                          <a:cs typeface="Meiryo UI"/>
                        </a:rPr>
                        <a:t>②</a:t>
                      </a:r>
                      <a:endParaRPr sz="1000">
                        <a:latin typeface="Meiryo UI"/>
                        <a:cs typeface="Meiryo UI"/>
                      </a:endParaRPr>
                    </a:p>
                  </a:txBody>
                  <a:tcPr marL="0" marR="0" marT="49412"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55"/>
                        </a:spcBef>
                      </a:pPr>
                      <a:r>
                        <a:rPr sz="1000" spc="-20" dirty="0">
                          <a:latin typeface="Meiryo UI"/>
                          <a:cs typeface="Meiryo UI"/>
                        </a:rPr>
                        <a:t>秋田県</a:t>
                      </a:r>
                      <a:endParaRPr sz="1000">
                        <a:latin typeface="Meiryo UI"/>
                        <a:cs typeface="Meiryo UI"/>
                      </a:endParaRPr>
                    </a:p>
                  </a:txBody>
                  <a:tcPr marL="0" marR="0" marT="49412"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大館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御杖村</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3"/>
                  </a:ext>
                </a:extLst>
              </a:tr>
              <a:tr h="250150">
                <a:tc>
                  <a:txBody>
                    <a:bodyPr/>
                    <a:lstStyle/>
                    <a:p>
                      <a:pPr marL="1270" algn="ctr">
                        <a:lnSpc>
                          <a:spcPct val="100000"/>
                        </a:lnSpc>
                        <a:spcBef>
                          <a:spcPts val="455"/>
                        </a:spcBef>
                      </a:pPr>
                      <a:r>
                        <a:rPr sz="1000" b="1" spc="-50" dirty="0">
                          <a:latin typeface="Meiryo UI"/>
                          <a:cs typeface="Meiryo UI"/>
                        </a:rPr>
                        <a:t>③</a:t>
                      </a:r>
                      <a:endParaRPr sz="1000">
                        <a:latin typeface="Meiryo UI"/>
                        <a:cs typeface="Meiryo UI"/>
                      </a:endParaRPr>
                    </a:p>
                  </a:txBody>
                  <a:tcPr marL="0" marR="0" marT="49412"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55"/>
                        </a:spcBef>
                      </a:pPr>
                      <a:r>
                        <a:rPr sz="1000" spc="-20" dirty="0">
                          <a:latin typeface="Meiryo UI"/>
                          <a:cs typeface="Meiryo UI"/>
                        </a:rPr>
                        <a:t>滋賀県</a:t>
                      </a:r>
                      <a:endParaRPr sz="1000">
                        <a:latin typeface="Meiryo UI"/>
                        <a:cs typeface="Meiryo UI"/>
                      </a:endParaRPr>
                    </a:p>
                  </a:txBody>
                  <a:tcPr marL="0" marR="0" marT="49412"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草津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東吉野村</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4"/>
                  </a:ext>
                </a:extLst>
              </a:tr>
              <a:tr h="249003">
                <a:tc rowSpan="13">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350"/>
                        </a:spcBef>
                      </a:pPr>
                      <a:endParaRPr sz="1000">
                        <a:latin typeface="Times New Roman"/>
                        <a:cs typeface="Times New Roman"/>
                      </a:endParaRPr>
                    </a:p>
                    <a:p>
                      <a:pPr marL="90805">
                        <a:lnSpc>
                          <a:spcPct val="100000"/>
                        </a:lnSpc>
                      </a:pPr>
                      <a:r>
                        <a:rPr sz="1000" b="1" spc="-50" dirty="0">
                          <a:latin typeface="Meiryo UI"/>
                          <a:cs typeface="Meiryo UI"/>
                        </a:rPr>
                        <a:t>④</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13">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350"/>
                        </a:spcBef>
                      </a:pPr>
                      <a:endParaRPr sz="1000">
                        <a:latin typeface="Times New Roman"/>
                        <a:cs typeface="Times New Roman"/>
                      </a:endParaRPr>
                    </a:p>
                    <a:p>
                      <a:pPr marL="60325">
                        <a:lnSpc>
                          <a:spcPct val="100000"/>
                        </a:lnSpc>
                      </a:pPr>
                      <a:r>
                        <a:rPr sz="1000" spc="-20" dirty="0">
                          <a:latin typeface="Meiryo UI"/>
                          <a:cs typeface="Meiryo UI"/>
                        </a:rPr>
                        <a:t>大阪府</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15" dirty="0">
                          <a:latin typeface="Meiryo UI"/>
                          <a:cs typeface="Meiryo UI"/>
                        </a:rPr>
                        <a:t>岸和田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4"/>
                        </a:spcBef>
                      </a:pPr>
                      <a:r>
                        <a:rPr sz="1000" spc="-20" dirty="0">
                          <a:latin typeface="Meiryo UI"/>
                          <a:cs typeface="Meiryo UI"/>
                        </a:rPr>
                        <a:t>奈良県</a:t>
                      </a:r>
                      <a:endParaRPr sz="1000">
                        <a:latin typeface="Meiryo UI"/>
                        <a:cs typeface="Meiryo UI"/>
                      </a:endParaRPr>
                    </a:p>
                  </a:txBody>
                  <a:tcPr marL="0" marR="0" marT="47240"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05"/>
                  </a:ext>
                </a:extLst>
              </a:tr>
              <a:tr h="251871">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80"/>
                        </a:spcBef>
                      </a:pPr>
                      <a:r>
                        <a:rPr sz="1000" spc="-15" dirty="0">
                          <a:latin typeface="Meiryo UI"/>
                          <a:cs typeface="Meiryo UI"/>
                        </a:rPr>
                        <a:t>泉大津市</a:t>
                      </a:r>
                      <a:endParaRPr sz="1000">
                        <a:latin typeface="Meiryo UI"/>
                        <a:cs typeface="Meiryo UI"/>
                      </a:endParaRPr>
                    </a:p>
                  </a:txBody>
                  <a:tcPr marL="0" marR="0" marT="5212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55"/>
                        </a:spcBef>
                      </a:pPr>
                      <a:endParaRPr sz="1000">
                        <a:latin typeface="Times New Roman"/>
                        <a:cs typeface="Times New Roman"/>
                      </a:endParaRPr>
                    </a:p>
                    <a:p>
                      <a:pPr marL="105410">
                        <a:lnSpc>
                          <a:spcPct val="100000"/>
                        </a:lnSpc>
                      </a:pPr>
                      <a:r>
                        <a:rPr sz="1000" b="1" spc="-50" dirty="0">
                          <a:latin typeface="Meiryo UI"/>
                          <a:cs typeface="Meiryo UI"/>
                        </a:rPr>
                        <a:t>⑦</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55"/>
                        </a:spcBef>
                      </a:pPr>
                      <a:endParaRPr sz="1000">
                        <a:latin typeface="Times New Roman"/>
                        <a:cs typeface="Times New Roman"/>
                      </a:endParaRPr>
                    </a:p>
                    <a:p>
                      <a:pPr marL="55880">
                        <a:lnSpc>
                          <a:spcPct val="100000"/>
                        </a:lnSpc>
                      </a:pPr>
                      <a:r>
                        <a:rPr sz="1000" spc="-15" dirty="0">
                          <a:latin typeface="Meiryo UI"/>
                          <a:cs typeface="Meiryo UI"/>
                        </a:rPr>
                        <a:t>和歌山県</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0" dirty="0">
                          <a:latin typeface="Meiryo UI"/>
                          <a:cs typeface="Meiryo UI"/>
                        </a:rPr>
                        <a:t>和歌山県＊</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06"/>
                  </a:ext>
                </a:extLst>
              </a:tr>
              <a:tr h="251297">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15" dirty="0">
                          <a:latin typeface="Meiryo UI"/>
                          <a:cs typeface="Meiryo UI"/>
                        </a:rPr>
                        <a:t>貝塚市＊</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20" dirty="0">
                          <a:latin typeface="Meiryo UI"/>
                          <a:cs typeface="Meiryo UI"/>
                        </a:rPr>
                        <a:t>橋本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7"/>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9"/>
                        </a:spcBef>
                      </a:pPr>
                      <a:r>
                        <a:rPr sz="1000" spc="-15" dirty="0">
                          <a:latin typeface="Meiryo UI"/>
                          <a:cs typeface="Meiryo UI"/>
                        </a:rPr>
                        <a:t>泉佐野市</a:t>
                      </a:r>
                      <a:endParaRPr sz="1000">
                        <a:latin typeface="Meiryo UI"/>
                        <a:cs typeface="Meiryo UI"/>
                      </a:endParaRPr>
                    </a:p>
                  </a:txBody>
                  <a:tcPr marL="0" marR="0" marT="49954"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9"/>
                        </a:spcBef>
                      </a:pPr>
                      <a:r>
                        <a:rPr sz="1000" spc="-10" dirty="0">
                          <a:latin typeface="Meiryo UI"/>
                          <a:cs typeface="Meiryo UI"/>
                        </a:rPr>
                        <a:t>かつらぎ町</a:t>
                      </a:r>
                      <a:endParaRPr sz="1000">
                        <a:latin typeface="Meiryo UI"/>
                        <a:cs typeface="Meiryo UI"/>
                      </a:endParaRPr>
                    </a:p>
                  </a:txBody>
                  <a:tcPr marL="0" marR="0" marT="47783"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8"/>
                  </a:ext>
                </a:extLst>
              </a:tr>
              <a:tr h="251297">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64"/>
                        </a:spcBef>
                      </a:pPr>
                      <a:r>
                        <a:rPr sz="1000" spc="-20" dirty="0">
                          <a:latin typeface="Meiryo UI"/>
                          <a:cs typeface="Meiryo UI"/>
                        </a:rPr>
                        <a:t>和泉市</a:t>
                      </a:r>
                      <a:endParaRPr sz="1000">
                        <a:latin typeface="Meiryo UI"/>
                        <a:cs typeface="Meiryo UI"/>
                      </a:endParaRPr>
                    </a:p>
                  </a:txBody>
                  <a:tcPr marL="0" marR="0" marT="504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9"/>
                        </a:spcBef>
                      </a:pPr>
                      <a:r>
                        <a:rPr sz="1000" spc="-15" dirty="0">
                          <a:latin typeface="Meiryo UI"/>
                          <a:cs typeface="Meiryo UI"/>
                        </a:rPr>
                        <a:t>九度山町</a:t>
                      </a:r>
                      <a:endParaRPr sz="1000">
                        <a:latin typeface="Meiryo UI"/>
                        <a:cs typeface="Meiryo UI"/>
                      </a:endParaRPr>
                    </a:p>
                  </a:txBody>
                  <a:tcPr marL="0" marR="0" marT="47783"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09"/>
                  </a:ext>
                </a:extLst>
              </a:tr>
              <a:tr h="249003">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高石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高野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10"/>
                  </a:ext>
                </a:extLst>
              </a:tr>
              <a:tr h="251871">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20" dirty="0">
                          <a:latin typeface="Meiryo UI"/>
                          <a:cs typeface="Meiryo UI"/>
                        </a:rPr>
                        <a:t>泉南市</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3">
                  <a:txBody>
                    <a:bodyPr/>
                    <a:lstStyle/>
                    <a:p>
                      <a:pPr>
                        <a:lnSpc>
                          <a:spcPct val="100000"/>
                        </a:lnSpc>
                        <a:spcBef>
                          <a:spcPts val="1305"/>
                        </a:spcBef>
                      </a:pPr>
                      <a:endParaRPr sz="1000">
                        <a:latin typeface="Times New Roman"/>
                        <a:cs typeface="Times New Roman"/>
                      </a:endParaRPr>
                    </a:p>
                    <a:p>
                      <a:pPr marL="105410">
                        <a:lnSpc>
                          <a:spcPct val="100000"/>
                        </a:lnSpc>
                      </a:pPr>
                      <a:r>
                        <a:rPr sz="1000" b="1" spc="-50" dirty="0">
                          <a:latin typeface="Meiryo UI"/>
                          <a:cs typeface="Meiryo UI"/>
                        </a:rPr>
                        <a:t>⑧</a:t>
                      </a:r>
                      <a:endParaRPr sz="1000">
                        <a:latin typeface="Meiryo UI"/>
                        <a:cs typeface="Meiryo UI"/>
                      </a:endParaRPr>
                    </a:p>
                  </a:txBody>
                  <a:tcPr marL="0" marR="0" marT="141721"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3">
                  <a:txBody>
                    <a:bodyPr/>
                    <a:lstStyle/>
                    <a:p>
                      <a:pPr>
                        <a:lnSpc>
                          <a:spcPct val="100000"/>
                        </a:lnSpc>
                        <a:spcBef>
                          <a:spcPts val="1305"/>
                        </a:spcBef>
                      </a:pPr>
                      <a:endParaRPr sz="1000">
                        <a:latin typeface="Times New Roman"/>
                        <a:cs typeface="Times New Roman"/>
                      </a:endParaRPr>
                    </a:p>
                    <a:p>
                      <a:pPr marL="130810">
                        <a:lnSpc>
                          <a:spcPct val="100000"/>
                        </a:lnSpc>
                      </a:pPr>
                      <a:r>
                        <a:rPr sz="1000" spc="-20" dirty="0">
                          <a:latin typeface="Meiryo UI"/>
                          <a:cs typeface="Meiryo UI"/>
                        </a:rPr>
                        <a:t>島根県</a:t>
                      </a:r>
                      <a:endParaRPr sz="1000">
                        <a:latin typeface="Meiryo UI"/>
                        <a:cs typeface="Meiryo UI"/>
                      </a:endParaRPr>
                    </a:p>
                  </a:txBody>
                  <a:tcPr marL="0" marR="0" marT="141721"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5" dirty="0">
                          <a:latin typeface="Meiryo UI"/>
                          <a:cs typeface="Meiryo UI"/>
                        </a:rPr>
                        <a:t>益田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11"/>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阪南市</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津和野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12"/>
                  </a:ext>
                </a:extLst>
              </a:tr>
              <a:tr h="249003">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忠岡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20" dirty="0">
                          <a:latin typeface="Meiryo UI"/>
                          <a:cs typeface="Meiryo UI"/>
                        </a:rPr>
                        <a:t>吉賀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13"/>
                  </a:ext>
                </a:extLst>
              </a:tr>
              <a:tr h="251871">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20" dirty="0">
                          <a:latin typeface="Meiryo UI"/>
                          <a:cs typeface="Meiryo UI"/>
                        </a:rPr>
                        <a:t>熊取町</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3">
                  <a:txBody>
                    <a:bodyPr/>
                    <a:lstStyle/>
                    <a:p>
                      <a:pPr>
                        <a:lnSpc>
                          <a:spcPct val="100000"/>
                        </a:lnSpc>
                        <a:spcBef>
                          <a:spcPts val="1305"/>
                        </a:spcBef>
                      </a:pPr>
                      <a:endParaRPr sz="1000">
                        <a:latin typeface="Times New Roman"/>
                        <a:cs typeface="Times New Roman"/>
                      </a:endParaRPr>
                    </a:p>
                    <a:p>
                      <a:pPr marL="105410">
                        <a:lnSpc>
                          <a:spcPct val="100000"/>
                        </a:lnSpc>
                      </a:pPr>
                      <a:r>
                        <a:rPr sz="1000" b="1" spc="-50" dirty="0">
                          <a:latin typeface="Meiryo UI"/>
                          <a:cs typeface="Meiryo UI"/>
                        </a:rPr>
                        <a:t>⑨</a:t>
                      </a:r>
                      <a:endParaRPr sz="1000">
                        <a:latin typeface="Meiryo UI"/>
                        <a:cs typeface="Meiryo UI"/>
                      </a:endParaRPr>
                    </a:p>
                  </a:txBody>
                  <a:tcPr marL="0" marR="0" marT="141721"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3">
                  <a:txBody>
                    <a:bodyPr/>
                    <a:lstStyle/>
                    <a:p>
                      <a:pPr>
                        <a:lnSpc>
                          <a:spcPct val="100000"/>
                        </a:lnSpc>
                        <a:spcBef>
                          <a:spcPts val="1305"/>
                        </a:spcBef>
                      </a:pPr>
                      <a:endParaRPr sz="1000">
                        <a:latin typeface="Times New Roman"/>
                        <a:cs typeface="Times New Roman"/>
                      </a:endParaRPr>
                    </a:p>
                    <a:p>
                      <a:pPr marL="130810">
                        <a:lnSpc>
                          <a:spcPct val="100000"/>
                        </a:lnSpc>
                      </a:pPr>
                      <a:r>
                        <a:rPr sz="1000" spc="-20" dirty="0">
                          <a:latin typeface="Meiryo UI"/>
                          <a:cs typeface="Meiryo UI"/>
                        </a:rPr>
                        <a:t>広島県</a:t>
                      </a:r>
                      <a:endParaRPr sz="1000">
                        <a:latin typeface="Meiryo UI"/>
                        <a:cs typeface="Meiryo UI"/>
                      </a:endParaRPr>
                    </a:p>
                  </a:txBody>
                  <a:tcPr marL="0" marR="0" marT="141721"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5" dirty="0">
                          <a:latin typeface="Meiryo UI"/>
                          <a:cs typeface="Meiryo UI"/>
                        </a:rPr>
                        <a:t>広島県＊</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extLst>
                  <a:ext uri="{0D108BD9-81ED-4DB2-BD59-A6C34878D82A}">
                    <a16:rowId xmlns:a16="http://schemas.microsoft.com/office/drawing/2014/main" val="10014"/>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0" dirty="0">
                          <a:latin typeface="Meiryo UI"/>
                          <a:cs typeface="Meiryo UI"/>
                        </a:rPr>
                        <a:t>田尻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4"/>
                        </a:spcBef>
                      </a:pPr>
                      <a:r>
                        <a:rPr sz="1000" spc="-10" dirty="0">
                          <a:latin typeface="Meiryo UI"/>
                          <a:cs typeface="Meiryo UI"/>
                        </a:rPr>
                        <a:t>安芸太田町</a:t>
                      </a:r>
                      <a:endParaRPr sz="1000">
                        <a:latin typeface="Meiryo UI"/>
                        <a:cs typeface="Meiryo UI"/>
                      </a:endParaRPr>
                    </a:p>
                  </a:txBody>
                  <a:tcPr marL="0" marR="0" marT="47240"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extLst>
                  <a:ext uri="{0D108BD9-81ED-4DB2-BD59-A6C34878D82A}">
                    <a16:rowId xmlns:a16="http://schemas.microsoft.com/office/drawing/2014/main" val="10015"/>
                  </a:ext>
                </a:extLst>
              </a:tr>
              <a:tr h="249003">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55"/>
                        </a:spcBef>
                      </a:pPr>
                      <a:r>
                        <a:rPr sz="1000" spc="-25" dirty="0">
                          <a:latin typeface="Meiryo UI"/>
                          <a:cs typeface="Meiryo UI"/>
                        </a:rPr>
                        <a:t>岬町</a:t>
                      </a:r>
                      <a:endParaRPr sz="1000">
                        <a:latin typeface="Meiryo UI"/>
                        <a:cs typeface="Meiryo UI"/>
                      </a:endParaRPr>
                    </a:p>
                  </a:txBody>
                  <a:tcPr marL="0" marR="0" marT="49412"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vMerge="1">
                  <a:txBody>
                    <a:bodyPr/>
                    <a:lstStyle/>
                    <a:p>
                      <a:endParaRPr/>
                    </a:p>
                  </a:txBody>
                  <a:tcPr marL="0" marR="0" marT="165735"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165735"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北広島町</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extLst>
                  <a:ext uri="{0D108BD9-81ED-4DB2-BD59-A6C34878D82A}">
                    <a16:rowId xmlns:a16="http://schemas.microsoft.com/office/drawing/2014/main" val="10016"/>
                  </a:ext>
                </a:extLst>
              </a:tr>
              <a:tr h="251871">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80"/>
                        </a:spcBef>
                      </a:pPr>
                      <a:r>
                        <a:rPr sz="1000" spc="-20" dirty="0">
                          <a:latin typeface="Meiryo UI"/>
                          <a:cs typeface="Meiryo UI"/>
                        </a:rPr>
                        <a:t>大阪府</a:t>
                      </a:r>
                      <a:endParaRPr sz="1000">
                        <a:latin typeface="Meiryo UI"/>
                        <a:cs typeface="Meiryo UI"/>
                      </a:endParaRPr>
                    </a:p>
                  </a:txBody>
                  <a:tcPr marL="0" marR="0" marT="52127"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tc>
                  <a:txBody>
                    <a:bodyPr/>
                    <a:lstStyle/>
                    <a:p>
                      <a:pPr marL="26670" algn="ctr">
                        <a:lnSpc>
                          <a:spcPct val="100000"/>
                        </a:lnSpc>
                        <a:spcBef>
                          <a:spcPts val="445"/>
                        </a:spcBef>
                      </a:pPr>
                      <a:r>
                        <a:rPr sz="1000" b="1" spc="-50" dirty="0">
                          <a:latin typeface="Meiryo UI"/>
                          <a:cs typeface="Meiryo UI"/>
                        </a:rPr>
                        <a:t>⑩</a:t>
                      </a:r>
                      <a:endParaRPr sz="1000">
                        <a:latin typeface="Meiryo UI"/>
                        <a:cs typeface="Meiryo UI"/>
                      </a:endParaRPr>
                    </a:p>
                  </a:txBody>
                  <a:tcPr marL="0" marR="0" marT="48326"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45"/>
                        </a:spcBef>
                      </a:pPr>
                      <a:r>
                        <a:rPr sz="1000" spc="-20" dirty="0">
                          <a:latin typeface="Meiryo UI"/>
                          <a:cs typeface="Meiryo UI"/>
                        </a:rPr>
                        <a:t>広島県</a:t>
                      </a:r>
                      <a:endParaRPr sz="1000">
                        <a:latin typeface="Meiryo UI"/>
                        <a:cs typeface="Meiryo UI"/>
                      </a:endParaRPr>
                    </a:p>
                  </a:txBody>
                  <a:tcPr marL="0" marR="0" marT="48326"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45"/>
                        </a:spcBef>
                      </a:pPr>
                      <a:r>
                        <a:rPr sz="1000" spc="-15" dirty="0">
                          <a:latin typeface="Meiryo UI"/>
                          <a:cs typeface="Meiryo UI"/>
                        </a:rPr>
                        <a:t>三原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extLst>
                  <a:ext uri="{0D108BD9-81ED-4DB2-BD59-A6C34878D82A}">
                    <a16:rowId xmlns:a16="http://schemas.microsoft.com/office/drawing/2014/main" val="10017"/>
                  </a:ext>
                </a:extLst>
              </a:tr>
              <a:tr h="249003">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69"/>
                        </a:spcBef>
                      </a:pPr>
                      <a:endParaRPr sz="1000">
                        <a:latin typeface="Times New Roman"/>
                        <a:cs typeface="Times New Roman"/>
                      </a:endParaRPr>
                    </a:p>
                    <a:p>
                      <a:pPr marL="90805">
                        <a:lnSpc>
                          <a:spcPct val="100000"/>
                        </a:lnSpc>
                      </a:pPr>
                      <a:r>
                        <a:rPr sz="1000" b="1" spc="-50" dirty="0">
                          <a:latin typeface="Meiryo UI"/>
                          <a:cs typeface="Meiryo UI"/>
                        </a:rPr>
                        <a:t>⑤</a:t>
                      </a:r>
                      <a:endParaRPr sz="1000">
                        <a:latin typeface="Meiryo UI"/>
                        <a:cs typeface="Meiryo UI"/>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rowSpan="5">
                  <a:txBody>
                    <a:bodyPr/>
                    <a:lstStyle/>
                    <a:p>
                      <a:pPr>
                        <a:lnSpc>
                          <a:spcPct val="100000"/>
                        </a:lnSpc>
                      </a:pPr>
                      <a:endParaRPr sz="1000">
                        <a:latin typeface="Times New Roman"/>
                        <a:cs typeface="Times New Roman"/>
                      </a:endParaRPr>
                    </a:p>
                    <a:p>
                      <a:pPr>
                        <a:lnSpc>
                          <a:spcPct val="100000"/>
                        </a:lnSpc>
                      </a:pPr>
                      <a:endParaRPr sz="1000">
                        <a:latin typeface="Times New Roman"/>
                        <a:cs typeface="Times New Roman"/>
                      </a:endParaRPr>
                    </a:p>
                    <a:p>
                      <a:pPr>
                        <a:lnSpc>
                          <a:spcPct val="100000"/>
                        </a:lnSpc>
                        <a:spcBef>
                          <a:spcPts val="869"/>
                        </a:spcBef>
                      </a:pPr>
                      <a:endParaRPr sz="1000">
                        <a:latin typeface="Times New Roman"/>
                        <a:cs typeface="Times New Roman"/>
                      </a:endParaRPr>
                    </a:p>
                    <a:p>
                      <a:pPr marL="60325">
                        <a:lnSpc>
                          <a:spcPct val="100000"/>
                        </a:lnSpc>
                      </a:pPr>
                      <a:r>
                        <a:rPr sz="1000" spc="-20" dirty="0">
                          <a:latin typeface="Meiryo UI"/>
                          <a:cs typeface="Meiryo UI"/>
                        </a:rPr>
                        <a:t>兵庫県</a:t>
                      </a:r>
                      <a:endParaRPr sz="1000">
                        <a:latin typeface="Meiryo UI"/>
                        <a:cs typeface="Meiryo UI"/>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70"/>
                        </a:spcBef>
                      </a:pPr>
                      <a:r>
                        <a:rPr sz="1000" spc="-15" dirty="0">
                          <a:latin typeface="Meiryo UI"/>
                          <a:cs typeface="Meiryo UI"/>
                        </a:rPr>
                        <a:t>養父市＊</a:t>
                      </a:r>
                      <a:endParaRPr sz="1000">
                        <a:latin typeface="Meiryo UI"/>
                        <a:cs typeface="Meiryo UI"/>
                      </a:endParaRPr>
                    </a:p>
                  </a:txBody>
                  <a:tcPr marL="0" marR="0" marT="51041" marB="0">
                    <a:lnL w="6350">
                      <a:solidFill>
                        <a:srgbClr val="000000"/>
                      </a:solidFill>
                      <a:prstDash val="solid"/>
                    </a:lnL>
                    <a:lnR w="28575">
                      <a:solidFill>
                        <a:srgbClr val="000000"/>
                      </a:solidFill>
                      <a:prstDash val="solid"/>
                    </a:lnR>
                    <a:lnT w="28575">
                      <a:solidFill>
                        <a:srgbClr val="000000"/>
                      </a:solidFill>
                      <a:prstDash val="solid"/>
                    </a:lnT>
                    <a:lnB w="6350">
                      <a:solidFill>
                        <a:srgbClr val="000000"/>
                      </a:solidFill>
                      <a:prstDash val="solid"/>
                    </a:lnB>
                  </a:tcPr>
                </a:tc>
                <a:tc>
                  <a:txBody>
                    <a:bodyPr/>
                    <a:lstStyle/>
                    <a:p>
                      <a:pPr marL="26670" algn="ctr">
                        <a:lnSpc>
                          <a:spcPct val="100000"/>
                        </a:lnSpc>
                        <a:spcBef>
                          <a:spcPts val="430"/>
                        </a:spcBef>
                      </a:pPr>
                      <a:r>
                        <a:rPr sz="1000" b="1" spc="-50" dirty="0">
                          <a:latin typeface="Meiryo UI"/>
                          <a:cs typeface="Meiryo UI"/>
                        </a:rPr>
                        <a:t>⑪</a:t>
                      </a:r>
                      <a:endParaRPr sz="1000">
                        <a:latin typeface="Meiryo UI"/>
                        <a:cs typeface="Meiryo UI"/>
                      </a:endParaRPr>
                    </a:p>
                  </a:txBody>
                  <a:tcPr marL="0" marR="0" marT="46697"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a:txBody>
                    <a:bodyPr/>
                    <a:lstStyle/>
                    <a:p>
                      <a:pPr marL="1270" algn="ctr">
                        <a:lnSpc>
                          <a:spcPct val="100000"/>
                        </a:lnSpc>
                        <a:spcBef>
                          <a:spcPts val="430"/>
                        </a:spcBef>
                      </a:pPr>
                      <a:r>
                        <a:rPr sz="1000" spc="-20" dirty="0">
                          <a:latin typeface="Meiryo UI"/>
                          <a:cs typeface="Meiryo UI"/>
                        </a:rPr>
                        <a:t>山口県</a:t>
                      </a:r>
                      <a:endParaRPr sz="1000">
                        <a:latin typeface="Meiryo UI"/>
                        <a:cs typeface="Meiryo UI"/>
                      </a:endParaRPr>
                    </a:p>
                  </a:txBody>
                  <a:tcPr marL="0" marR="0" marT="46697"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6195">
                        <a:lnSpc>
                          <a:spcPct val="100000"/>
                        </a:lnSpc>
                        <a:spcBef>
                          <a:spcPts val="430"/>
                        </a:spcBef>
                      </a:pPr>
                      <a:r>
                        <a:rPr sz="1000" spc="-15" dirty="0">
                          <a:latin typeface="Meiryo UI"/>
                          <a:cs typeface="Meiryo UI"/>
                        </a:rPr>
                        <a:t>下関市＊</a:t>
                      </a:r>
                      <a:endParaRPr sz="1000">
                        <a:latin typeface="Meiryo UI"/>
                        <a:cs typeface="Meiryo UI"/>
                      </a:endParaRPr>
                    </a:p>
                  </a:txBody>
                  <a:tcPr marL="0" marR="0" marT="46697" marB="0">
                    <a:lnL w="635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extLst>
                  <a:ext uri="{0D108BD9-81ED-4DB2-BD59-A6C34878D82A}">
                    <a16:rowId xmlns:a16="http://schemas.microsoft.com/office/drawing/2014/main" val="10018"/>
                  </a:ext>
                </a:extLst>
              </a:tr>
              <a:tr h="254166">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80"/>
                        </a:spcBef>
                      </a:pPr>
                      <a:r>
                        <a:rPr sz="1000" spc="-20" dirty="0">
                          <a:latin typeface="Meiryo UI"/>
                          <a:cs typeface="Meiryo UI"/>
                        </a:rPr>
                        <a:t>豊岡市</a:t>
                      </a:r>
                      <a:endParaRPr sz="1000">
                        <a:latin typeface="Meiryo UI"/>
                        <a:cs typeface="Meiryo UI"/>
                      </a:endParaRPr>
                    </a:p>
                  </a:txBody>
                  <a:tcPr marL="0" marR="0" marT="52127"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rowSpan="4" gridSpan="3">
                  <a:txBody>
                    <a:bodyPr/>
                    <a:lstStyle/>
                    <a:p>
                      <a:pPr>
                        <a:lnSpc>
                          <a:spcPct val="100000"/>
                        </a:lnSpc>
                      </a:pPr>
                      <a:endParaRPr sz="1000" dirty="0">
                        <a:latin typeface="Times New Roman"/>
                        <a:cs typeface="Times New Roman"/>
                      </a:endParaRPr>
                    </a:p>
                  </a:txBody>
                  <a:tcPr marL="0" marR="0" marT="0" marB="0">
                    <a:lnL w="28575">
                      <a:solidFill>
                        <a:srgbClr val="000000"/>
                      </a:solidFill>
                      <a:prstDash val="solid"/>
                    </a:lnL>
                    <a:lnT w="28575">
                      <a:solidFill>
                        <a:srgbClr val="000000"/>
                      </a:solidFill>
                      <a:prstDash val="solid"/>
                    </a:lnT>
                  </a:tcPr>
                </a:tc>
                <a:tc rowSpan="4" hMerge="1">
                  <a:txBody>
                    <a:bodyPr/>
                    <a:lstStyle/>
                    <a:p>
                      <a:endParaRPr/>
                    </a:p>
                  </a:txBody>
                  <a:tcPr marL="0" marR="0" marT="0" marB="0"/>
                </a:tc>
                <a:tc rowSpan="4" hMerge="1">
                  <a:txBody>
                    <a:bodyPr/>
                    <a:lstStyle/>
                    <a:p>
                      <a:endParaRPr/>
                    </a:p>
                  </a:txBody>
                  <a:tcPr marL="0" marR="0" marT="0" marB="0"/>
                </a:tc>
                <a:extLst>
                  <a:ext uri="{0D108BD9-81ED-4DB2-BD59-A6C34878D82A}">
                    <a16:rowId xmlns:a16="http://schemas.microsoft.com/office/drawing/2014/main" val="10019"/>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45"/>
                        </a:spcBef>
                      </a:pPr>
                      <a:r>
                        <a:rPr sz="1000" spc="-20" dirty="0">
                          <a:latin typeface="Meiryo UI"/>
                          <a:cs typeface="Meiryo UI"/>
                        </a:rPr>
                        <a:t>朝来市</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gridSpan="3" vMerge="1">
                  <a:txBody>
                    <a:bodyPr/>
                    <a:lstStyle/>
                    <a:p>
                      <a:endParaRPr/>
                    </a:p>
                  </a:txBody>
                  <a:tcPr marL="0" marR="0" marT="0" marB="0">
                    <a:lnL w="28575">
                      <a:solidFill>
                        <a:srgbClr val="000000"/>
                      </a:solidFill>
                      <a:prstDash val="solid"/>
                    </a:lnL>
                    <a:lnT w="28575">
                      <a:solidFill>
                        <a:srgbClr val="000000"/>
                      </a:solidFill>
                      <a:prstDash val="solid"/>
                    </a:lnT>
                  </a:tcPr>
                </a:tc>
                <a:tc hMerge="1" vMerge="1">
                  <a:txBody>
                    <a:bodyPr/>
                    <a:lstStyle/>
                    <a:p>
                      <a:endParaRPr/>
                    </a:p>
                  </a:txBody>
                  <a:tcPr marL="0" marR="0" marT="0" marB="0"/>
                </a:tc>
                <a:tc hMerge="1" vMerge="1">
                  <a:txBody>
                    <a:bodyPr/>
                    <a:lstStyle/>
                    <a:p>
                      <a:endParaRPr/>
                    </a:p>
                  </a:txBody>
                  <a:tcPr marL="0" marR="0" marT="0" marB="0"/>
                </a:tc>
                <a:extLst>
                  <a:ext uri="{0D108BD9-81ED-4DB2-BD59-A6C34878D82A}">
                    <a16:rowId xmlns:a16="http://schemas.microsoft.com/office/drawing/2014/main" val="10020"/>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45"/>
                        </a:spcBef>
                      </a:pPr>
                      <a:r>
                        <a:rPr sz="1000" spc="-20" dirty="0">
                          <a:latin typeface="Meiryo UI"/>
                          <a:cs typeface="Meiryo UI"/>
                        </a:rPr>
                        <a:t>香美町</a:t>
                      </a:r>
                      <a:endParaRPr sz="100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6350">
                      <a:solidFill>
                        <a:srgbClr val="000000"/>
                      </a:solidFill>
                      <a:prstDash val="solid"/>
                    </a:lnB>
                  </a:tcPr>
                </a:tc>
                <a:tc gridSpan="3" vMerge="1">
                  <a:txBody>
                    <a:bodyPr/>
                    <a:lstStyle/>
                    <a:p>
                      <a:endParaRPr/>
                    </a:p>
                  </a:txBody>
                  <a:tcPr marL="0" marR="0" marT="0" marB="0">
                    <a:lnL w="28575">
                      <a:solidFill>
                        <a:srgbClr val="000000"/>
                      </a:solidFill>
                      <a:prstDash val="solid"/>
                    </a:lnL>
                    <a:lnT w="28575">
                      <a:solidFill>
                        <a:srgbClr val="000000"/>
                      </a:solidFill>
                      <a:prstDash val="solid"/>
                    </a:lnT>
                  </a:tcPr>
                </a:tc>
                <a:tc hMerge="1" vMerge="1">
                  <a:txBody>
                    <a:bodyPr/>
                    <a:lstStyle/>
                    <a:p>
                      <a:endParaRPr/>
                    </a:p>
                  </a:txBody>
                  <a:tcPr marL="0" marR="0" marT="0" marB="0"/>
                </a:tc>
                <a:tc hMerge="1" vMerge="1">
                  <a:txBody>
                    <a:bodyPr/>
                    <a:lstStyle/>
                    <a:p>
                      <a:endParaRPr/>
                    </a:p>
                  </a:txBody>
                  <a:tcPr marL="0" marR="0" marT="0" marB="0"/>
                </a:tc>
                <a:extLst>
                  <a:ext uri="{0D108BD9-81ED-4DB2-BD59-A6C34878D82A}">
                    <a16:rowId xmlns:a16="http://schemas.microsoft.com/office/drawing/2014/main" val="10021"/>
                  </a:ext>
                </a:extLst>
              </a:tr>
              <a:tr h="250150">
                <a:tc vMerge="1">
                  <a:txBody>
                    <a:bodyPr/>
                    <a:lstStyle/>
                    <a:p>
                      <a:endParaRPr/>
                    </a:p>
                  </a:txBody>
                  <a:tcPr marL="0" marR="0" marT="0" marB="0">
                    <a:lnL w="28575">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solidFill>
                      <a:srgbClr val="D8D8D8"/>
                    </a:solidFill>
                  </a:tcPr>
                </a:tc>
                <a:tc vMerge="1">
                  <a:txBody>
                    <a:bodyPr/>
                    <a:lstStyle/>
                    <a:p>
                      <a:endParaRPr/>
                    </a:p>
                  </a:txBody>
                  <a:tcPr marL="0" marR="0" marT="0" marB="0">
                    <a:lnL w="6350">
                      <a:solidFill>
                        <a:srgbClr val="000000"/>
                      </a:solidFill>
                      <a:prstDash val="solid"/>
                    </a:lnL>
                    <a:lnR w="6350">
                      <a:solidFill>
                        <a:srgbClr val="000000"/>
                      </a:solidFill>
                      <a:prstDash val="solid"/>
                    </a:lnR>
                    <a:lnT w="28575">
                      <a:solidFill>
                        <a:srgbClr val="000000"/>
                      </a:solidFill>
                      <a:prstDash val="solid"/>
                    </a:lnT>
                    <a:lnB w="28575">
                      <a:solidFill>
                        <a:srgbClr val="000000"/>
                      </a:solidFill>
                      <a:prstDash val="solid"/>
                    </a:lnB>
                  </a:tcPr>
                </a:tc>
                <a:tc>
                  <a:txBody>
                    <a:bodyPr/>
                    <a:lstStyle/>
                    <a:p>
                      <a:pPr marL="34925">
                        <a:lnSpc>
                          <a:spcPct val="100000"/>
                        </a:lnSpc>
                        <a:spcBef>
                          <a:spcPts val="445"/>
                        </a:spcBef>
                      </a:pPr>
                      <a:r>
                        <a:rPr sz="1000" spc="-15" dirty="0">
                          <a:latin typeface="Meiryo UI"/>
                          <a:cs typeface="Meiryo UI"/>
                        </a:rPr>
                        <a:t>新温泉町</a:t>
                      </a:r>
                      <a:endParaRPr sz="1000" dirty="0">
                        <a:latin typeface="Meiryo UI"/>
                        <a:cs typeface="Meiryo UI"/>
                      </a:endParaRPr>
                    </a:p>
                  </a:txBody>
                  <a:tcPr marL="0" marR="0" marT="48326" marB="0">
                    <a:lnL w="6350">
                      <a:solidFill>
                        <a:srgbClr val="000000"/>
                      </a:solidFill>
                      <a:prstDash val="solid"/>
                    </a:lnL>
                    <a:lnR w="28575">
                      <a:solidFill>
                        <a:srgbClr val="000000"/>
                      </a:solidFill>
                      <a:prstDash val="solid"/>
                    </a:lnR>
                    <a:lnT w="6350">
                      <a:solidFill>
                        <a:srgbClr val="000000"/>
                      </a:solidFill>
                      <a:prstDash val="solid"/>
                    </a:lnT>
                    <a:lnB w="28575">
                      <a:solidFill>
                        <a:srgbClr val="000000"/>
                      </a:solidFill>
                      <a:prstDash val="solid"/>
                    </a:lnB>
                  </a:tcPr>
                </a:tc>
                <a:tc gridSpan="3" vMerge="1">
                  <a:txBody>
                    <a:bodyPr/>
                    <a:lstStyle/>
                    <a:p>
                      <a:endParaRPr/>
                    </a:p>
                  </a:txBody>
                  <a:tcPr marL="0" marR="0" marT="0" marB="0">
                    <a:lnL w="28575">
                      <a:solidFill>
                        <a:srgbClr val="000000"/>
                      </a:solidFill>
                      <a:prstDash val="solid"/>
                    </a:lnL>
                    <a:lnT w="28575">
                      <a:solidFill>
                        <a:srgbClr val="000000"/>
                      </a:solidFill>
                      <a:prstDash val="solid"/>
                    </a:lnT>
                  </a:tcPr>
                </a:tc>
                <a:tc hMerge="1" vMerge="1">
                  <a:txBody>
                    <a:bodyPr/>
                    <a:lstStyle/>
                    <a:p>
                      <a:endParaRPr/>
                    </a:p>
                  </a:txBody>
                  <a:tcPr marL="0" marR="0" marT="0" marB="0"/>
                </a:tc>
                <a:tc hMerge="1" vMerge="1">
                  <a:txBody>
                    <a:bodyPr/>
                    <a:lstStyle/>
                    <a:p>
                      <a:endParaRPr/>
                    </a:p>
                  </a:txBody>
                  <a:tcPr marL="0" marR="0" marT="0" marB="0"/>
                </a:tc>
                <a:extLst>
                  <a:ext uri="{0D108BD9-81ED-4DB2-BD59-A6C34878D82A}">
                    <a16:rowId xmlns:a16="http://schemas.microsoft.com/office/drawing/2014/main" val="10022"/>
                  </a:ext>
                </a:extLst>
              </a:tr>
            </a:tbl>
          </a:graphicData>
        </a:graphic>
      </p:graphicFrame>
      <p:sp>
        <p:nvSpPr>
          <p:cNvPr id="22" name="object 22"/>
          <p:cNvSpPr txBox="1"/>
          <p:nvPr/>
        </p:nvSpPr>
        <p:spPr>
          <a:xfrm>
            <a:off x="4090691" y="2787509"/>
            <a:ext cx="1169064" cy="206113"/>
          </a:xfrm>
          <a:prstGeom prst="rect">
            <a:avLst/>
          </a:prstGeom>
          <a:solidFill>
            <a:srgbClr val="FF4F4F"/>
          </a:solidFill>
        </p:spPr>
        <p:txBody>
          <a:bodyPr vert="horz" wrap="square" lIns="0" tIns="47783" rIns="0" bIns="0" rtlCol="0">
            <a:spAutoFit/>
          </a:bodyPr>
          <a:lstStyle/>
          <a:p>
            <a:pPr marL="84706">
              <a:spcBef>
                <a:spcPts val="376"/>
              </a:spcBef>
            </a:pPr>
            <a:r>
              <a:rPr sz="1026" b="1" spc="9" dirty="0">
                <a:solidFill>
                  <a:srgbClr val="FFFFFF"/>
                </a:solidFill>
                <a:latin typeface="Meiryo UI"/>
                <a:cs typeface="Meiryo UI"/>
              </a:rPr>
              <a:t>⑤兵庫県 養父市</a:t>
            </a:r>
            <a:endParaRPr sz="1026">
              <a:latin typeface="Meiryo UI"/>
              <a:cs typeface="Meiryo UI"/>
            </a:endParaRPr>
          </a:p>
        </p:txBody>
      </p:sp>
      <p:sp>
        <p:nvSpPr>
          <p:cNvPr id="23" name="object 23"/>
          <p:cNvSpPr txBox="1"/>
          <p:nvPr/>
        </p:nvSpPr>
        <p:spPr>
          <a:xfrm>
            <a:off x="3728407" y="3315297"/>
            <a:ext cx="1169064" cy="206662"/>
          </a:xfrm>
          <a:prstGeom prst="rect">
            <a:avLst/>
          </a:prstGeom>
          <a:solidFill>
            <a:srgbClr val="FF4F4F"/>
          </a:solidFill>
        </p:spPr>
        <p:txBody>
          <a:bodyPr vert="horz" wrap="square" lIns="0" tIns="48326" rIns="0" bIns="0" rtlCol="0">
            <a:spAutoFit/>
          </a:bodyPr>
          <a:lstStyle/>
          <a:p>
            <a:pPr marL="85792">
              <a:spcBef>
                <a:spcPts val="381"/>
              </a:spcBef>
            </a:pPr>
            <a:r>
              <a:rPr sz="1026" b="1" spc="9" dirty="0">
                <a:solidFill>
                  <a:srgbClr val="FFFFFF"/>
                </a:solidFill>
                <a:latin typeface="Meiryo UI"/>
                <a:cs typeface="Meiryo UI"/>
              </a:rPr>
              <a:t>⑧島根県 益田市</a:t>
            </a:r>
            <a:endParaRPr sz="1026">
              <a:latin typeface="Meiryo UI"/>
              <a:cs typeface="Meiryo UI"/>
            </a:endParaRPr>
          </a:p>
        </p:txBody>
      </p:sp>
      <p:sp>
        <p:nvSpPr>
          <p:cNvPr id="24" name="object 24"/>
          <p:cNvSpPr txBox="1"/>
          <p:nvPr/>
        </p:nvSpPr>
        <p:spPr>
          <a:xfrm>
            <a:off x="3650215" y="3777928"/>
            <a:ext cx="1169064" cy="206662"/>
          </a:xfrm>
          <a:prstGeom prst="rect">
            <a:avLst/>
          </a:prstGeom>
          <a:solidFill>
            <a:srgbClr val="FF4F4F"/>
          </a:solidFill>
        </p:spPr>
        <p:txBody>
          <a:bodyPr vert="horz" wrap="square" lIns="0" tIns="48326" rIns="0" bIns="0" rtlCol="0">
            <a:spAutoFit/>
          </a:bodyPr>
          <a:lstStyle/>
          <a:p>
            <a:pPr marL="84706">
              <a:spcBef>
                <a:spcPts val="381"/>
              </a:spcBef>
            </a:pPr>
            <a:r>
              <a:rPr sz="1026" b="1" spc="9" dirty="0">
                <a:solidFill>
                  <a:srgbClr val="FFFFFF"/>
                </a:solidFill>
                <a:latin typeface="Meiryo UI"/>
                <a:cs typeface="Meiryo UI"/>
              </a:rPr>
              <a:t>⑪山口県 下関市</a:t>
            </a:r>
            <a:endParaRPr sz="1026">
              <a:latin typeface="Meiryo UI"/>
              <a:cs typeface="Meiryo UI"/>
            </a:endParaRPr>
          </a:p>
        </p:txBody>
      </p:sp>
      <p:sp>
        <p:nvSpPr>
          <p:cNvPr id="25" name="object 25"/>
          <p:cNvSpPr txBox="1"/>
          <p:nvPr/>
        </p:nvSpPr>
        <p:spPr>
          <a:xfrm>
            <a:off x="5005091" y="5536793"/>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垂直連携】</a:t>
            </a:r>
            <a:endParaRPr sz="727">
              <a:latin typeface="Meiryo UI"/>
              <a:cs typeface="Meiryo UI"/>
            </a:endParaRPr>
          </a:p>
        </p:txBody>
      </p:sp>
      <p:sp>
        <p:nvSpPr>
          <p:cNvPr id="26" name="object 26"/>
          <p:cNvSpPr txBox="1"/>
          <p:nvPr/>
        </p:nvSpPr>
        <p:spPr>
          <a:xfrm>
            <a:off x="6962471" y="4873470"/>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垂直連携】</a:t>
            </a:r>
            <a:endParaRPr sz="727">
              <a:latin typeface="Meiryo UI"/>
              <a:cs typeface="Meiryo UI"/>
            </a:endParaRPr>
          </a:p>
        </p:txBody>
      </p:sp>
      <p:sp>
        <p:nvSpPr>
          <p:cNvPr id="27" name="object 27"/>
          <p:cNvSpPr txBox="1"/>
          <p:nvPr/>
        </p:nvSpPr>
        <p:spPr>
          <a:xfrm>
            <a:off x="6360400" y="5313945"/>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
        <p:nvSpPr>
          <p:cNvPr id="28" name="object 28"/>
          <p:cNvSpPr txBox="1"/>
          <p:nvPr/>
        </p:nvSpPr>
        <p:spPr>
          <a:xfrm>
            <a:off x="4366530" y="3545526"/>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29" name="object 29"/>
          <p:cNvSpPr txBox="1"/>
          <p:nvPr/>
        </p:nvSpPr>
        <p:spPr>
          <a:xfrm>
            <a:off x="8218739" y="2473006"/>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0" name="object 30"/>
          <p:cNvSpPr txBox="1"/>
          <p:nvPr/>
        </p:nvSpPr>
        <p:spPr>
          <a:xfrm>
            <a:off x="5876919" y="2588990"/>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1" name="object 31"/>
          <p:cNvSpPr txBox="1"/>
          <p:nvPr/>
        </p:nvSpPr>
        <p:spPr>
          <a:xfrm>
            <a:off x="4749666" y="3033375"/>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2" name="object 32"/>
          <p:cNvSpPr txBox="1"/>
          <p:nvPr/>
        </p:nvSpPr>
        <p:spPr>
          <a:xfrm>
            <a:off x="7779566" y="4435600"/>
            <a:ext cx="485436" cy="234745"/>
          </a:xfrm>
          <a:prstGeom prst="rect">
            <a:avLst/>
          </a:prstGeom>
        </p:spPr>
        <p:txBody>
          <a:bodyPr vert="horz" wrap="square" lIns="0" tIns="10860" rIns="0" bIns="0" rtlCol="0">
            <a:spAutoFit/>
          </a:bodyPr>
          <a:lstStyle/>
          <a:p>
            <a:pPr marL="10860">
              <a:spcBef>
                <a:spcPts val="86"/>
              </a:spcBef>
            </a:pPr>
            <a:r>
              <a:rPr sz="727" spc="-9" dirty="0">
                <a:latin typeface="Meiryo UI"/>
                <a:cs typeface="Meiryo UI"/>
              </a:rPr>
              <a:t>【水平連携】</a:t>
            </a:r>
            <a:endParaRPr sz="727">
              <a:latin typeface="Meiryo UI"/>
              <a:cs typeface="Meiryo UI"/>
            </a:endParaRPr>
          </a:p>
        </p:txBody>
      </p:sp>
      <p:sp>
        <p:nvSpPr>
          <p:cNvPr id="33" name="object 33"/>
          <p:cNvSpPr txBox="1"/>
          <p:nvPr/>
        </p:nvSpPr>
        <p:spPr>
          <a:xfrm>
            <a:off x="4406929" y="4017278"/>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
        <p:nvSpPr>
          <p:cNvPr id="34" name="object 34"/>
          <p:cNvSpPr txBox="1"/>
          <p:nvPr/>
        </p:nvSpPr>
        <p:spPr>
          <a:xfrm>
            <a:off x="8242197" y="2946061"/>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
        <p:nvSpPr>
          <p:cNvPr id="35" name="object 35"/>
          <p:cNvSpPr txBox="1"/>
          <p:nvPr/>
        </p:nvSpPr>
        <p:spPr>
          <a:xfrm>
            <a:off x="8169218" y="3372203"/>
            <a:ext cx="392041" cy="122856"/>
          </a:xfrm>
          <a:prstGeom prst="rect">
            <a:avLst/>
          </a:prstGeom>
        </p:spPr>
        <p:txBody>
          <a:bodyPr vert="horz" wrap="square" lIns="0" tIns="10860" rIns="0" bIns="0" rtlCol="0">
            <a:spAutoFit/>
          </a:bodyPr>
          <a:lstStyle/>
          <a:p>
            <a:pPr marL="10860">
              <a:spcBef>
                <a:spcPts val="86"/>
              </a:spcBef>
            </a:pPr>
            <a:r>
              <a:rPr sz="727" spc="-13" dirty="0">
                <a:latin typeface="Meiryo UI"/>
                <a:cs typeface="Meiryo UI"/>
              </a:rPr>
              <a:t>＜単独＞</a:t>
            </a:r>
            <a:endParaRPr sz="727">
              <a:latin typeface="Meiryo UI"/>
              <a:cs typeface="Meiryo UI"/>
            </a:endParaRPr>
          </a:p>
        </p:txBody>
      </p:sp>
      <p:sp>
        <p:nvSpPr>
          <p:cNvPr id="36" name="object 36"/>
          <p:cNvSpPr txBox="1"/>
          <p:nvPr/>
        </p:nvSpPr>
        <p:spPr>
          <a:xfrm>
            <a:off x="6450810" y="178602"/>
            <a:ext cx="2510256" cy="233643"/>
          </a:xfrm>
          <a:prstGeom prst="rect">
            <a:avLst/>
          </a:prstGeom>
          <a:solidFill>
            <a:srgbClr val="FFFFFF"/>
          </a:solidFill>
          <a:ln w="13715">
            <a:solidFill>
              <a:srgbClr val="000000"/>
            </a:solidFill>
          </a:ln>
        </p:spPr>
        <p:txBody>
          <a:bodyPr vert="horz" wrap="square" lIns="0" tIns="61901" rIns="0" bIns="0" rtlCol="0">
            <a:spAutoFit/>
          </a:bodyPr>
          <a:lstStyle/>
          <a:p>
            <a:pPr marL="162897">
              <a:spcBef>
                <a:spcPts val="487"/>
              </a:spcBef>
            </a:pPr>
            <a:r>
              <a:rPr sz="1112" spc="-17" dirty="0">
                <a:latin typeface="Meiryo UI"/>
                <a:cs typeface="Meiryo UI"/>
              </a:rPr>
              <a:t>令和5年12月1</a:t>
            </a:r>
            <a:r>
              <a:rPr sz="1112" spc="-21" dirty="0">
                <a:latin typeface="Meiryo UI"/>
                <a:cs typeface="Meiryo UI"/>
              </a:rPr>
              <a:t>日  記者発表資料より</a:t>
            </a:r>
            <a:endParaRPr sz="1112" dirty="0">
              <a:latin typeface="Meiryo UI"/>
              <a:cs typeface="Meiryo UI"/>
            </a:endParaRPr>
          </a:p>
        </p:txBody>
      </p:sp>
    </p:spTree>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CE248048-DAE6-D27E-F1E6-4B00BB8C5507}"/>
              </a:ext>
            </a:extLst>
          </p:cNvPr>
          <p:cNvPicPr>
            <a:picLocks noChangeAspect="1"/>
          </p:cNvPicPr>
          <p:nvPr/>
        </p:nvPicPr>
        <p:blipFill>
          <a:blip r:embed="rId2"/>
          <a:stretch>
            <a:fillRect/>
          </a:stretch>
        </p:blipFill>
        <p:spPr>
          <a:xfrm>
            <a:off x="3046209" y="1397927"/>
            <a:ext cx="5563829" cy="4709846"/>
          </a:xfrm>
          <a:prstGeom prst="rect">
            <a:avLst/>
          </a:prstGeom>
        </p:spPr>
      </p:pic>
      <p:sp>
        <p:nvSpPr>
          <p:cNvPr id="3" name="テキスト ボックス 2">
            <a:extLst>
              <a:ext uri="{FF2B5EF4-FFF2-40B4-BE49-F238E27FC236}">
                <a16:creationId xmlns:a16="http://schemas.microsoft.com/office/drawing/2014/main" id="{FC9C3686-9F15-81DF-0118-D6B8C02594B1}"/>
              </a:ext>
            </a:extLst>
          </p:cNvPr>
          <p:cNvSpPr txBox="1"/>
          <p:nvPr/>
        </p:nvSpPr>
        <p:spPr>
          <a:xfrm>
            <a:off x="344026" y="1178637"/>
            <a:ext cx="5490606" cy="830997"/>
          </a:xfrm>
          <a:prstGeom prst="rect">
            <a:avLst/>
          </a:prstGeom>
          <a:noFill/>
        </p:spPr>
        <p:txBody>
          <a:bodyPr wrap="none" rtlCol="0">
            <a:spAutoFit/>
          </a:bodyPr>
          <a:lstStyle/>
          <a:p>
            <a:r>
              <a:rPr lang="ja-JP" altLang="en-US" sz="2400" dirty="0"/>
              <a:t>群を富山で考えると</a:t>
            </a:r>
            <a:endParaRPr lang="en-US" altLang="ja-JP" sz="2400" dirty="0"/>
          </a:p>
          <a:p>
            <a:r>
              <a:rPr lang="ja-JP" altLang="en-US" sz="2400" dirty="0"/>
              <a:t>全市町の首長、議長には</a:t>
            </a:r>
            <a:r>
              <a:rPr lang="en-US" altLang="ja-JP" sz="2400" dirty="0"/>
              <a:t>10</a:t>
            </a:r>
            <a:r>
              <a:rPr lang="ja-JP" altLang="en-US" sz="2400" dirty="0"/>
              <a:t>年前に説明</a:t>
            </a:r>
          </a:p>
        </p:txBody>
      </p:sp>
      <p:sp>
        <p:nvSpPr>
          <p:cNvPr id="4" name="テキスト ボックス 3">
            <a:extLst>
              <a:ext uri="{FF2B5EF4-FFF2-40B4-BE49-F238E27FC236}">
                <a16:creationId xmlns:a16="http://schemas.microsoft.com/office/drawing/2014/main" id="{D3C34B6B-F109-6934-02D0-EFECD5E08B62}"/>
              </a:ext>
            </a:extLst>
          </p:cNvPr>
          <p:cNvSpPr txBox="1"/>
          <p:nvPr/>
        </p:nvSpPr>
        <p:spPr>
          <a:xfrm>
            <a:off x="4572001" y="5286948"/>
            <a:ext cx="2877711" cy="415498"/>
          </a:xfrm>
          <a:prstGeom prst="rect">
            <a:avLst/>
          </a:prstGeom>
          <a:noFill/>
        </p:spPr>
        <p:txBody>
          <a:bodyPr wrap="none" rtlCol="0">
            <a:spAutoFit/>
          </a:bodyPr>
          <a:lstStyle/>
          <a:p>
            <a:r>
              <a:rPr lang="ja-JP" altLang="en-US" sz="2100" dirty="0"/>
              <a:t>どれだけまとまるか？</a:t>
            </a:r>
          </a:p>
        </p:txBody>
      </p:sp>
      <p:sp>
        <p:nvSpPr>
          <p:cNvPr id="5" name="楕円 4">
            <a:extLst>
              <a:ext uri="{FF2B5EF4-FFF2-40B4-BE49-F238E27FC236}">
                <a16:creationId xmlns:a16="http://schemas.microsoft.com/office/drawing/2014/main" id="{CB6E2D0C-D477-5C2B-1584-F85A883B1B1A}"/>
              </a:ext>
            </a:extLst>
          </p:cNvPr>
          <p:cNvSpPr/>
          <p:nvPr/>
        </p:nvSpPr>
        <p:spPr>
          <a:xfrm>
            <a:off x="3782962" y="2173544"/>
            <a:ext cx="4597809" cy="3638555"/>
          </a:xfrm>
          <a:prstGeom prst="ellipse">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sz="1534"/>
          </a:p>
        </p:txBody>
      </p:sp>
      <p:sp>
        <p:nvSpPr>
          <p:cNvPr id="6" name="テキスト ボックス 5">
            <a:extLst>
              <a:ext uri="{FF2B5EF4-FFF2-40B4-BE49-F238E27FC236}">
                <a16:creationId xmlns:a16="http://schemas.microsoft.com/office/drawing/2014/main" id="{253370CE-7302-7179-3541-E10F51626B4C}"/>
              </a:ext>
            </a:extLst>
          </p:cNvPr>
          <p:cNvSpPr txBox="1"/>
          <p:nvPr/>
        </p:nvSpPr>
        <p:spPr>
          <a:xfrm>
            <a:off x="344026" y="2073992"/>
            <a:ext cx="2646878" cy="1569660"/>
          </a:xfrm>
          <a:prstGeom prst="rect">
            <a:avLst/>
          </a:prstGeom>
          <a:noFill/>
        </p:spPr>
        <p:txBody>
          <a:bodyPr wrap="none" rtlCol="0">
            <a:spAutoFit/>
          </a:bodyPr>
          <a:lstStyle/>
          <a:p>
            <a:r>
              <a:rPr lang="ja-JP" altLang="en-US" sz="2400" dirty="0">
                <a:solidFill>
                  <a:srgbClr val="C00000"/>
                </a:solidFill>
              </a:rPr>
              <a:t>・県の存在</a:t>
            </a:r>
            <a:endParaRPr lang="en-US" altLang="ja-JP" sz="2400" dirty="0">
              <a:solidFill>
                <a:srgbClr val="C00000"/>
              </a:solidFill>
            </a:endParaRPr>
          </a:p>
          <a:p>
            <a:r>
              <a:rPr lang="ja-JP" altLang="en-US" sz="2400" dirty="0">
                <a:solidFill>
                  <a:srgbClr val="C00000"/>
                </a:solidFill>
              </a:rPr>
              <a:t>・首長のプライド</a:t>
            </a:r>
            <a:endParaRPr lang="en-US" altLang="ja-JP" sz="2400" dirty="0">
              <a:solidFill>
                <a:srgbClr val="C00000"/>
              </a:solidFill>
            </a:endParaRPr>
          </a:p>
          <a:p>
            <a:r>
              <a:rPr lang="ja-JP" altLang="en-US" sz="2400" dirty="0">
                <a:solidFill>
                  <a:srgbClr val="C00000"/>
                </a:solidFill>
              </a:rPr>
              <a:t>・議員のプライド</a:t>
            </a:r>
            <a:endParaRPr lang="en-US" altLang="ja-JP" sz="2400" dirty="0">
              <a:solidFill>
                <a:srgbClr val="C00000"/>
              </a:solidFill>
            </a:endParaRPr>
          </a:p>
          <a:p>
            <a:r>
              <a:rPr lang="ja-JP" altLang="en-US" sz="2400" dirty="0">
                <a:solidFill>
                  <a:srgbClr val="C00000"/>
                </a:solidFill>
              </a:rPr>
              <a:t>・職員のプライド</a:t>
            </a:r>
          </a:p>
        </p:txBody>
      </p:sp>
    </p:spTree>
    <p:extLst>
      <p:ext uri="{BB962C8B-B14F-4D97-AF65-F5344CB8AC3E}">
        <p14:creationId xmlns:p14="http://schemas.microsoft.com/office/powerpoint/2010/main" val="1938891179"/>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9500" y="-29613"/>
            <a:ext cx="8717748" cy="563562"/>
          </a:xfrm>
        </p:spPr>
        <p:txBody>
          <a:bodyPr>
            <a:normAutofit/>
          </a:bodyPr>
          <a:lstStyle/>
          <a:p>
            <a:pPr>
              <a:defRPr/>
            </a:pPr>
            <a:r>
              <a:rPr lang="ja-JP" altLang="en-US" sz="2800" b="1" dirty="0">
                <a:latin typeface="+mn-ea"/>
                <a:ea typeface="+mn-ea"/>
              </a:rPr>
              <a:t>既存技術を応用した点検の実証試験</a:t>
            </a:r>
          </a:p>
        </p:txBody>
      </p:sp>
      <p:sp>
        <p:nvSpPr>
          <p:cNvPr id="5" name="テキスト ボックス 4"/>
          <p:cNvSpPr txBox="1"/>
          <p:nvPr/>
        </p:nvSpPr>
        <p:spPr>
          <a:xfrm>
            <a:off x="3943552" y="1625164"/>
            <a:ext cx="1656000" cy="234000"/>
          </a:xfrm>
          <a:prstGeom prst="rect">
            <a:avLst/>
          </a:prstGeom>
          <a:solidFill>
            <a:srgbClr val="A3DAEB"/>
          </a:solidFill>
          <a:ln/>
          <a:effectLst/>
          <a:scene3d>
            <a:camera prst="orthographicFront">
              <a:rot lat="0" lon="0" rev="0"/>
            </a:camera>
            <a:lightRig rig="threePt" dir="t">
              <a:rot lat="0" lon="0" rev="1200000"/>
            </a:lightRig>
          </a:scene3d>
          <a:sp3d>
            <a:bevelT w="63500" h="38100"/>
          </a:sp3d>
        </p:spPr>
        <p:style>
          <a:lnRef idx="0">
            <a:schemeClr val="accent2"/>
          </a:lnRef>
          <a:fillRef idx="3">
            <a:schemeClr val="accent2"/>
          </a:fillRef>
          <a:effectRef idx="3">
            <a:schemeClr val="accent2"/>
          </a:effectRef>
          <a:fontRef idx="minor">
            <a:schemeClr val="lt1"/>
          </a:fontRef>
        </p:style>
        <p:txBody>
          <a:bodyPr lIns="0" tIns="36000" rIns="0" bIns="0" anchor="ctr"/>
          <a:lstStyle/>
          <a:p>
            <a:pPr algn="ctr">
              <a:lnSpc>
                <a:spcPts val="1600"/>
              </a:lnSpc>
              <a:spcBef>
                <a:spcPts val="0"/>
              </a:spcBef>
              <a:defRPr/>
            </a:pPr>
            <a:r>
              <a:rPr lang="ja-JP" altLang="en-US" sz="1200" b="1" dirty="0">
                <a:solidFill>
                  <a:schemeClr val="tx1"/>
                </a:solidFill>
                <a:latin typeface="MS UI Gothic" panose="020B0600070205080204" pitchFamily="50" charset="-128"/>
                <a:ea typeface="MS UI Gothic" panose="020B0600070205080204" pitchFamily="50" charset="-128"/>
              </a:rPr>
              <a:t>ファイバースコープシステム</a:t>
            </a:r>
          </a:p>
        </p:txBody>
      </p:sp>
      <p:sp>
        <p:nvSpPr>
          <p:cNvPr id="7" name="テキスト ボックス 6"/>
          <p:cNvSpPr txBox="1"/>
          <p:nvPr/>
        </p:nvSpPr>
        <p:spPr>
          <a:xfrm>
            <a:off x="2219088" y="1625164"/>
            <a:ext cx="1656000" cy="234000"/>
          </a:xfrm>
          <a:prstGeom prst="rect">
            <a:avLst/>
          </a:prstGeom>
          <a:solidFill>
            <a:srgbClr val="A3DAEB"/>
          </a:solidFill>
          <a:ln/>
          <a:effectLst/>
          <a:scene3d>
            <a:camera prst="orthographicFront">
              <a:rot lat="0" lon="0" rev="0"/>
            </a:camera>
            <a:lightRig rig="threePt" dir="t">
              <a:rot lat="0" lon="0" rev="1200000"/>
            </a:lightRig>
          </a:scene3d>
          <a:sp3d>
            <a:bevelT w="63500" h="38100"/>
          </a:sp3d>
        </p:spPr>
        <p:style>
          <a:lnRef idx="0">
            <a:schemeClr val="accent2"/>
          </a:lnRef>
          <a:fillRef idx="3">
            <a:schemeClr val="accent2"/>
          </a:fillRef>
          <a:effectRef idx="3">
            <a:schemeClr val="accent2"/>
          </a:effectRef>
          <a:fontRef idx="minor">
            <a:schemeClr val="lt1"/>
          </a:fontRef>
        </p:style>
        <p:txBody>
          <a:bodyPr lIns="0" tIns="36000" rIns="0" bIns="0" anchor="ctr"/>
          <a:lstStyle/>
          <a:p>
            <a:pPr algn="ctr">
              <a:lnSpc>
                <a:spcPts val="1600"/>
              </a:lnSpc>
              <a:spcBef>
                <a:spcPts val="0"/>
              </a:spcBef>
              <a:defRPr/>
            </a:pPr>
            <a:r>
              <a:rPr lang="ja-JP" altLang="en-US" sz="1200" b="1" dirty="0">
                <a:solidFill>
                  <a:schemeClr val="tx1"/>
                </a:solidFill>
                <a:latin typeface="MS UI Gothic" panose="020B0600070205080204" pitchFamily="50" charset="-128"/>
                <a:ea typeface="MS UI Gothic" panose="020B0600070205080204" pitchFamily="50" charset="-128"/>
              </a:rPr>
              <a:t>ステレオ画像解析システム</a:t>
            </a:r>
          </a:p>
        </p:txBody>
      </p:sp>
      <p:pic>
        <p:nvPicPr>
          <p:cNvPr id="8" name="Picture 6" descr="C:\Users\yt19461\Documents\My Data\10 KKC\H27年度\ち　中央官庁事業推進室\も　モニタリングシステム技術研究組合\30 プロジェクト管理\◆自治体ヒアリング\富山市\◆富山市の実験\報告資料の作成\二眼デジタルステレオビジョン　XB3\stereo.JPG"/>
          <p:cNvPicPr>
            <a:picLocks noChangeAspect="1" noChangeArrowheads="1"/>
          </p:cNvPicPr>
          <p:nvPr/>
        </p:nvPicPr>
        <p:blipFill rotWithShape="1">
          <a:blip r:embed="rId2"/>
          <a:srcRect l="5879" r="5400"/>
          <a:stretch/>
        </p:blipFill>
        <p:spPr bwMode="auto">
          <a:xfrm>
            <a:off x="2305050" y="1949450"/>
            <a:ext cx="1439863" cy="1081088"/>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9" name="テキスト ボックス 8"/>
          <p:cNvSpPr txBox="1"/>
          <p:nvPr/>
        </p:nvSpPr>
        <p:spPr>
          <a:xfrm>
            <a:off x="89388" y="1625164"/>
            <a:ext cx="306000" cy="1440000"/>
          </a:xfrm>
          <a:prstGeom prst="rect">
            <a:avLst/>
          </a:prstGeom>
          <a:solidFill>
            <a:srgbClr val="2CA9D0"/>
          </a:solidFill>
          <a:ln w="0">
            <a:noFill/>
          </a:ln>
          <a:effectLst/>
          <a:scene3d>
            <a:camera prst="orthographicFront"/>
            <a:lightRig rig="threePt" dir="t"/>
          </a:scene3d>
          <a:sp3d>
            <a:bevelT h="50800"/>
          </a:sp3d>
        </p:spPr>
        <p:txBody>
          <a:bodyPr vert="eaVert" lIns="0" tIns="0" rIns="0" bIns="0"/>
          <a:lstStyle/>
          <a:p>
            <a:pPr algn="ctr">
              <a:spcBef>
                <a:spcPts val="0"/>
              </a:spcBef>
              <a:defRPr/>
            </a:pPr>
            <a:r>
              <a:rPr lang="ja-JP" altLang="en-US" dirty="0">
                <a:solidFill>
                  <a:schemeClr val="bg1"/>
                </a:solidFill>
                <a:latin typeface="+mn-ea"/>
                <a:ea typeface="+mn-ea"/>
              </a:rPr>
              <a:t>使用機材</a:t>
            </a:r>
          </a:p>
        </p:txBody>
      </p:sp>
      <p:grpSp>
        <p:nvGrpSpPr>
          <p:cNvPr id="26637" name="グループ化 42"/>
          <p:cNvGrpSpPr>
            <a:grpSpLocks/>
          </p:cNvGrpSpPr>
          <p:nvPr/>
        </p:nvGrpSpPr>
        <p:grpSpPr bwMode="auto">
          <a:xfrm>
            <a:off x="893763" y="3319463"/>
            <a:ext cx="2016125" cy="1511300"/>
            <a:chOff x="893140" y="3398204"/>
            <a:chExt cx="2016000" cy="1512000"/>
          </a:xfrm>
        </p:grpSpPr>
        <p:pic>
          <p:nvPicPr>
            <p:cNvPr id="10" name="Picture 5" descr="C:\Users\yt19461\Documents\My Data\10 KKC\H27年度\ち　中央官庁事業推進室\も　モニタリングシステム技術研究組合\30 プロジェクト管理\◆自治体ヒアリング\富山市\◆富山市の実験\報告資料の作成\八尾大橋.jpg"/>
            <p:cNvPicPr>
              <a:picLocks noChangeAspect="1" noChangeArrowheads="1"/>
            </p:cNvPicPr>
            <p:nvPr/>
          </p:nvPicPr>
          <p:blipFill>
            <a:blip r:embed="rId3"/>
            <a:srcRect/>
            <a:stretch>
              <a:fillRect/>
            </a:stretch>
          </p:blipFill>
          <p:spPr bwMode="auto">
            <a:xfrm>
              <a:off x="893140" y="3398204"/>
              <a:ext cx="2016000" cy="1512000"/>
            </a:xfrm>
            <a:prstGeom prst="rect">
              <a:avLst/>
            </a:prstGeom>
            <a:noFill/>
            <a:ln w="0">
              <a:solidFill>
                <a:schemeClr val="tx1">
                  <a:lumMod val="50000"/>
                  <a:lumOff val="50000"/>
                </a:schemeClr>
              </a:solid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11" name="テキスト ボックス 10"/>
            <p:cNvSpPr txBox="1"/>
            <p:nvPr/>
          </p:nvSpPr>
          <p:spPr>
            <a:xfrm>
              <a:off x="1540800" y="4686262"/>
              <a:ext cx="720680" cy="184235"/>
            </a:xfrm>
            <a:prstGeom prst="rect">
              <a:avLst/>
            </a:prstGeom>
            <a:ln w="0">
              <a:solidFill>
                <a:schemeClr val="bg1"/>
              </a:solidFill>
            </a:ln>
            <a:effectLst/>
          </p:spPr>
          <p:style>
            <a:lnRef idx="1">
              <a:schemeClr val="accent2"/>
            </a:lnRef>
            <a:fillRef idx="1001">
              <a:schemeClr val="lt1"/>
            </a:fillRef>
            <a:effectRef idx="2">
              <a:schemeClr val="accent2"/>
            </a:effectRef>
            <a:fontRef idx="minor">
              <a:schemeClr val="lt1"/>
            </a:fontRef>
          </p:style>
          <p:txBody>
            <a:bodyPr lIns="0" tIns="0" rIns="0" bIns="0">
              <a:spAutoFit/>
            </a:bodyPr>
            <a:lstStyle/>
            <a:p>
              <a:pPr algn="ctr">
                <a:spcBef>
                  <a:spcPts val="0"/>
                </a:spcBef>
                <a:defRPr/>
              </a:pPr>
              <a:r>
                <a:rPr lang="ja-JP" altLang="en-US" sz="1200" dirty="0">
                  <a:solidFill>
                    <a:schemeClr val="tx1"/>
                  </a:solidFill>
                  <a:latin typeface="HGPｺﾞｼｯｸE" panose="020B0900000000000000" pitchFamily="50" charset="-128"/>
                  <a:ea typeface="HGPｺﾞｼｯｸE" panose="020B0900000000000000" pitchFamily="50" charset="-128"/>
                </a:rPr>
                <a:t>八尾大橋</a:t>
              </a:r>
            </a:p>
          </p:txBody>
        </p:sp>
      </p:grpSp>
      <p:grpSp>
        <p:nvGrpSpPr>
          <p:cNvPr id="26638" name="グループ化 41"/>
          <p:cNvGrpSpPr>
            <a:grpSpLocks/>
          </p:cNvGrpSpPr>
          <p:nvPr/>
        </p:nvGrpSpPr>
        <p:grpSpPr bwMode="auto">
          <a:xfrm>
            <a:off x="3752850" y="3319463"/>
            <a:ext cx="2063750" cy="1547812"/>
            <a:chOff x="3752686" y="3398204"/>
            <a:chExt cx="2064000" cy="1548000"/>
          </a:xfrm>
        </p:grpSpPr>
        <p:pic>
          <p:nvPicPr>
            <p:cNvPr id="1026" name="Picture 2" descr="C:\Users\yt19461\Documents\My Data\10 KKC\H27年度\ち　中央官庁事業推進室\も　モニタリングシステム技術研究組合\30 プロジェクト管理\◆自治体ヒアリング\富山市\◆富山市の実験\報告資料の作成_NEW\橋\神通大橋1.jpg"/>
            <p:cNvPicPr>
              <a:picLocks noChangeAspect="1" noChangeArrowheads="1"/>
            </p:cNvPicPr>
            <p:nvPr/>
          </p:nvPicPr>
          <p:blipFill>
            <a:blip r:embed="rId4"/>
            <a:srcRect/>
            <a:stretch>
              <a:fillRect/>
            </a:stretch>
          </p:blipFill>
          <p:spPr bwMode="auto">
            <a:xfrm>
              <a:off x="3752686" y="3398204"/>
              <a:ext cx="2064000" cy="1548000"/>
            </a:xfrm>
            <a:prstGeom prst="rect">
              <a:avLst/>
            </a:prstGeom>
            <a:noFill/>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4424280" y="4685822"/>
              <a:ext cx="720812" cy="185761"/>
            </a:xfrm>
            <a:prstGeom prst="rect">
              <a:avLst/>
            </a:prstGeom>
            <a:ln w="0">
              <a:solidFill>
                <a:schemeClr val="bg1"/>
              </a:solidFill>
            </a:ln>
            <a:effectLst/>
          </p:spPr>
          <p:style>
            <a:lnRef idx="1">
              <a:schemeClr val="accent2"/>
            </a:lnRef>
            <a:fillRef idx="1001">
              <a:schemeClr val="lt1"/>
            </a:fillRef>
            <a:effectRef idx="2">
              <a:schemeClr val="accent2"/>
            </a:effectRef>
            <a:fontRef idx="minor">
              <a:schemeClr val="lt1"/>
            </a:fontRef>
          </p:style>
          <p:txBody>
            <a:bodyPr lIns="0" tIns="0" rIns="0" bIns="0">
              <a:spAutoFit/>
            </a:bodyPr>
            <a:lstStyle/>
            <a:p>
              <a:pPr algn="ctr">
                <a:spcBef>
                  <a:spcPts val="0"/>
                </a:spcBef>
                <a:defRPr/>
              </a:pPr>
              <a:r>
                <a:rPr lang="ja-JP" altLang="en-US" sz="1200" dirty="0">
                  <a:solidFill>
                    <a:schemeClr val="tx1"/>
                  </a:solidFill>
                  <a:latin typeface="HGPｺﾞｼｯｸE" panose="020B0900000000000000" pitchFamily="50" charset="-128"/>
                  <a:ea typeface="HGPｺﾞｼｯｸE" panose="020B0900000000000000" pitchFamily="50" charset="-128"/>
                </a:rPr>
                <a:t>神通大橋</a:t>
              </a:r>
            </a:p>
          </p:txBody>
        </p:sp>
      </p:grpSp>
      <p:grpSp>
        <p:nvGrpSpPr>
          <p:cNvPr id="26639" name="グループ化 40"/>
          <p:cNvGrpSpPr>
            <a:grpSpLocks/>
          </p:cNvGrpSpPr>
          <p:nvPr/>
        </p:nvGrpSpPr>
        <p:grpSpPr bwMode="auto">
          <a:xfrm>
            <a:off x="6659563" y="3319463"/>
            <a:ext cx="2016125" cy="1511300"/>
            <a:chOff x="6660232" y="3398204"/>
            <a:chExt cx="2016000" cy="1512000"/>
          </a:xfrm>
        </p:grpSpPr>
        <p:pic>
          <p:nvPicPr>
            <p:cNvPr id="14" name="Picture 3" descr="C:\Users\yt19461\Documents\My Data\10 KKC\H27年度\ち　中央官庁事業推進室\も　モニタリングシステム技術研究組合\30 プロジェクト管理\◆自治体ヒアリング\富山市\◆富山市の実験\報告資料の作成\野積橋.jpg"/>
            <p:cNvPicPr>
              <a:picLocks noChangeAspect="1" noChangeArrowheads="1"/>
            </p:cNvPicPr>
            <p:nvPr/>
          </p:nvPicPr>
          <p:blipFill>
            <a:blip r:embed="rId5"/>
            <a:srcRect/>
            <a:stretch>
              <a:fillRect/>
            </a:stretch>
          </p:blipFill>
          <p:spPr bwMode="auto">
            <a:xfrm>
              <a:off x="6660232" y="3398204"/>
              <a:ext cx="2016000" cy="1512000"/>
            </a:xfrm>
            <a:prstGeom prst="rect">
              <a:avLst/>
            </a:prstGeom>
            <a:noFill/>
            <a:ln w="0">
              <a:solidFill>
                <a:schemeClr val="tx1">
                  <a:lumMod val="50000"/>
                  <a:lumOff val="50000"/>
                </a:schemeClr>
              </a:solid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7307892" y="4686262"/>
              <a:ext cx="720680" cy="184235"/>
            </a:xfrm>
            <a:prstGeom prst="rect">
              <a:avLst/>
            </a:prstGeom>
            <a:ln w="0">
              <a:solidFill>
                <a:schemeClr val="bg1"/>
              </a:solidFill>
            </a:ln>
            <a:effectLst/>
          </p:spPr>
          <p:style>
            <a:lnRef idx="1">
              <a:schemeClr val="accent2"/>
            </a:lnRef>
            <a:fillRef idx="1001">
              <a:schemeClr val="lt1"/>
            </a:fillRef>
            <a:effectRef idx="2">
              <a:schemeClr val="accent2"/>
            </a:effectRef>
            <a:fontRef idx="minor">
              <a:schemeClr val="lt1"/>
            </a:fontRef>
          </p:style>
          <p:txBody>
            <a:bodyPr lIns="0" tIns="0" rIns="0" bIns="0">
              <a:spAutoFit/>
            </a:bodyPr>
            <a:lstStyle/>
            <a:p>
              <a:pPr algn="ctr">
                <a:spcBef>
                  <a:spcPts val="0"/>
                </a:spcBef>
                <a:defRPr/>
              </a:pPr>
              <a:r>
                <a:rPr lang="ja-JP" altLang="en-US" sz="1200" dirty="0">
                  <a:solidFill>
                    <a:schemeClr val="tx1"/>
                  </a:solidFill>
                  <a:latin typeface="HGPｺﾞｼｯｸE" panose="020B0900000000000000" pitchFamily="50" charset="-128"/>
                  <a:ea typeface="HGPｺﾞｼｯｸE" panose="020B0900000000000000" pitchFamily="50" charset="-128"/>
                </a:rPr>
                <a:t>野積橋</a:t>
              </a:r>
            </a:p>
          </p:txBody>
        </p:sp>
      </p:grpSp>
      <p:sp>
        <p:nvSpPr>
          <p:cNvPr id="16" name="テキスト ボックス 15"/>
          <p:cNvSpPr txBox="1"/>
          <p:nvPr/>
        </p:nvSpPr>
        <p:spPr>
          <a:xfrm>
            <a:off x="89388" y="3371949"/>
            <a:ext cx="306000" cy="1440000"/>
          </a:xfrm>
          <a:prstGeom prst="rect">
            <a:avLst/>
          </a:prstGeom>
          <a:solidFill>
            <a:srgbClr val="FF9900"/>
          </a:solidFill>
          <a:ln w="0">
            <a:noFill/>
          </a:ln>
          <a:effectLst/>
          <a:scene3d>
            <a:camera prst="orthographicFront"/>
            <a:lightRig rig="threePt" dir="t"/>
          </a:scene3d>
          <a:sp3d>
            <a:bevelT h="50800"/>
          </a:sp3d>
        </p:spPr>
        <p:txBody>
          <a:bodyPr vert="eaVert" lIns="0" tIns="0" rIns="0" bIns="0"/>
          <a:lstStyle/>
          <a:p>
            <a:pPr algn="ctr">
              <a:spcBef>
                <a:spcPts val="0"/>
              </a:spcBef>
              <a:defRPr/>
            </a:pPr>
            <a:r>
              <a:rPr lang="ja-JP" altLang="en-US" dirty="0">
                <a:solidFill>
                  <a:schemeClr val="bg1"/>
                </a:solidFill>
                <a:latin typeface="+mn-ea"/>
                <a:ea typeface="+mn-ea"/>
              </a:rPr>
              <a:t>対象橋梁</a:t>
            </a:r>
          </a:p>
        </p:txBody>
      </p:sp>
      <p:sp>
        <p:nvSpPr>
          <p:cNvPr id="17" name="テキスト ボックス 16"/>
          <p:cNvSpPr txBox="1"/>
          <p:nvPr/>
        </p:nvSpPr>
        <p:spPr>
          <a:xfrm>
            <a:off x="89388" y="5118734"/>
            <a:ext cx="306000" cy="1622634"/>
          </a:xfrm>
          <a:prstGeom prst="rect">
            <a:avLst/>
          </a:prstGeom>
          <a:solidFill>
            <a:srgbClr val="79C400"/>
          </a:solidFill>
          <a:ln w="0">
            <a:noFill/>
          </a:ln>
          <a:effectLst/>
          <a:scene3d>
            <a:camera prst="orthographicFront"/>
            <a:lightRig rig="threePt" dir="t"/>
          </a:scene3d>
          <a:sp3d>
            <a:bevelT h="50800"/>
          </a:sp3d>
        </p:spPr>
        <p:txBody>
          <a:bodyPr vert="eaVert" lIns="0" tIns="0" rIns="0" bIns="0"/>
          <a:lstStyle/>
          <a:p>
            <a:pPr algn="ctr">
              <a:spcBef>
                <a:spcPts val="0"/>
              </a:spcBef>
              <a:defRPr/>
            </a:pPr>
            <a:r>
              <a:rPr lang="ja-JP" altLang="en-US" dirty="0">
                <a:solidFill>
                  <a:schemeClr val="bg1"/>
                </a:solidFill>
                <a:latin typeface="+mn-ea"/>
                <a:ea typeface="+mn-ea"/>
              </a:rPr>
              <a:t>試験テーマ</a:t>
            </a:r>
          </a:p>
        </p:txBody>
      </p:sp>
      <p:sp>
        <p:nvSpPr>
          <p:cNvPr id="18" name="テキスト ボックス 17"/>
          <p:cNvSpPr txBox="1"/>
          <p:nvPr/>
        </p:nvSpPr>
        <p:spPr>
          <a:xfrm>
            <a:off x="511892" y="5118734"/>
            <a:ext cx="1620000" cy="234000"/>
          </a:xfrm>
          <a:prstGeom prst="rect">
            <a:avLst/>
          </a:prstGeom>
          <a:solidFill>
            <a:srgbClr val="C9FF71"/>
          </a:solidFill>
          <a:ln w="0">
            <a:noFill/>
          </a:ln>
          <a:effectLst/>
          <a:scene3d>
            <a:camera prst="orthographicFront"/>
            <a:lightRig rig="threePt" dir="t"/>
          </a:scene3d>
          <a:sp3d>
            <a:bevelT w="63500" h="38100"/>
          </a:sp3d>
        </p:spPr>
        <p:style>
          <a:lnRef idx="1">
            <a:schemeClr val="accent2"/>
          </a:lnRef>
          <a:fillRef idx="3">
            <a:schemeClr val="accent2"/>
          </a:fillRef>
          <a:effectRef idx="2">
            <a:schemeClr val="accent2"/>
          </a:effectRef>
          <a:fontRef idx="minor">
            <a:schemeClr val="lt1"/>
          </a:fontRef>
        </p:style>
        <p:txBody>
          <a:bodyPr lIns="0" tIns="36000" rIns="0" bIns="0"/>
          <a:lstStyle/>
          <a:p>
            <a:pPr algn="ctr">
              <a:spcBef>
                <a:spcPts val="0"/>
              </a:spcBef>
              <a:defRPr/>
            </a:pPr>
            <a:r>
              <a:rPr lang="ja-JP" altLang="en-US" sz="1200" b="1" dirty="0">
                <a:solidFill>
                  <a:schemeClr val="tx1"/>
                </a:solidFill>
                <a:latin typeface="MS UI Gothic" panose="020B0600070205080204" pitchFamily="50" charset="-128"/>
                <a:ea typeface="MS UI Gothic" panose="020B0600070205080204" pitchFamily="50" charset="-128"/>
              </a:rPr>
              <a:t>①床版のひび割れ点検</a:t>
            </a:r>
          </a:p>
        </p:txBody>
      </p:sp>
      <p:sp>
        <p:nvSpPr>
          <p:cNvPr id="19" name="テキスト ボックス 18"/>
          <p:cNvSpPr txBox="1"/>
          <p:nvPr/>
        </p:nvSpPr>
        <p:spPr>
          <a:xfrm>
            <a:off x="511175" y="5392738"/>
            <a:ext cx="1620838" cy="1152525"/>
          </a:xfrm>
          <a:prstGeom prst="rect">
            <a:avLst/>
          </a:prstGeom>
          <a:solidFill>
            <a:schemeClr val="bg1"/>
          </a:solidFill>
          <a:ln w="12700">
            <a:solidFill>
              <a:schemeClr val="bg1">
                <a:lumMod val="65000"/>
              </a:schemeClr>
            </a:solidFill>
          </a:ln>
          <a:effectLst>
            <a:outerShdw blurRad="50800" dist="38100" dir="2700000" algn="tl" rotWithShape="0">
              <a:prstClr val="black">
                <a:alpha val="40000"/>
              </a:prstClr>
            </a:outerShdw>
          </a:effectLst>
        </p:spPr>
        <p:style>
          <a:lnRef idx="2">
            <a:schemeClr val="accent3">
              <a:shade val="50000"/>
            </a:schemeClr>
          </a:lnRef>
          <a:fillRef idx="1">
            <a:schemeClr val="accent3"/>
          </a:fillRef>
          <a:effectRef idx="0">
            <a:schemeClr val="accent3"/>
          </a:effectRef>
          <a:fontRef idx="minor">
            <a:schemeClr val="lt1"/>
          </a:fontRef>
        </p:style>
        <p:txBody>
          <a:bodyPr lIns="36000" tIns="0" rIns="36000" bIns="0"/>
          <a:lstStyle/>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ひび割れの把握性能</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装置開発の性能整理</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正規化処理</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画像の統合手法</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プラットホームの構成</a:t>
            </a:r>
            <a:endParaRPr lang="en-US" altLang="ja-JP" sz="1200" dirty="0">
              <a:solidFill>
                <a:schemeClr val="tx1"/>
              </a:solidFill>
              <a:latin typeface="ＭＳ Ｐゴシック" panose="020B0600070205080204" pitchFamily="50" charset="-128"/>
            </a:endParaRPr>
          </a:p>
        </p:txBody>
      </p:sp>
      <p:sp>
        <p:nvSpPr>
          <p:cNvPr id="20" name="テキスト ボックス 19"/>
          <p:cNvSpPr txBox="1"/>
          <p:nvPr/>
        </p:nvSpPr>
        <p:spPr>
          <a:xfrm>
            <a:off x="2238914" y="5118734"/>
            <a:ext cx="1620000" cy="234000"/>
          </a:xfrm>
          <a:prstGeom prst="rect">
            <a:avLst/>
          </a:prstGeom>
          <a:solidFill>
            <a:srgbClr val="C9FF71"/>
          </a:solidFill>
          <a:ln w="0">
            <a:noFill/>
          </a:ln>
          <a:effectLst/>
          <a:scene3d>
            <a:camera prst="orthographicFront"/>
            <a:lightRig rig="threePt" dir="t"/>
          </a:scene3d>
          <a:sp3d>
            <a:bevelT w="63500" h="38100"/>
          </a:sp3d>
        </p:spPr>
        <p:style>
          <a:lnRef idx="1">
            <a:schemeClr val="accent2"/>
          </a:lnRef>
          <a:fillRef idx="3">
            <a:schemeClr val="accent2"/>
          </a:fillRef>
          <a:effectRef idx="2">
            <a:schemeClr val="accent2"/>
          </a:effectRef>
          <a:fontRef idx="minor">
            <a:schemeClr val="lt1"/>
          </a:fontRef>
        </p:style>
        <p:txBody>
          <a:bodyPr lIns="0" tIns="36000" rIns="0" bIns="0"/>
          <a:lstStyle/>
          <a:p>
            <a:pPr algn="ctr">
              <a:spcBef>
                <a:spcPts val="0"/>
              </a:spcBef>
              <a:defRPr/>
            </a:pPr>
            <a:r>
              <a:rPr lang="ja-JP" altLang="en-US" sz="1200" b="1" dirty="0">
                <a:solidFill>
                  <a:schemeClr val="tx1"/>
                </a:solidFill>
                <a:latin typeface="MS UI Gothic" panose="020B0600070205080204" pitchFamily="50" charset="-128"/>
                <a:ea typeface="MS UI Gothic" panose="020B0600070205080204" pitchFamily="50" charset="-128"/>
              </a:rPr>
              <a:t>②劣化・損傷個所の計測</a:t>
            </a:r>
          </a:p>
        </p:txBody>
      </p:sp>
      <p:sp>
        <p:nvSpPr>
          <p:cNvPr id="21" name="テキスト ボックス 20"/>
          <p:cNvSpPr txBox="1"/>
          <p:nvPr/>
        </p:nvSpPr>
        <p:spPr>
          <a:xfrm>
            <a:off x="2238375" y="5392738"/>
            <a:ext cx="1620838" cy="1152525"/>
          </a:xfrm>
          <a:prstGeom prst="rect">
            <a:avLst/>
          </a:prstGeom>
          <a:solidFill>
            <a:schemeClr val="bg1"/>
          </a:solidFill>
          <a:ln w="12700">
            <a:solidFill>
              <a:schemeClr val="bg1">
                <a:lumMod val="65000"/>
              </a:schemeClr>
            </a:solidFill>
          </a:ln>
          <a:effectLst>
            <a:outerShdw blurRad="50800" dist="38100" dir="2700000" algn="tl" rotWithShape="0">
              <a:prstClr val="black">
                <a:alpha val="40000"/>
              </a:prstClr>
            </a:outerShdw>
          </a:effectLst>
        </p:spPr>
        <p:style>
          <a:lnRef idx="2">
            <a:schemeClr val="accent3">
              <a:shade val="50000"/>
            </a:schemeClr>
          </a:lnRef>
          <a:fillRef idx="1">
            <a:schemeClr val="accent3"/>
          </a:fillRef>
          <a:effectRef idx="0">
            <a:schemeClr val="accent3"/>
          </a:effectRef>
          <a:fontRef idx="minor">
            <a:schemeClr val="lt1"/>
          </a:fontRef>
        </p:style>
        <p:txBody>
          <a:bodyPr lIns="36000" tIns="0" rIns="36000" bIns="0"/>
          <a:lstStyle/>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高所など近づけない劣化・損傷箇所の把握性能</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劣化・損傷箇所の計測性能</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機器の操作性</a:t>
            </a:r>
          </a:p>
        </p:txBody>
      </p:sp>
      <p:sp>
        <p:nvSpPr>
          <p:cNvPr id="22" name="テキスト ボックス 21"/>
          <p:cNvSpPr txBox="1"/>
          <p:nvPr/>
        </p:nvSpPr>
        <p:spPr>
          <a:xfrm>
            <a:off x="3965936" y="5118734"/>
            <a:ext cx="1620000" cy="234000"/>
          </a:xfrm>
          <a:prstGeom prst="rect">
            <a:avLst/>
          </a:prstGeom>
          <a:solidFill>
            <a:srgbClr val="C9FF71"/>
          </a:solidFill>
          <a:ln w="0">
            <a:noFill/>
          </a:ln>
          <a:effectLst/>
          <a:scene3d>
            <a:camera prst="orthographicFront"/>
            <a:lightRig rig="threePt" dir="t"/>
          </a:scene3d>
          <a:sp3d>
            <a:bevelT w="63500" h="38100"/>
          </a:sp3d>
        </p:spPr>
        <p:style>
          <a:lnRef idx="1">
            <a:schemeClr val="accent2"/>
          </a:lnRef>
          <a:fillRef idx="3">
            <a:schemeClr val="accent2"/>
          </a:fillRef>
          <a:effectRef idx="2">
            <a:schemeClr val="accent2"/>
          </a:effectRef>
          <a:fontRef idx="minor">
            <a:schemeClr val="lt1"/>
          </a:fontRef>
        </p:style>
        <p:txBody>
          <a:bodyPr lIns="0" tIns="36000" rIns="0" bIns="0"/>
          <a:lstStyle/>
          <a:p>
            <a:pPr algn="ctr">
              <a:spcBef>
                <a:spcPts val="0"/>
              </a:spcBef>
              <a:defRPr/>
            </a:pPr>
            <a:r>
              <a:rPr lang="ja-JP" altLang="en-US" sz="1200" b="1" dirty="0">
                <a:solidFill>
                  <a:schemeClr val="tx1"/>
                </a:solidFill>
                <a:latin typeface="MS UI Gothic" panose="020B0600070205080204" pitchFamily="50" charset="-128"/>
                <a:ea typeface="MS UI Gothic" panose="020B0600070205080204" pitchFamily="50" charset="-128"/>
              </a:rPr>
              <a:t>③狭隘箇所の点検</a:t>
            </a:r>
          </a:p>
        </p:txBody>
      </p:sp>
      <p:sp>
        <p:nvSpPr>
          <p:cNvPr id="23" name="テキスト ボックス 22"/>
          <p:cNvSpPr txBox="1"/>
          <p:nvPr/>
        </p:nvSpPr>
        <p:spPr>
          <a:xfrm>
            <a:off x="3965575" y="5392738"/>
            <a:ext cx="1620838" cy="1152525"/>
          </a:xfrm>
          <a:prstGeom prst="rect">
            <a:avLst/>
          </a:prstGeom>
          <a:solidFill>
            <a:schemeClr val="bg1"/>
          </a:solidFill>
          <a:ln w="12700">
            <a:solidFill>
              <a:schemeClr val="bg1">
                <a:lumMod val="65000"/>
              </a:schemeClr>
            </a:solidFill>
          </a:ln>
          <a:effectLst>
            <a:outerShdw blurRad="50800" dist="38100" dir="2700000" algn="tl" rotWithShape="0">
              <a:prstClr val="black">
                <a:alpha val="40000"/>
              </a:prstClr>
            </a:outerShdw>
          </a:effectLst>
        </p:spPr>
        <p:style>
          <a:lnRef idx="2">
            <a:schemeClr val="accent3">
              <a:shade val="50000"/>
            </a:schemeClr>
          </a:lnRef>
          <a:fillRef idx="1">
            <a:schemeClr val="accent3"/>
          </a:fillRef>
          <a:effectRef idx="0">
            <a:schemeClr val="accent3"/>
          </a:effectRef>
          <a:fontRef idx="minor">
            <a:schemeClr val="lt1"/>
          </a:fontRef>
        </p:style>
        <p:txBody>
          <a:bodyPr lIns="36000" tIns="0" rIns="36000" bIns="0"/>
          <a:lstStyle/>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視通困難な狭隘箇所の把握性能</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劣化・損傷箇所の計測性能</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機器の操作性</a:t>
            </a:r>
          </a:p>
        </p:txBody>
      </p:sp>
      <p:sp>
        <p:nvSpPr>
          <p:cNvPr id="24" name="テキスト ボックス 23"/>
          <p:cNvSpPr txBox="1"/>
          <p:nvPr/>
        </p:nvSpPr>
        <p:spPr>
          <a:xfrm>
            <a:off x="5692958" y="5118734"/>
            <a:ext cx="1620000" cy="234000"/>
          </a:xfrm>
          <a:prstGeom prst="rect">
            <a:avLst/>
          </a:prstGeom>
          <a:solidFill>
            <a:srgbClr val="C9FF71"/>
          </a:solidFill>
          <a:ln w="0">
            <a:noFill/>
          </a:ln>
          <a:effectLst/>
          <a:scene3d>
            <a:camera prst="orthographicFront"/>
            <a:lightRig rig="threePt" dir="t"/>
          </a:scene3d>
          <a:sp3d>
            <a:bevelT w="63500" h="38100"/>
          </a:sp3d>
        </p:spPr>
        <p:style>
          <a:lnRef idx="1">
            <a:schemeClr val="accent2"/>
          </a:lnRef>
          <a:fillRef idx="3">
            <a:schemeClr val="accent2"/>
          </a:fillRef>
          <a:effectRef idx="2">
            <a:schemeClr val="accent2"/>
          </a:effectRef>
          <a:fontRef idx="minor">
            <a:schemeClr val="lt1"/>
          </a:fontRef>
        </p:style>
        <p:txBody>
          <a:bodyPr lIns="0" tIns="36000" rIns="0" bIns="0"/>
          <a:lstStyle/>
          <a:p>
            <a:pPr algn="ctr">
              <a:spcBef>
                <a:spcPts val="0"/>
              </a:spcBef>
              <a:defRPr/>
            </a:pPr>
            <a:r>
              <a:rPr lang="ja-JP" altLang="en-US" sz="1200" b="1" dirty="0">
                <a:solidFill>
                  <a:schemeClr val="tx1"/>
                </a:solidFill>
                <a:latin typeface="MS UI Gothic" panose="020B0600070205080204" pitchFamily="50" charset="-128"/>
                <a:ea typeface="MS UI Gothic" panose="020B0600070205080204" pitchFamily="50" charset="-128"/>
              </a:rPr>
              <a:t>④遠隔指示による点検</a:t>
            </a:r>
          </a:p>
        </p:txBody>
      </p:sp>
      <p:sp>
        <p:nvSpPr>
          <p:cNvPr id="25" name="テキスト ボックス 24"/>
          <p:cNvSpPr txBox="1"/>
          <p:nvPr/>
        </p:nvSpPr>
        <p:spPr>
          <a:xfrm>
            <a:off x="5692775" y="5392738"/>
            <a:ext cx="1620838" cy="1152525"/>
          </a:xfrm>
          <a:prstGeom prst="rect">
            <a:avLst/>
          </a:prstGeom>
          <a:solidFill>
            <a:schemeClr val="bg1"/>
          </a:solidFill>
          <a:ln w="12700">
            <a:solidFill>
              <a:schemeClr val="bg1">
                <a:lumMod val="65000"/>
              </a:schemeClr>
            </a:solidFill>
          </a:ln>
          <a:effectLst>
            <a:outerShdw blurRad="50800" dist="38100" dir="2700000" algn="tl" rotWithShape="0">
              <a:prstClr val="black">
                <a:alpha val="40000"/>
              </a:prstClr>
            </a:outerShdw>
          </a:effectLst>
        </p:spPr>
        <p:style>
          <a:lnRef idx="2">
            <a:schemeClr val="accent3">
              <a:shade val="50000"/>
            </a:schemeClr>
          </a:lnRef>
          <a:fillRef idx="1">
            <a:schemeClr val="accent3"/>
          </a:fillRef>
          <a:effectRef idx="0">
            <a:schemeClr val="accent3"/>
          </a:effectRef>
          <a:fontRef idx="minor">
            <a:schemeClr val="lt1"/>
          </a:fontRef>
        </p:style>
        <p:txBody>
          <a:bodyPr lIns="36000" tIns="0" rIns="36000" bIns="0"/>
          <a:lstStyle/>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機器の装着性・操作性</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通信ソフトウェアの実用性</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取得データの品質</a:t>
            </a:r>
          </a:p>
        </p:txBody>
      </p:sp>
      <p:sp>
        <p:nvSpPr>
          <p:cNvPr id="26" name="テキスト ボックス 25"/>
          <p:cNvSpPr txBox="1"/>
          <p:nvPr/>
        </p:nvSpPr>
        <p:spPr>
          <a:xfrm>
            <a:off x="7419981" y="5118734"/>
            <a:ext cx="1620000" cy="234000"/>
          </a:xfrm>
          <a:prstGeom prst="rect">
            <a:avLst/>
          </a:prstGeom>
          <a:solidFill>
            <a:srgbClr val="C9FF71"/>
          </a:solidFill>
          <a:ln w="0">
            <a:noFill/>
          </a:ln>
          <a:effectLst/>
          <a:scene3d>
            <a:camera prst="orthographicFront"/>
            <a:lightRig rig="threePt" dir="t"/>
          </a:scene3d>
          <a:sp3d>
            <a:bevelT w="63500" h="38100"/>
          </a:sp3d>
        </p:spPr>
        <p:style>
          <a:lnRef idx="1">
            <a:schemeClr val="accent2"/>
          </a:lnRef>
          <a:fillRef idx="3">
            <a:schemeClr val="accent2"/>
          </a:fillRef>
          <a:effectRef idx="2">
            <a:schemeClr val="accent2"/>
          </a:effectRef>
          <a:fontRef idx="minor">
            <a:schemeClr val="lt1"/>
          </a:fontRef>
        </p:style>
        <p:txBody>
          <a:bodyPr lIns="0" tIns="36000" rIns="0" bIns="0"/>
          <a:lstStyle/>
          <a:p>
            <a:pPr algn="ctr">
              <a:spcBef>
                <a:spcPts val="0"/>
              </a:spcBef>
              <a:defRPr/>
            </a:pPr>
            <a:r>
              <a:rPr lang="ja-JP" altLang="en-US" sz="1200" b="1" dirty="0">
                <a:solidFill>
                  <a:schemeClr val="tx1"/>
                </a:solidFill>
                <a:latin typeface="MS UI Gothic" panose="020B0600070205080204" pitchFamily="50" charset="-128"/>
                <a:ea typeface="MS UI Gothic" panose="020B0600070205080204" pitchFamily="50" charset="-128"/>
              </a:rPr>
              <a:t>⑤復元図の作成</a:t>
            </a:r>
          </a:p>
        </p:txBody>
      </p:sp>
      <p:sp>
        <p:nvSpPr>
          <p:cNvPr id="27" name="テキスト ボックス 26"/>
          <p:cNvSpPr txBox="1"/>
          <p:nvPr/>
        </p:nvSpPr>
        <p:spPr>
          <a:xfrm>
            <a:off x="7419975" y="5392738"/>
            <a:ext cx="1619250" cy="1152525"/>
          </a:xfrm>
          <a:prstGeom prst="rect">
            <a:avLst/>
          </a:prstGeom>
          <a:solidFill>
            <a:schemeClr val="bg1"/>
          </a:solidFill>
          <a:ln w="12700">
            <a:solidFill>
              <a:schemeClr val="bg1">
                <a:lumMod val="65000"/>
              </a:schemeClr>
            </a:solidFill>
          </a:ln>
          <a:effectLst>
            <a:outerShdw blurRad="50800" dist="38100" dir="2700000" algn="tl" rotWithShape="0">
              <a:prstClr val="black">
                <a:alpha val="40000"/>
              </a:prstClr>
            </a:outerShdw>
          </a:effectLst>
        </p:spPr>
        <p:style>
          <a:lnRef idx="2">
            <a:schemeClr val="accent3">
              <a:shade val="50000"/>
            </a:schemeClr>
          </a:lnRef>
          <a:fillRef idx="1">
            <a:schemeClr val="accent3"/>
          </a:fillRef>
          <a:effectRef idx="0">
            <a:schemeClr val="accent3"/>
          </a:effectRef>
          <a:fontRef idx="minor">
            <a:schemeClr val="lt1"/>
          </a:fontRef>
        </p:style>
        <p:txBody>
          <a:bodyPr lIns="36000" tIns="0" rIns="36000" bIns="0"/>
          <a:lstStyle/>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機器の操作性</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取得データの精度</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部位の判読性能</a:t>
            </a:r>
            <a:endParaRPr lang="en-US" altLang="ja-JP" sz="1200" dirty="0">
              <a:solidFill>
                <a:schemeClr val="tx1"/>
              </a:solidFill>
              <a:latin typeface="ＭＳ Ｐゴシック" panose="020B0600070205080204" pitchFamily="50" charset="-128"/>
            </a:endParaRPr>
          </a:p>
          <a:p>
            <a:pPr marL="130175" indent="-130175">
              <a:spcBef>
                <a:spcPts val="0"/>
              </a:spcBef>
              <a:buFont typeface="Verdana" panose="020B0604030504040204" pitchFamily="34" charset="0"/>
              <a:buChar char="•"/>
              <a:defRPr/>
            </a:pPr>
            <a:r>
              <a:rPr lang="ja-JP" altLang="en-US" sz="1200" dirty="0">
                <a:solidFill>
                  <a:schemeClr val="tx1"/>
                </a:solidFill>
                <a:latin typeface="ＭＳ Ｐゴシック" panose="020B0600070205080204" pitchFamily="50" charset="-128"/>
              </a:rPr>
              <a:t>復元図の作成方法</a:t>
            </a:r>
            <a:endParaRPr lang="en-US" altLang="ja-JP" sz="1200" dirty="0">
              <a:solidFill>
                <a:schemeClr val="tx1"/>
              </a:solidFill>
              <a:latin typeface="ＭＳ Ｐゴシック" panose="020B0600070205080204" pitchFamily="50" charset="-128"/>
            </a:endParaRPr>
          </a:p>
        </p:txBody>
      </p:sp>
      <p:sp>
        <p:nvSpPr>
          <p:cNvPr id="29" name="テキスト ボックス 28"/>
          <p:cNvSpPr txBox="1"/>
          <p:nvPr/>
        </p:nvSpPr>
        <p:spPr>
          <a:xfrm>
            <a:off x="7392481" y="1625164"/>
            <a:ext cx="1656000" cy="234000"/>
          </a:xfrm>
          <a:prstGeom prst="rect">
            <a:avLst/>
          </a:prstGeom>
          <a:solidFill>
            <a:srgbClr val="A3DAEB"/>
          </a:solidFill>
          <a:ln/>
          <a:effectLst/>
          <a:scene3d>
            <a:camera prst="orthographicFront">
              <a:rot lat="0" lon="0" rev="0"/>
            </a:camera>
            <a:lightRig rig="threePt" dir="t">
              <a:rot lat="0" lon="0" rev="1200000"/>
            </a:lightRig>
          </a:scene3d>
          <a:sp3d>
            <a:bevelT w="63500" h="38100"/>
          </a:sp3d>
        </p:spPr>
        <p:style>
          <a:lnRef idx="0">
            <a:schemeClr val="accent2"/>
          </a:lnRef>
          <a:fillRef idx="3">
            <a:schemeClr val="accent2"/>
          </a:fillRef>
          <a:effectRef idx="3">
            <a:schemeClr val="accent2"/>
          </a:effectRef>
          <a:fontRef idx="minor">
            <a:schemeClr val="lt1"/>
          </a:fontRef>
        </p:style>
        <p:txBody>
          <a:bodyPr lIns="0" tIns="36000" rIns="0" bIns="0" anchor="ctr"/>
          <a:lstStyle/>
          <a:p>
            <a:pPr algn="ctr">
              <a:lnSpc>
                <a:spcPts val="1600"/>
              </a:lnSpc>
              <a:spcBef>
                <a:spcPts val="0"/>
              </a:spcBef>
              <a:defRPr/>
            </a:pPr>
            <a:r>
              <a:rPr lang="ja-JP" altLang="en-US" sz="1200" b="1" dirty="0">
                <a:solidFill>
                  <a:schemeClr val="tx1"/>
                </a:solidFill>
                <a:latin typeface="MS UI Gothic" panose="020B0600070205080204" pitchFamily="50" charset="-128"/>
                <a:ea typeface="MS UI Gothic" panose="020B0600070205080204" pitchFamily="50" charset="-128"/>
              </a:rPr>
              <a:t>レーザ・画像解析システム</a:t>
            </a:r>
          </a:p>
        </p:txBody>
      </p:sp>
      <p:pic>
        <p:nvPicPr>
          <p:cNvPr id="30" name="Picture 5" descr="C:\Users\yt19461\Documents\My Data\10 KKC\H27年度\ち　中央官庁事業推進室\も　モニタリングシステム技術研究組合\30 プロジェクト管理\◆自治体ヒアリング\富山市\◆富山市の実験\報告資料の作成\FARO Focus3D X330\Focus_3D_X330_c.jpg"/>
          <p:cNvPicPr>
            <a:picLocks noChangeAspect="1" noChangeArrowheads="1"/>
          </p:cNvPicPr>
          <p:nvPr/>
        </p:nvPicPr>
        <p:blipFill rotWithShape="1">
          <a:blip r:embed="rId6"/>
          <a:srcRect l="4985" r="19964"/>
          <a:stretch/>
        </p:blipFill>
        <p:spPr bwMode="auto">
          <a:xfrm>
            <a:off x="7521575" y="1949450"/>
            <a:ext cx="1439863" cy="1081088"/>
          </a:xfrm>
          <a:prstGeom prst="rect">
            <a:avLst/>
          </a:prstGeom>
          <a:noFill/>
          <a:ln w="0">
            <a:solidFill>
              <a:schemeClr val="tx1">
                <a:lumMod val="65000"/>
                <a:lumOff val="35000"/>
              </a:schemeClr>
            </a:solid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31" name="テキスト ボックス 30"/>
          <p:cNvSpPr txBox="1"/>
          <p:nvPr/>
        </p:nvSpPr>
        <p:spPr>
          <a:xfrm>
            <a:off x="566738" y="692696"/>
            <a:ext cx="3910656" cy="691715"/>
          </a:xfrm>
          <a:prstGeom prst="roundRect">
            <a:avLst/>
          </a:prstGeom>
          <a:noFill/>
          <a:ln w="19050">
            <a:solidFill>
              <a:schemeClr val="bg1">
                <a:lumMod val="65000"/>
              </a:schemeClr>
            </a:solidFill>
          </a:ln>
          <a:effectLst/>
        </p:spPr>
        <p:style>
          <a:lnRef idx="2">
            <a:schemeClr val="accent3">
              <a:shade val="50000"/>
            </a:schemeClr>
          </a:lnRef>
          <a:fillRef idx="1">
            <a:schemeClr val="accent3"/>
          </a:fillRef>
          <a:effectRef idx="0">
            <a:schemeClr val="accent3"/>
          </a:effectRef>
          <a:fontRef idx="minor">
            <a:schemeClr val="lt1"/>
          </a:fontRef>
        </p:style>
        <p:txBody>
          <a:bodyPr lIns="0" tIns="0" rIns="0" bIns="0"/>
          <a:lstStyle/>
          <a:p>
            <a:pPr algn="ctr">
              <a:spcBef>
                <a:spcPts val="0"/>
              </a:spcBef>
              <a:defRPr/>
            </a:pPr>
            <a:r>
              <a:rPr lang="ja-JP" altLang="en-US" b="1" dirty="0">
                <a:solidFill>
                  <a:schemeClr val="tx1"/>
                </a:solidFill>
                <a:latin typeface="+mn-ea"/>
              </a:rPr>
              <a:t>レーザー画像解析でのひび割れ検証</a:t>
            </a:r>
            <a:endParaRPr lang="en-US" altLang="ja-JP" b="1" dirty="0">
              <a:solidFill>
                <a:schemeClr val="tx1"/>
              </a:solidFill>
              <a:latin typeface="+mn-ea"/>
            </a:endParaRPr>
          </a:p>
          <a:p>
            <a:pPr algn="ctr">
              <a:spcBef>
                <a:spcPts val="0"/>
              </a:spcBef>
              <a:defRPr/>
            </a:pPr>
            <a:r>
              <a:rPr lang="ja-JP" altLang="en-US" b="1" dirty="0">
                <a:solidFill>
                  <a:schemeClr val="tx1"/>
                </a:solidFill>
                <a:latin typeface="+mn-ea"/>
              </a:rPr>
              <a:t>手抜きの点検よりも正直である</a:t>
            </a:r>
          </a:p>
        </p:txBody>
      </p:sp>
      <p:sp>
        <p:nvSpPr>
          <p:cNvPr id="32" name="テキスト ボックス 31"/>
          <p:cNvSpPr txBox="1"/>
          <p:nvPr/>
        </p:nvSpPr>
        <p:spPr>
          <a:xfrm>
            <a:off x="5668016" y="1625164"/>
            <a:ext cx="1656000" cy="234000"/>
          </a:xfrm>
          <a:prstGeom prst="rect">
            <a:avLst/>
          </a:prstGeom>
          <a:solidFill>
            <a:srgbClr val="A3DAEB"/>
          </a:solidFill>
          <a:ln/>
          <a:effectLst/>
          <a:scene3d>
            <a:camera prst="orthographicFront">
              <a:rot lat="0" lon="0" rev="0"/>
            </a:camera>
            <a:lightRig rig="threePt" dir="t">
              <a:rot lat="0" lon="0" rev="1200000"/>
            </a:lightRig>
          </a:scene3d>
          <a:sp3d>
            <a:bevelT w="63500" h="38100"/>
          </a:sp3d>
        </p:spPr>
        <p:style>
          <a:lnRef idx="0">
            <a:schemeClr val="accent2"/>
          </a:lnRef>
          <a:fillRef idx="3">
            <a:schemeClr val="accent2"/>
          </a:fillRef>
          <a:effectRef idx="3">
            <a:schemeClr val="accent2"/>
          </a:effectRef>
          <a:fontRef idx="minor">
            <a:schemeClr val="lt1"/>
          </a:fontRef>
        </p:style>
        <p:txBody>
          <a:bodyPr lIns="0" tIns="36000" rIns="0" bIns="0" anchor="ctr"/>
          <a:lstStyle/>
          <a:p>
            <a:pPr algn="ctr">
              <a:lnSpc>
                <a:spcPts val="1600"/>
              </a:lnSpc>
              <a:spcBef>
                <a:spcPts val="0"/>
              </a:spcBef>
              <a:defRPr/>
            </a:pPr>
            <a:r>
              <a:rPr lang="ja-JP" altLang="en-US" sz="1200" b="1" dirty="0">
                <a:solidFill>
                  <a:schemeClr val="tx1"/>
                </a:solidFill>
                <a:latin typeface="MS UI Gothic" panose="020B0600070205080204" pitchFamily="50" charset="-128"/>
                <a:ea typeface="MS UI Gothic" panose="020B0600070205080204" pitchFamily="50" charset="-128"/>
              </a:rPr>
              <a:t>ウェアラブルカメラシステム</a:t>
            </a:r>
          </a:p>
        </p:txBody>
      </p:sp>
      <p:grpSp>
        <p:nvGrpSpPr>
          <p:cNvPr id="33" name="グループ化 32"/>
          <p:cNvGrpSpPr/>
          <p:nvPr/>
        </p:nvGrpSpPr>
        <p:grpSpPr>
          <a:xfrm>
            <a:off x="5782880" y="1950239"/>
            <a:ext cx="1440000" cy="1080000"/>
            <a:chOff x="4599136" y="2166452"/>
            <a:chExt cx="1440000" cy="1080000"/>
          </a:xfrm>
          <a:effectLst>
            <a:outerShdw blurRad="50800" dist="38100" dir="2700000" algn="tl" rotWithShape="0">
              <a:prstClr val="black">
                <a:alpha val="40000"/>
              </a:prstClr>
            </a:outerShdw>
          </a:effectLst>
        </p:grpSpPr>
        <p:sp>
          <p:nvSpPr>
            <p:cNvPr id="34" name="正方形/長方形 33"/>
            <p:cNvSpPr/>
            <p:nvPr/>
          </p:nvSpPr>
          <p:spPr bwMode="auto">
            <a:xfrm>
              <a:off x="4599136" y="2166452"/>
              <a:ext cx="1440000" cy="1080000"/>
            </a:xfrm>
            <a:prstGeom prst="rect">
              <a:avLst/>
            </a:prstGeom>
            <a:solidFill>
              <a:schemeClr val="bg1"/>
            </a:solidFill>
            <a:ln w="0" cap="flat" cmpd="sng" algn="ctr">
              <a:solidFill>
                <a:schemeClr val="tx1">
                  <a:lumMod val="65000"/>
                  <a:lumOff val="35000"/>
                </a:schemeClr>
              </a:solidFill>
              <a:prstDash val="solid"/>
              <a:round/>
              <a:headEnd type="none" w="med" len="med"/>
              <a:tailEnd type="none" w="med" len="med"/>
            </a:ln>
            <a:effectLst/>
          </p:spPr>
          <p:style>
            <a:lnRef idx="0">
              <a:scrgbClr r="0" g="0" b="0"/>
            </a:lnRef>
            <a:fillRef idx="1002">
              <a:schemeClr val="lt1"/>
            </a:fillRef>
            <a:effectRef idx="0">
              <a:scrgbClr r="0" g="0" b="0"/>
            </a:effectRef>
            <a:fontRef idx="major"/>
          </p:style>
          <p:txBody>
            <a:bodyPr lIns="0" tIns="0" rIns="0" bIns="0">
              <a:spAutoFit/>
            </a:bodyPr>
            <a:lstStyle/>
            <a:p>
              <a:pPr>
                <a:spcBef>
                  <a:spcPct val="50000"/>
                </a:spcBef>
                <a:defRPr/>
              </a:pPr>
              <a:endParaRPr kumimoji="0" lang="ja-JP" altLang="en-US" sz="1800" dirty="0">
                <a:solidFill>
                  <a:srgbClr val="000000"/>
                </a:solidFill>
                <a:latin typeface="ＭＳ Ｐゴシック" pitchFamily="50" charset="-128"/>
              </a:endParaRPr>
            </a:p>
          </p:txBody>
        </p:sp>
        <p:pic>
          <p:nvPicPr>
            <p:cNvPr id="35" name="Picture 8" descr="C:\Users\yt19461\Pictures\tmb20151228_01.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664869" y="2318565"/>
              <a:ext cx="1308534" cy="775774"/>
            </a:xfrm>
            <a:prstGeom prst="rect">
              <a:avLst/>
            </a:prstGeom>
            <a:noFill/>
            <a:extLst>
              <a:ext uri="{909E8E84-426E-40DD-AFC4-6F175D3DCCD1}">
                <a14:hiddenFill xmlns:a14="http://schemas.microsoft.com/office/drawing/2010/main">
                  <a:solidFill>
                    <a:srgbClr val="FFFFFF"/>
                  </a:solidFill>
                </a14:hiddenFill>
              </a:ext>
            </a:extLst>
          </p:spPr>
        </p:pic>
      </p:grpSp>
      <p:sp>
        <p:nvSpPr>
          <p:cNvPr id="36" name="正方形/長方形 35"/>
          <p:cNvSpPr/>
          <p:nvPr/>
        </p:nvSpPr>
        <p:spPr bwMode="auto">
          <a:xfrm>
            <a:off x="566738" y="1949450"/>
            <a:ext cx="1439862" cy="1081088"/>
          </a:xfrm>
          <a:prstGeom prst="rect">
            <a:avLst/>
          </a:prstGeom>
          <a:solidFill>
            <a:schemeClr val="bg1"/>
          </a:solidFill>
          <a:ln w="0" cap="flat" cmpd="sng" algn="ctr">
            <a:solidFill>
              <a:schemeClr val="tx1">
                <a:lumMod val="50000"/>
                <a:lumOff val="50000"/>
              </a:schemeClr>
            </a:solidFill>
            <a:prstDash val="solid"/>
            <a:round/>
            <a:headEnd type="none" w="med" len="med"/>
            <a:tailEnd type="none" w="med" len="med"/>
          </a:ln>
          <a:effectLst>
            <a:outerShdw blurRad="50800" dist="38100" dir="2700000" algn="tl" rotWithShape="0">
              <a:prstClr val="black">
                <a:alpha val="40000"/>
              </a:prstClr>
            </a:outerShdw>
          </a:effectLst>
        </p:spPr>
        <p:style>
          <a:lnRef idx="0">
            <a:scrgbClr r="0" g="0" b="0"/>
          </a:lnRef>
          <a:fillRef idx="1002">
            <a:schemeClr val="lt1"/>
          </a:fillRef>
          <a:effectRef idx="0">
            <a:scrgbClr r="0" g="0" b="0"/>
          </a:effectRef>
          <a:fontRef idx="major"/>
        </p:style>
        <p:txBody>
          <a:bodyPr lIns="0" tIns="0" rIns="0" bIns="0">
            <a:spAutoFit/>
          </a:bodyPr>
          <a:lstStyle/>
          <a:p>
            <a:pPr>
              <a:spcBef>
                <a:spcPct val="50000"/>
              </a:spcBef>
              <a:defRPr/>
            </a:pPr>
            <a:endParaRPr kumimoji="0" lang="ja-JP" altLang="en-US" sz="1800" dirty="0">
              <a:solidFill>
                <a:srgbClr val="000000"/>
              </a:solidFill>
              <a:latin typeface="ＭＳ Ｐゴシック" pitchFamily="50" charset="-128"/>
            </a:endParaRPr>
          </a:p>
        </p:txBody>
      </p:sp>
      <p:sp>
        <p:nvSpPr>
          <p:cNvPr id="37" name="テキスト ボックス 36"/>
          <p:cNvSpPr txBox="1"/>
          <p:nvPr/>
        </p:nvSpPr>
        <p:spPr>
          <a:xfrm>
            <a:off x="494624" y="1625164"/>
            <a:ext cx="1656000" cy="234000"/>
          </a:xfrm>
          <a:prstGeom prst="rect">
            <a:avLst/>
          </a:prstGeom>
          <a:solidFill>
            <a:srgbClr val="A3DAEB"/>
          </a:solidFill>
          <a:ln/>
          <a:effectLst/>
          <a:scene3d>
            <a:camera prst="orthographicFront">
              <a:rot lat="0" lon="0" rev="0"/>
            </a:camera>
            <a:lightRig rig="threePt" dir="t">
              <a:rot lat="0" lon="0" rev="1200000"/>
            </a:lightRig>
          </a:scene3d>
          <a:sp3d>
            <a:bevelT w="63500" h="38100"/>
          </a:sp3d>
        </p:spPr>
        <p:style>
          <a:lnRef idx="0">
            <a:schemeClr val="accent2"/>
          </a:lnRef>
          <a:fillRef idx="3">
            <a:schemeClr val="accent2"/>
          </a:fillRef>
          <a:effectRef idx="3">
            <a:schemeClr val="accent2"/>
          </a:effectRef>
          <a:fontRef idx="minor">
            <a:schemeClr val="lt1"/>
          </a:fontRef>
        </p:style>
        <p:txBody>
          <a:bodyPr lIns="0" tIns="36000" rIns="0" bIns="0" anchor="ctr"/>
          <a:lstStyle/>
          <a:p>
            <a:pPr algn="ctr">
              <a:lnSpc>
                <a:spcPts val="1600"/>
              </a:lnSpc>
              <a:spcBef>
                <a:spcPts val="0"/>
              </a:spcBef>
              <a:defRPr/>
            </a:pPr>
            <a:r>
              <a:rPr lang="ja-JP" altLang="en-US" sz="1200" b="1" dirty="0">
                <a:solidFill>
                  <a:schemeClr val="tx1"/>
                </a:solidFill>
                <a:latin typeface="MS UI Gothic" panose="020B0600070205080204" pitchFamily="50" charset="-128"/>
                <a:ea typeface="MS UI Gothic" panose="020B0600070205080204" pitchFamily="50" charset="-128"/>
              </a:rPr>
              <a:t>単画像解析システム</a:t>
            </a:r>
          </a:p>
        </p:txBody>
      </p:sp>
      <p:pic>
        <p:nvPicPr>
          <p:cNvPr id="26679" name="Picture 10" descr="C:\Users\yt19461\Documents\My Data\10 KKC\H27年度\ち　中央官庁事業推進室\も　モニタリングシステム技術研究組合\30 プロジェクト管理\◆自治体ヒアリング\富山市\◆富山市の実験\報告資料の作成\シーアイエス\gm60.png"/>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841375" y="2055813"/>
            <a:ext cx="889000" cy="889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6680" name="下矢印 38"/>
          <p:cNvSpPr>
            <a:spLocks noChangeArrowheads="1"/>
          </p:cNvSpPr>
          <p:nvPr/>
        </p:nvSpPr>
        <p:spPr bwMode="auto">
          <a:xfrm>
            <a:off x="134938" y="3128963"/>
            <a:ext cx="215900" cy="179387"/>
          </a:xfrm>
          <a:prstGeom prst="downArrow">
            <a:avLst>
              <a:gd name="adj1" fmla="val 50000"/>
              <a:gd name="adj2" fmla="val 50000"/>
            </a:avLst>
          </a:prstGeom>
          <a:solidFill>
            <a:schemeClr val="tx1"/>
          </a:solidFill>
          <a:ln>
            <a:noFill/>
          </a:ln>
          <a:extLst>
            <a:ext uri="{91240B29-F687-4F45-9708-019B960494DF}">
              <a14:hiddenLine xmlns:a14="http://schemas.microsoft.com/office/drawing/2010/main" w="0" algn="ctr">
                <a:solidFill>
                  <a:srgbClr val="000000"/>
                </a:solidFill>
                <a:round/>
                <a:headEnd/>
                <a:tailEnd/>
              </a14:hiddenLine>
            </a:ext>
          </a:extLst>
        </p:spPr>
        <p:txBody>
          <a:bodyPr lIns="0" tIns="0" rIns="0" bIns="0">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50000"/>
              </a:spcBef>
              <a:buFontTx/>
              <a:buNone/>
            </a:pPr>
            <a:endParaRPr kumimoji="0" lang="ja-JP" altLang="en-US" sz="1800">
              <a:solidFill>
                <a:srgbClr val="000000"/>
              </a:solidFill>
              <a:latin typeface="ＭＳ Ｐゴシック" charset="-128"/>
            </a:endParaRPr>
          </a:p>
        </p:txBody>
      </p:sp>
      <p:sp>
        <p:nvSpPr>
          <p:cNvPr id="26681" name="下矢印 39"/>
          <p:cNvSpPr>
            <a:spLocks noChangeArrowheads="1"/>
          </p:cNvSpPr>
          <p:nvPr/>
        </p:nvSpPr>
        <p:spPr bwMode="auto">
          <a:xfrm>
            <a:off x="134938" y="4875213"/>
            <a:ext cx="215900" cy="179387"/>
          </a:xfrm>
          <a:prstGeom prst="downArrow">
            <a:avLst>
              <a:gd name="adj1" fmla="val 50000"/>
              <a:gd name="adj2" fmla="val 50000"/>
            </a:avLst>
          </a:prstGeom>
          <a:solidFill>
            <a:schemeClr val="tx1"/>
          </a:solidFill>
          <a:ln>
            <a:noFill/>
          </a:ln>
          <a:extLst>
            <a:ext uri="{91240B29-F687-4F45-9708-019B960494DF}">
              <a14:hiddenLine xmlns:a14="http://schemas.microsoft.com/office/drawing/2010/main" w="0" algn="ctr">
                <a:solidFill>
                  <a:srgbClr val="000000"/>
                </a:solidFill>
                <a:round/>
                <a:headEnd/>
                <a:tailEnd/>
              </a14:hiddenLine>
            </a:ext>
          </a:extLst>
        </p:spPr>
        <p:txBody>
          <a:bodyPr lIns="0" tIns="0" rIns="0" bIns="0">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50000"/>
              </a:spcBef>
              <a:buFontTx/>
              <a:buNone/>
            </a:pPr>
            <a:endParaRPr kumimoji="0" lang="ja-JP" altLang="en-US" sz="1800">
              <a:solidFill>
                <a:srgbClr val="000000"/>
              </a:solidFill>
              <a:latin typeface="ＭＳ Ｐゴシック" charset="-128"/>
            </a:endParaRPr>
          </a:p>
        </p:txBody>
      </p:sp>
      <p:pic>
        <p:nvPicPr>
          <p:cNvPr id="3" name="Picture 2" descr="C:\Users\yt19461\Documents\My Data\10 KKC\H27年度\ち　中央官庁事業推進室\も　モニタリングシステム技術研究組合\30 プロジェクト管理\◆自治体ヒアリング\富山市\◆富山市の実験\報告資料の作成_NEW\オリンパス\resized\iplex-rx_6.jpg"/>
          <p:cNvPicPr>
            <a:picLocks noChangeAspect="1" noChangeArrowheads="1"/>
          </p:cNvPicPr>
          <p:nvPr/>
        </p:nvPicPr>
        <p:blipFill>
          <a:blip r:embed="rId9"/>
          <a:srcRect/>
          <a:stretch>
            <a:fillRect/>
          </a:stretch>
        </p:blipFill>
        <p:spPr bwMode="auto">
          <a:xfrm>
            <a:off x="4048125" y="1949450"/>
            <a:ext cx="1431925" cy="1081088"/>
          </a:xfrm>
          <a:prstGeom prst="rect">
            <a:avLst/>
          </a:prstGeom>
          <a:noFill/>
          <a:ln w="0">
            <a:solidFill>
              <a:schemeClr val="tx1">
                <a:lumMod val="50000"/>
                <a:lumOff val="50000"/>
              </a:schemeClr>
            </a:solidFill>
          </a:ln>
          <a:effectLst>
            <a:outerShdw blurRad="50800" dist="381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41" name="Picture 4"/>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5580629" y="-29613"/>
            <a:ext cx="3568431" cy="16547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右矢印 3"/>
          <p:cNvSpPr/>
          <p:nvPr/>
        </p:nvSpPr>
        <p:spPr>
          <a:xfrm>
            <a:off x="4644008" y="756306"/>
            <a:ext cx="695325" cy="48463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48789479"/>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698" name="Picture 2" descr="\\SVFS01.toyama-city.local\リダイレクト\114551\Desktop\CIM画像\１全体鳥瞰\1(1)施工前　鳥瞰.jpg">
            <a:extLst>
              <a:ext uri="{FF2B5EF4-FFF2-40B4-BE49-F238E27FC236}">
                <a16:creationId xmlns:a16="http://schemas.microsoft.com/office/drawing/2014/main" id="{E4775143-44FB-4009-BBC5-707606B9C5A9}"/>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0" y="-1588"/>
            <a:ext cx="4025900" cy="2087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9699" name="Picture 4" descr="\\SVFS01.toyama-city.local\リダイレクト\114551\Desktop\CIM画像\４新設橋桁架設工\4 南側　桁架設工.jpg">
            <a:extLst>
              <a:ext uri="{FF2B5EF4-FFF2-40B4-BE49-F238E27FC236}">
                <a16:creationId xmlns:a16="http://schemas.microsoft.com/office/drawing/2014/main" id="{A2BFC5FC-41E7-4FCA-881E-30A50983093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175" y="2298700"/>
            <a:ext cx="4013200" cy="1819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9700" name="Picture 5" descr="\\SVFS01.toyama-city.local\リダイレクト\114551\Desktop\CIM画像\６鉄筋\6(2)鉄筋・隅角部　鉄筋属性の表示.jpg">
            <a:extLst>
              <a:ext uri="{FF2B5EF4-FFF2-40B4-BE49-F238E27FC236}">
                <a16:creationId xmlns:a16="http://schemas.microsoft.com/office/drawing/2014/main" id="{0D961D28-194A-4403-BE11-DD661FF4C0ED}"/>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56100" y="871538"/>
            <a:ext cx="4589463" cy="2427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9701" name="Picture 6" descr="\\SVFS01.toyama-city.local\リダイレクト\114551\Desktop\CIM画像\７地下埋設物\7(1)埋設物・下部工.jpg">
            <a:extLst>
              <a:ext uri="{FF2B5EF4-FFF2-40B4-BE49-F238E27FC236}">
                <a16:creationId xmlns:a16="http://schemas.microsoft.com/office/drawing/2014/main" id="{8D6B86CE-DC2C-4C2C-BE7A-B960657335F5}"/>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4356100" y="3500438"/>
            <a:ext cx="4648200" cy="21066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702" name="テキスト ボックス 2">
            <a:extLst>
              <a:ext uri="{FF2B5EF4-FFF2-40B4-BE49-F238E27FC236}">
                <a16:creationId xmlns:a16="http://schemas.microsoft.com/office/drawing/2014/main" id="{953D5207-FB8C-4042-97A9-90C006DA991C}"/>
              </a:ext>
            </a:extLst>
          </p:cNvPr>
          <p:cNvSpPr txBox="1">
            <a:spLocks noChangeArrowheads="1"/>
          </p:cNvSpPr>
          <p:nvPr/>
        </p:nvSpPr>
        <p:spPr bwMode="auto">
          <a:xfrm>
            <a:off x="4578350" y="115888"/>
            <a:ext cx="3870325"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en-US" altLang="ja-JP" sz="4000" dirty="0">
                <a:latin typeface="Arial" panose="020B0604020202020204" pitchFamily="34" charset="0"/>
              </a:rPr>
              <a:t>BIM/CIM</a:t>
            </a:r>
            <a:r>
              <a:rPr lang="ja-JP" altLang="en-US" sz="4000" dirty="0">
                <a:latin typeface="Arial" panose="020B0604020202020204" pitchFamily="34" charset="0"/>
              </a:rPr>
              <a:t>⇒</a:t>
            </a:r>
            <a:r>
              <a:rPr lang="en-US" altLang="ja-JP" sz="4000" dirty="0">
                <a:latin typeface="Arial" panose="020B0604020202020204" pitchFamily="34" charset="0"/>
              </a:rPr>
              <a:t>DX</a:t>
            </a:r>
            <a:endParaRPr lang="ja-JP" altLang="en-US" sz="2400" dirty="0">
              <a:latin typeface="Arial" panose="020B0604020202020204" pitchFamily="34" charset="0"/>
            </a:endParaRPr>
          </a:p>
        </p:txBody>
      </p:sp>
      <p:pic>
        <p:nvPicPr>
          <p:cNvPr id="29703" name="Picture 2">
            <a:extLst>
              <a:ext uri="{FF2B5EF4-FFF2-40B4-BE49-F238E27FC236}">
                <a16:creationId xmlns:a16="http://schemas.microsoft.com/office/drawing/2014/main" id="{1F8E50CA-317D-492F-A227-1DAF575E2F20}"/>
              </a:ext>
            </a:extLst>
          </p:cNvPr>
          <p:cNvPicPr>
            <a:picLocks noChangeAspect="1" noChangeArrowheads="1"/>
          </p:cNvPicPr>
          <p:nvPr/>
        </p:nvPicPr>
        <p:blipFill>
          <a:blip r:embed="rId6">
            <a:extLst>
              <a:ext uri="{28A0092B-C50C-407E-A947-70E740481C1C}">
                <a14:useLocalDpi xmlns:a14="http://schemas.microsoft.com/office/drawing/2010/main" val="0"/>
              </a:ext>
            </a:extLst>
          </a:blip>
          <a:srcRect l="15" t="16476" r="-15" b="8540"/>
          <a:stretch>
            <a:fillRect/>
          </a:stretch>
        </p:blipFill>
        <p:spPr bwMode="auto">
          <a:xfrm>
            <a:off x="0" y="4273550"/>
            <a:ext cx="4170363" cy="22764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704" name="テキスト ボックス 2">
            <a:extLst>
              <a:ext uri="{FF2B5EF4-FFF2-40B4-BE49-F238E27FC236}">
                <a16:creationId xmlns:a16="http://schemas.microsoft.com/office/drawing/2014/main" id="{66E17F09-8753-45F9-A77C-080846D2E436}"/>
              </a:ext>
            </a:extLst>
          </p:cNvPr>
          <p:cNvSpPr txBox="1">
            <a:spLocks noChangeArrowheads="1"/>
          </p:cNvSpPr>
          <p:nvPr/>
        </p:nvSpPr>
        <p:spPr bwMode="auto">
          <a:xfrm>
            <a:off x="4554538" y="5732463"/>
            <a:ext cx="3870325" cy="830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eaLnBrk="1" hangingPunct="1">
              <a:spcBef>
                <a:spcPct val="0"/>
              </a:spcBef>
              <a:buFontTx/>
              <a:buNone/>
            </a:pPr>
            <a:r>
              <a:rPr lang="en-US" altLang="ja-JP" sz="2400">
                <a:latin typeface="Arial" panose="020B0604020202020204" pitchFamily="34" charset="0"/>
              </a:rPr>
              <a:t>Construction</a:t>
            </a:r>
            <a:r>
              <a:rPr lang="ja-JP" altLang="en-US" sz="2400">
                <a:latin typeface="Arial" panose="020B0604020202020204" pitchFamily="34" charset="0"/>
              </a:rPr>
              <a:t>　</a:t>
            </a:r>
            <a:r>
              <a:rPr lang="en-US" altLang="ja-JP" sz="2400">
                <a:latin typeface="Arial" panose="020B0604020202020204" pitchFamily="34" charset="0"/>
              </a:rPr>
              <a:t>information</a:t>
            </a:r>
            <a:r>
              <a:rPr lang="ja-JP" altLang="en-US" sz="2400">
                <a:latin typeface="Arial" panose="020B0604020202020204" pitchFamily="34" charset="0"/>
              </a:rPr>
              <a:t>　</a:t>
            </a:r>
            <a:r>
              <a:rPr lang="en-US" altLang="ja-JP" sz="2400">
                <a:latin typeface="Arial" panose="020B0604020202020204" pitchFamily="34" charset="0"/>
              </a:rPr>
              <a:t>Modeling</a:t>
            </a:r>
            <a:endParaRPr lang="ja-JP" altLang="en-US" sz="2400">
              <a:latin typeface="Arial" panose="020B0604020202020204" pitchFamily="34" charset="0"/>
            </a:endParaRPr>
          </a:p>
        </p:txBody>
      </p:sp>
      <p:sp>
        <p:nvSpPr>
          <p:cNvPr id="2" name="スライド番号プレースホルダー 1">
            <a:extLst>
              <a:ext uri="{FF2B5EF4-FFF2-40B4-BE49-F238E27FC236}">
                <a16:creationId xmlns:a16="http://schemas.microsoft.com/office/drawing/2014/main" id="{F3348E82-EACA-4B46-83F5-D1A92AC6907B}"/>
              </a:ext>
            </a:extLst>
          </p:cNvPr>
          <p:cNvSpPr>
            <a:spLocks noGrp="1"/>
          </p:cNvSpPr>
          <p:nvPr>
            <p:ph type="sldNum" sz="quarter" idx="12"/>
          </p:nvPr>
        </p:nvSpPr>
        <p:spPr/>
        <p:txBody>
          <a:bodyPr/>
          <a:lstStyle/>
          <a:p>
            <a:pPr defTabSz="899958"/>
            <a:fld id="{E4DD4CA9-FFF4-4929-B1F3-DD754470E6A2}" type="slidenum">
              <a:rPr lang="ja-JP" altLang="en-US" smtClean="0"/>
              <a:pPr defTabSz="899958"/>
              <a:t>82</a:t>
            </a:fld>
            <a:endParaRPr lang="ja-JP" altLang="en-US" dirty="0"/>
          </a:p>
        </p:txBody>
      </p:sp>
    </p:spTree>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スライド番号プレースホルダー 1"/>
          <p:cNvSpPr>
            <a:spLocks noGrp="1"/>
          </p:cNvSpPr>
          <p:nvPr>
            <p:ph type="sldNum" sz="quarter" idx="12"/>
          </p:nvPr>
        </p:nvSpPr>
        <p:spPr>
          <a:xfrm>
            <a:off x="612648" y="6173470"/>
            <a:ext cx="1981200" cy="365760"/>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eaLnBrk="1" hangingPunct="1">
              <a:spcBef>
                <a:spcPct val="0"/>
              </a:spcBef>
              <a:buFontTx/>
              <a:buNone/>
            </a:pPr>
            <a:r>
              <a:rPr lang="en-US" altLang="ja-JP" sz="1200">
                <a:solidFill>
                  <a:schemeClr val="bg1"/>
                </a:solidFill>
                <a:latin typeface="HGPｺﾞｼｯｸE" pitchFamily="50" charset="-128"/>
                <a:ea typeface="HGPｺﾞｼｯｸE" pitchFamily="50" charset="-128"/>
              </a:rPr>
              <a:t>-</a:t>
            </a:r>
            <a:fld id="{0625D179-7009-4241-86E7-8D78DED257DF}" type="slidenum">
              <a:rPr lang="en-US" altLang="ja-JP" sz="1200" smtClean="0">
                <a:solidFill>
                  <a:schemeClr val="bg1"/>
                </a:solidFill>
                <a:latin typeface="HGPｺﾞｼｯｸE" pitchFamily="50" charset="-128"/>
                <a:ea typeface="HGPｺﾞｼｯｸE" pitchFamily="50" charset="-128"/>
              </a:rPr>
              <a:pPr eaLnBrk="1" hangingPunct="1">
                <a:spcBef>
                  <a:spcPct val="0"/>
                </a:spcBef>
                <a:buFontTx/>
                <a:buNone/>
              </a:pPr>
              <a:t>83</a:t>
            </a:fld>
            <a:r>
              <a:rPr lang="en-US" altLang="ja-JP" sz="1200">
                <a:solidFill>
                  <a:schemeClr val="bg1"/>
                </a:solidFill>
                <a:latin typeface="HGPｺﾞｼｯｸE" pitchFamily="50" charset="-128"/>
                <a:ea typeface="HGPｺﾞｼｯｸE" pitchFamily="50" charset="-128"/>
              </a:rPr>
              <a:t>-</a:t>
            </a:r>
          </a:p>
        </p:txBody>
      </p:sp>
      <p:pic>
        <p:nvPicPr>
          <p:cNvPr id="32772" name="Picture 2" descr="\\toyama-city.local\17建設部\1730橋りょう保全\s2\計画係\研究協力\RAIMS\五福４号橋モニタリング\160330実地試験\IMG_1440.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932040" y="592212"/>
            <a:ext cx="4067944" cy="30501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776" name="テキスト ボックス 1"/>
          <p:cNvSpPr txBox="1">
            <a:spLocks noChangeArrowheads="1"/>
          </p:cNvSpPr>
          <p:nvPr/>
        </p:nvSpPr>
        <p:spPr bwMode="auto">
          <a:xfrm>
            <a:off x="38100" y="0"/>
            <a:ext cx="7773282"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eaLnBrk="1" hangingPunct="1">
              <a:spcBef>
                <a:spcPct val="0"/>
              </a:spcBef>
              <a:buFontTx/>
              <a:buNone/>
            </a:pPr>
            <a:r>
              <a:rPr lang="ja-JP" altLang="en-US" sz="3600" dirty="0"/>
              <a:t>各所との協定による新技術開発の実証</a:t>
            </a:r>
          </a:p>
        </p:txBody>
      </p:sp>
      <p:pic>
        <p:nvPicPr>
          <p:cNvPr id="614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272" y="646331"/>
            <a:ext cx="4649467" cy="30790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777" name="テキスト ボックス 2"/>
          <p:cNvSpPr txBox="1">
            <a:spLocks noChangeArrowheads="1"/>
          </p:cNvSpPr>
          <p:nvPr/>
        </p:nvSpPr>
        <p:spPr bwMode="auto">
          <a:xfrm>
            <a:off x="2987824" y="605780"/>
            <a:ext cx="5062604"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har char="•"/>
              <a:defRPr kumimoji="1" sz="3200">
                <a:solidFill>
                  <a:schemeClr val="tx1"/>
                </a:solidFill>
                <a:latin typeface="Arial" charset="0"/>
                <a:ea typeface="ＭＳ Ｐゴシック" pitchFamily="50" charset="-128"/>
              </a:defRPr>
            </a:lvl1pPr>
            <a:lvl2pPr marL="742950" indent="-285750" eaLnBrk="0" hangingPunct="0">
              <a:spcBef>
                <a:spcPct val="20000"/>
              </a:spcBef>
              <a:buChar char="–"/>
              <a:defRPr kumimoji="1" sz="2800">
                <a:solidFill>
                  <a:schemeClr val="tx1"/>
                </a:solidFill>
                <a:latin typeface="Arial" charset="0"/>
                <a:ea typeface="ＭＳ Ｐゴシック" pitchFamily="50" charset="-128"/>
              </a:defRPr>
            </a:lvl2pPr>
            <a:lvl3pPr marL="1143000" indent="-228600" eaLnBrk="0" hangingPunct="0">
              <a:spcBef>
                <a:spcPct val="20000"/>
              </a:spcBef>
              <a:buChar char="•"/>
              <a:defRPr kumimoji="1" sz="2400">
                <a:solidFill>
                  <a:schemeClr val="tx1"/>
                </a:solidFill>
                <a:latin typeface="Arial" charset="0"/>
                <a:ea typeface="ＭＳ Ｐゴシック" pitchFamily="50" charset="-128"/>
              </a:defRPr>
            </a:lvl3pPr>
            <a:lvl4pPr marL="1600200" indent="-228600" eaLnBrk="0" hangingPunct="0">
              <a:spcBef>
                <a:spcPct val="20000"/>
              </a:spcBef>
              <a:buChar char="–"/>
              <a:defRPr kumimoji="1" sz="2000">
                <a:solidFill>
                  <a:schemeClr val="tx1"/>
                </a:solidFill>
                <a:latin typeface="Arial" charset="0"/>
                <a:ea typeface="ＭＳ Ｐゴシック" pitchFamily="50" charset="-128"/>
              </a:defRPr>
            </a:lvl4pPr>
            <a:lvl5pPr marL="2057400" indent="-228600" eaLnBrk="0" hangingPunct="0">
              <a:spcBef>
                <a:spcPct val="20000"/>
              </a:spcBef>
              <a:buChar char="»"/>
              <a:defRPr kumimoji="1" sz="2000">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pitchFamily="50" charset="-128"/>
              </a:defRPr>
            </a:lvl9pPr>
          </a:lstStyle>
          <a:p>
            <a:pPr eaLnBrk="1" hangingPunct="1">
              <a:spcBef>
                <a:spcPct val="0"/>
              </a:spcBef>
              <a:buFontTx/>
              <a:buNone/>
            </a:pPr>
            <a:r>
              <a:rPr lang="ja-JP" altLang="en-US" sz="2400" dirty="0"/>
              <a:t>例）五福４号橋（土木研究所・</a:t>
            </a:r>
            <a:r>
              <a:rPr lang="en-US" altLang="ja-JP" sz="2400" dirty="0"/>
              <a:t>RAIMS</a:t>
            </a:r>
            <a:r>
              <a:rPr lang="ja-JP" altLang="en-US" sz="2400" dirty="0"/>
              <a:t>）</a:t>
            </a:r>
            <a:endParaRPr lang="en-US" altLang="ja-JP" sz="2400" dirty="0"/>
          </a:p>
        </p:txBody>
      </p:sp>
      <p:sp>
        <p:nvSpPr>
          <p:cNvPr id="2" name="テキスト ボックス 1"/>
          <p:cNvSpPr txBox="1"/>
          <p:nvPr/>
        </p:nvSpPr>
        <p:spPr>
          <a:xfrm>
            <a:off x="193100" y="3795242"/>
            <a:ext cx="8650125" cy="2677656"/>
          </a:xfrm>
          <a:prstGeom prst="rect">
            <a:avLst/>
          </a:prstGeom>
          <a:noFill/>
        </p:spPr>
        <p:txBody>
          <a:bodyPr wrap="none" rtlCol="0">
            <a:spAutoFit/>
          </a:bodyPr>
          <a:lstStyle/>
          <a:p>
            <a:r>
              <a:rPr kumimoji="1" lang="ja-JP" altLang="en-US" sz="2400" dirty="0"/>
              <a:t>現在１５団体との「連携協定」</a:t>
            </a:r>
            <a:endParaRPr kumimoji="1" lang="en-US" altLang="ja-JP" sz="2400" dirty="0"/>
          </a:p>
          <a:p>
            <a:r>
              <a:rPr lang="ja-JP" altLang="en-US" sz="2400" dirty="0"/>
              <a:t>第</a:t>
            </a:r>
            <a:r>
              <a:rPr lang="en-US" altLang="ja-JP" sz="2400" dirty="0"/>
              <a:t>1</a:t>
            </a:r>
            <a:r>
              <a:rPr lang="ja-JP" altLang="en-US" sz="2400" dirty="0"/>
              <a:t>号は土木研究所、その後、京都大、大阪大など、</a:t>
            </a:r>
            <a:endParaRPr lang="en-US" altLang="ja-JP" sz="2400" dirty="0"/>
          </a:p>
          <a:p>
            <a:r>
              <a:rPr kumimoji="1" lang="ja-JP" altLang="en-US" sz="2400" dirty="0"/>
              <a:t>現在は民間企業も含め１５団体と協定、増加中！</a:t>
            </a:r>
            <a:endParaRPr kumimoji="1" lang="en-US" altLang="ja-JP" sz="2400" dirty="0"/>
          </a:p>
          <a:p>
            <a:endParaRPr lang="en-US" altLang="ja-JP" sz="2400" dirty="0"/>
          </a:p>
          <a:p>
            <a:r>
              <a:rPr kumimoji="1" lang="ja-JP" altLang="en-US" sz="2400" dirty="0"/>
              <a:t>まず初年度（平成２７年度から）に市長に許可を取る、</a:t>
            </a:r>
            <a:endParaRPr kumimoji="1" lang="en-US" altLang="ja-JP" sz="2400" dirty="0"/>
          </a:p>
          <a:p>
            <a:r>
              <a:rPr lang="ja-JP" altLang="en-US" sz="2400" dirty="0"/>
              <a:t>「新技術導入のためのフィールドの積極提供と協力を行う」</a:t>
            </a:r>
            <a:endParaRPr lang="en-US" altLang="ja-JP" sz="2400" dirty="0"/>
          </a:p>
          <a:p>
            <a:r>
              <a:rPr kumimoji="1" lang="ja-JP" altLang="en-US" sz="2400" dirty="0"/>
              <a:t>民間との協力⇒職員の技術力のアップ！</a:t>
            </a:r>
          </a:p>
        </p:txBody>
      </p:sp>
    </p:spTree>
    <p:extLst>
      <p:ext uri="{BB962C8B-B14F-4D97-AF65-F5344CB8AC3E}">
        <p14:creationId xmlns:p14="http://schemas.microsoft.com/office/powerpoint/2010/main" val="1732934232"/>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a:extLst>
              <a:ext uri="{FF2B5EF4-FFF2-40B4-BE49-F238E27FC236}">
                <a16:creationId xmlns:a16="http://schemas.microsoft.com/office/drawing/2014/main" id="{0D15E348-911B-4FFE-95BC-FC8EAF7C3FD1}"/>
              </a:ext>
            </a:extLst>
          </p:cNvPr>
          <p:cNvGrpSpPr/>
          <p:nvPr/>
        </p:nvGrpSpPr>
        <p:grpSpPr>
          <a:xfrm>
            <a:off x="3135153" y="2143267"/>
            <a:ext cx="2691765" cy="2319657"/>
            <a:chOff x="0" y="0"/>
            <a:chExt cx="2692399" cy="2319866"/>
          </a:xfrm>
          <a:solidFill>
            <a:schemeClr val="bg1">
              <a:lumMod val="65000"/>
            </a:schemeClr>
          </a:solidFill>
        </p:grpSpPr>
        <p:sp>
          <p:nvSpPr>
            <p:cNvPr id="3" name="正方形/長方形 2">
              <a:extLst>
                <a:ext uri="{FF2B5EF4-FFF2-40B4-BE49-F238E27FC236}">
                  <a16:creationId xmlns:a16="http://schemas.microsoft.com/office/drawing/2014/main" id="{E9593CCB-6B7B-4C29-9B5F-4A9561041831}"/>
                </a:ext>
              </a:extLst>
            </p:cNvPr>
            <p:cNvSpPr/>
            <p:nvPr/>
          </p:nvSpPr>
          <p:spPr>
            <a:xfrm>
              <a:off x="0" y="787400"/>
              <a:ext cx="2684778" cy="211666"/>
            </a:xfrm>
            <a:prstGeom prst="rect">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4" name="台形 3">
              <a:extLst>
                <a:ext uri="{FF2B5EF4-FFF2-40B4-BE49-F238E27FC236}">
                  <a16:creationId xmlns:a16="http://schemas.microsoft.com/office/drawing/2014/main" id="{AD6CC02C-64FD-4F03-A4B3-BD7375C89E64}"/>
                </a:ext>
              </a:extLst>
            </p:cNvPr>
            <p:cNvSpPr/>
            <p:nvPr/>
          </p:nvSpPr>
          <p:spPr>
            <a:xfrm>
              <a:off x="101600" y="999066"/>
              <a:ext cx="2506133" cy="1320800"/>
            </a:xfrm>
            <a:prstGeom prst="trapezoid">
              <a:avLst>
                <a:gd name="adj" fmla="val 5769"/>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5" name="正方形/長方形 4">
              <a:extLst>
                <a:ext uri="{FF2B5EF4-FFF2-40B4-BE49-F238E27FC236}">
                  <a16:creationId xmlns:a16="http://schemas.microsoft.com/office/drawing/2014/main" id="{66E0264D-AA86-43B8-ADD7-E9FD07DADE7F}"/>
                </a:ext>
              </a:extLst>
            </p:cNvPr>
            <p:cNvSpPr/>
            <p:nvPr/>
          </p:nvSpPr>
          <p:spPr>
            <a:xfrm>
              <a:off x="245533" y="431800"/>
              <a:ext cx="135467" cy="313266"/>
            </a:xfrm>
            <a:prstGeom prst="rect">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6" name="正方形/長方形 5">
              <a:extLst>
                <a:ext uri="{FF2B5EF4-FFF2-40B4-BE49-F238E27FC236}">
                  <a16:creationId xmlns:a16="http://schemas.microsoft.com/office/drawing/2014/main" id="{DBFC9C6E-BD25-48F3-84C4-CCAAC6D3E0AE}"/>
                </a:ext>
              </a:extLst>
            </p:cNvPr>
            <p:cNvSpPr/>
            <p:nvPr/>
          </p:nvSpPr>
          <p:spPr>
            <a:xfrm>
              <a:off x="787400" y="431800"/>
              <a:ext cx="135467" cy="313266"/>
            </a:xfrm>
            <a:prstGeom prst="rect">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7" name="正方形/長方形 6">
              <a:extLst>
                <a:ext uri="{FF2B5EF4-FFF2-40B4-BE49-F238E27FC236}">
                  <a16:creationId xmlns:a16="http://schemas.microsoft.com/office/drawing/2014/main" id="{DEACA7E9-E34B-44B8-8539-04E5CC4FF5A5}"/>
                </a:ext>
              </a:extLst>
            </p:cNvPr>
            <p:cNvSpPr/>
            <p:nvPr/>
          </p:nvSpPr>
          <p:spPr>
            <a:xfrm>
              <a:off x="1312333" y="423333"/>
              <a:ext cx="135255" cy="313055"/>
            </a:xfrm>
            <a:prstGeom prst="rect">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8" name="正方形/長方形 7">
              <a:extLst>
                <a:ext uri="{FF2B5EF4-FFF2-40B4-BE49-F238E27FC236}">
                  <a16:creationId xmlns:a16="http://schemas.microsoft.com/office/drawing/2014/main" id="{3893FF06-6102-47D1-BA57-DBD7D29432C3}"/>
                </a:ext>
              </a:extLst>
            </p:cNvPr>
            <p:cNvSpPr/>
            <p:nvPr/>
          </p:nvSpPr>
          <p:spPr>
            <a:xfrm>
              <a:off x="1820333" y="431800"/>
              <a:ext cx="135255" cy="313055"/>
            </a:xfrm>
            <a:prstGeom prst="rect">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9" name="正方形/長方形 8">
              <a:extLst>
                <a:ext uri="{FF2B5EF4-FFF2-40B4-BE49-F238E27FC236}">
                  <a16:creationId xmlns:a16="http://schemas.microsoft.com/office/drawing/2014/main" id="{7388B294-A7E7-431D-8535-C91C20DD2721}"/>
                </a:ext>
              </a:extLst>
            </p:cNvPr>
            <p:cNvSpPr/>
            <p:nvPr/>
          </p:nvSpPr>
          <p:spPr>
            <a:xfrm>
              <a:off x="2404533" y="423333"/>
              <a:ext cx="135467" cy="313266"/>
            </a:xfrm>
            <a:prstGeom prst="rect">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10" name="正方形/長方形 9">
              <a:extLst>
                <a:ext uri="{FF2B5EF4-FFF2-40B4-BE49-F238E27FC236}">
                  <a16:creationId xmlns:a16="http://schemas.microsoft.com/office/drawing/2014/main" id="{23EB4D02-1394-4F5A-9E23-2C6510FAC102}"/>
                </a:ext>
              </a:extLst>
            </p:cNvPr>
            <p:cNvSpPr/>
            <p:nvPr/>
          </p:nvSpPr>
          <p:spPr>
            <a:xfrm>
              <a:off x="25400" y="338666"/>
              <a:ext cx="2658322" cy="93133"/>
            </a:xfrm>
            <a:prstGeom prst="rect">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11" name="正方形/長方形 10">
              <a:extLst>
                <a:ext uri="{FF2B5EF4-FFF2-40B4-BE49-F238E27FC236}">
                  <a16:creationId xmlns:a16="http://schemas.microsoft.com/office/drawing/2014/main" id="{8976A085-9108-4E24-9550-431ADADE8CB2}"/>
                </a:ext>
              </a:extLst>
            </p:cNvPr>
            <p:cNvSpPr/>
            <p:nvPr/>
          </p:nvSpPr>
          <p:spPr>
            <a:xfrm flipH="1">
              <a:off x="25400" y="245533"/>
              <a:ext cx="118533" cy="92922"/>
            </a:xfrm>
            <a:prstGeom prst="rect">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12" name="正方形/長方形 11">
              <a:extLst>
                <a:ext uri="{FF2B5EF4-FFF2-40B4-BE49-F238E27FC236}">
                  <a16:creationId xmlns:a16="http://schemas.microsoft.com/office/drawing/2014/main" id="{6F2C0411-963C-4462-9D35-AEDBE98CAF0D}"/>
                </a:ext>
              </a:extLst>
            </p:cNvPr>
            <p:cNvSpPr/>
            <p:nvPr/>
          </p:nvSpPr>
          <p:spPr>
            <a:xfrm flipH="1">
              <a:off x="2573866" y="245533"/>
              <a:ext cx="118533" cy="92922"/>
            </a:xfrm>
            <a:prstGeom prst="rect">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13" name="正方形/長方形 12">
              <a:extLst>
                <a:ext uri="{FF2B5EF4-FFF2-40B4-BE49-F238E27FC236}">
                  <a16:creationId xmlns:a16="http://schemas.microsoft.com/office/drawing/2014/main" id="{FF821336-D676-450A-A975-EFC94547C213}"/>
                </a:ext>
              </a:extLst>
            </p:cNvPr>
            <p:cNvSpPr/>
            <p:nvPr/>
          </p:nvSpPr>
          <p:spPr>
            <a:xfrm flipH="1">
              <a:off x="2607733" y="0"/>
              <a:ext cx="50800" cy="245110"/>
            </a:xfrm>
            <a:prstGeom prst="rect">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14" name="正方形/長方形 13">
              <a:extLst>
                <a:ext uri="{FF2B5EF4-FFF2-40B4-BE49-F238E27FC236}">
                  <a16:creationId xmlns:a16="http://schemas.microsoft.com/office/drawing/2014/main" id="{546F71AC-A7A9-4811-98FA-CBF641405A04}"/>
                </a:ext>
              </a:extLst>
            </p:cNvPr>
            <p:cNvSpPr/>
            <p:nvPr/>
          </p:nvSpPr>
          <p:spPr>
            <a:xfrm flipH="1">
              <a:off x="59266" y="0"/>
              <a:ext cx="50800" cy="245110"/>
            </a:xfrm>
            <a:prstGeom prst="rect">
              <a:avLst/>
            </a:prstGeom>
            <a:grpFill/>
            <a:ln w="25400"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15" name="フリーフォーム 14">
              <a:extLst>
                <a:ext uri="{FF2B5EF4-FFF2-40B4-BE49-F238E27FC236}">
                  <a16:creationId xmlns:a16="http://schemas.microsoft.com/office/drawing/2014/main" id="{48432204-48EF-4FE8-8398-8B8BE48E5D85}"/>
                </a:ext>
              </a:extLst>
            </p:cNvPr>
            <p:cNvSpPr/>
            <p:nvPr/>
          </p:nvSpPr>
          <p:spPr>
            <a:xfrm>
              <a:off x="84666" y="787400"/>
              <a:ext cx="58420" cy="228600"/>
            </a:xfrm>
            <a:custGeom>
              <a:avLst/>
              <a:gdLst>
                <a:gd name="connsiteX0" fmla="*/ 19053 w 19053"/>
                <a:gd name="connsiteY0" fmla="*/ 0 h 203200"/>
                <a:gd name="connsiteX1" fmla="*/ 2119 w 19053"/>
                <a:gd name="connsiteY1" fmla="*/ 203200 h 203200"/>
              </a:gdLst>
              <a:ahLst/>
              <a:cxnLst>
                <a:cxn ang="0">
                  <a:pos x="connsiteX0" y="connsiteY0"/>
                </a:cxn>
                <a:cxn ang="0">
                  <a:pos x="connsiteX1" y="connsiteY1"/>
                </a:cxn>
              </a:cxnLst>
              <a:rect l="l" t="t" r="r" b="b"/>
              <a:pathLst>
                <a:path w="19053" h="203200">
                  <a:moveTo>
                    <a:pt x="19053" y="0"/>
                  </a:moveTo>
                  <a:cubicBezTo>
                    <a:pt x="-8833" y="111540"/>
                    <a:pt x="2119" y="44460"/>
                    <a:pt x="2119" y="203200"/>
                  </a:cubicBezTo>
                </a:path>
              </a:pathLst>
            </a:custGeom>
            <a:grpFill/>
            <a:ln w="9525"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sp>
          <p:nvSpPr>
            <p:cNvPr id="16" name="フリーフォーム 15">
              <a:extLst>
                <a:ext uri="{FF2B5EF4-FFF2-40B4-BE49-F238E27FC236}">
                  <a16:creationId xmlns:a16="http://schemas.microsoft.com/office/drawing/2014/main" id="{D9A4DEE0-16CC-48FD-B48E-49F9E946A531}"/>
                </a:ext>
              </a:extLst>
            </p:cNvPr>
            <p:cNvSpPr/>
            <p:nvPr/>
          </p:nvSpPr>
          <p:spPr>
            <a:xfrm>
              <a:off x="524933" y="787400"/>
              <a:ext cx="127000" cy="203200"/>
            </a:xfrm>
            <a:custGeom>
              <a:avLst/>
              <a:gdLst>
                <a:gd name="connsiteX0" fmla="*/ 0 w 127000"/>
                <a:gd name="connsiteY0" fmla="*/ 0 h 177995"/>
                <a:gd name="connsiteX1" fmla="*/ 25400 w 127000"/>
                <a:gd name="connsiteY1" fmla="*/ 42333 h 177995"/>
                <a:gd name="connsiteX2" fmla="*/ 50800 w 127000"/>
                <a:gd name="connsiteY2" fmla="*/ 59266 h 177995"/>
                <a:gd name="connsiteX3" fmla="*/ 67733 w 127000"/>
                <a:gd name="connsiteY3" fmla="*/ 84666 h 177995"/>
                <a:gd name="connsiteX4" fmla="*/ 76200 w 127000"/>
                <a:gd name="connsiteY4" fmla="*/ 127000 h 177995"/>
                <a:gd name="connsiteX5" fmla="*/ 101600 w 127000"/>
                <a:gd name="connsiteY5" fmla="*/ 135466 h 177995"/>
                <a:gd name="connsiteX6" fmla="*/ 127000 w 127000"/>
                <a:gd name="connsiteY6" fmla="*/ 177800 h 17799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27000" h="177995">
                  <a:moveTo>
                    <a:pt x="0" y="0"/>
                  </a:moveTo>
                  <a:cubicBezTo>
                    <a:pt x="8467" y="14111"/>
                    <a:pt x="14690" y="29839"/>
                    <a:pt x="25400" y="42333"/>
                  </a:cubicBezTo>
                  <a:cubicBezTo>
                    <a:pt x="32022" y="50059"/>
                    <a:pt x="43605" y="52071"/>
                    <a:pt x="50800" y="59266"/>
                  </a:cubicBezTo>
                  <a:cubicBezTo>
                    <a:pt x="57995" y="66461"/>
                    <a:pt x="62089" y="76199"/>
                    <a:pt x="67733" y="84666"/>
                  </a:cubicBezTo>
                  <a:cubicBezTo>
                    <a:pt x="70555" y="98777"/>
                    <a:pt x="68217" y="115026"/>
                    <a:pt x="76200" y="127000"/>
                  </a:cubicBezTo>
                  <a:cubicBezTo>
                    <a:pt x="81151" y="134426"/>
                    <a:pt x="96649" y="128040"/>
                    <a:pt x="101600" y="135466"/>
                  </a:cubicBezTo>
                  <a:cubicBezTo>
                    <a:pt x="133513" y="183335"/>
                    <a:pt x="86915" y="177800"/>
                    <a:pt x="127000" y="177800"/>
                  </a:cubicBezTo>
                </a:path>
              </a:pathLst>
            </a:custGeom>
            <a:grpFill/>
            <a:ln w="9525" cap="flat" cmpd="sng" algn="ctr">
              <a:solidFill>
                <a:sysClr val="windowText" lastClr="000000">
                  <a:lumMod val="50000"/>
                  <a:lumOff val="50000"/>
                </a:sysClr>
              </a:solidFill>
              <a:prstDash val="solid"/>
            </a:ln>
            <a:effectLst/>
          </p:spPr>
          <p:txBody>
            <a:bodyPr anchor="ctr"/>
            <a:lstStyle/>
            <a:p>
              <a:pPr eaLnBrk="1" fontAlgn="auto" hangingPunct="1">
                <a:spcBef>
                  <a:spcPts val="0"/>
                </a:spcBef>
                <a:spcAft>
                  <a:spcPts val="0"/>
                </a:spcAft>
                <a:defRPr/>
              </a:pPr>
              <a:endParaRPr lang="ja-JP" altLang="en-US">
                <a:latin typeface="+mn-lt"/>
              </a:endParaRPr>
            </a:p>
          </p:txBody>
        </p:sp>
      </p:grpSp>
      <p:pic>
        <p:nvPicPr>
          <p:cNvPr id="88067" name="図 16">
            <a:extLst>
              <a:ext uri="{FF2B5EF4-FFF2-40B4-BE49-F238E27FC236}">
                <a16:creationId xmlns:a16="http://schemas.microsoft.com/office/drawing/2014/main" id="{2DA24636-41FF-4002-8FB2-C7023DDBA8D8}"/>
              </a:ext>
            </a:extLst>
          </p:cNvPr>
          <p:cNvPicPr>
            <a:picLocks noChangeAspect="1" noChangeArrowheads="1"/>
          </p:cNvPicPr>
          <p:nvPr/>
        </p:nvPicPr>
        <p:blipFill>
          <a:blip r:embed="rId2">
            <a:extLst>
              <a:ext uri="{28A0092B-C50C-407E-A947-70E740481C1C}">
                <a14:useLocalDpi xmlns:a14="http://schemas.microsoft.com/office/drawing/2010/main" val="0"/>
              </a:ext>
            </a:extLst>
          </a:blip>
          <a:srcRect t="27979"/>
          <a:stretch>
            <a:fillRect/>
          </a:stretch>
        </p:blipFill>
        <p:spPr bwMode="auto">
          <a:xfrm>
            <a:off x="2854325" y="1268413"/>
            <a:ext cx="625475" cy="595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88068" name="グループ化 17">
            <a:extLst>
              <a:ext uri="{FF2B5EF4-FFF2-40B4-BE49-F238E27FC236}">
                <a16:creationId xmlns:a16="http://schemas.microsoft.com/office/drawing/2014/main" id="{58993584-2C79-4089-9D12-8DEB819D6560}"/>
              </a:ext>
            </a:extLst>
          </p:cNvPr>
          <p:cNvGrpSpPr>
            <a:grpSpLocks/>
          </p:cNvGrpSpPr>
          <p:nvPr/>
        </p:nvGrpSpPr>
        <p:grpSpPr bwMode="auto">
          <a:xfrm>
            <a:off x="3076575" y="1863725"/>
            <a:ext cx="298450" cy="1098550"/>
            <a:chOff x="0" y="0"/>
            <a:chExt cx="297815" cy="1098550"/>
          </a:xfrm>
        </p:grpSpPr>
        <p:sp>
          <p:nvSpPr>
            <p:cNvPr id="88084" name="正方形/長方形 18">
              <a:extLst>
                <a:ext uri="{FF2B5EF4-FFF2-40B4-BE49-F238E27FC236}">
                  <a16:creationId xmlns:a16="http://schemas.microsoft.com/office/drawing/2014/main" id="{5891D2D6-BA31-4415-B02B-6775B93ECEA7}"/>
                </a:ext>
              </a:extLst>
            </p:cNvPr>
            <p:cNvSpPr>
              <a:spLocks noChangeArrowheads="1"/>
            </p:cNvSpPr>
            <p:nvPr/>
          </p:nvSpPr>
          <p:spPr bwMode="auto">
            <a:xfrm flipH="1" flipV="1">
              <a:off x="146050" y="1047750"/>
              <a:ext cx="151765" cy="50800"/>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kumimoji="1" lang="ja-JP" altLang="en-US" sz="2400">
                <a:latin typeface="Arial" panose="020B0604020202020204" pitchFamily="34" charset="0"/>
              </a:endParaRPr>
            </a:p>
          </p:txBody>
        </p:sp>
        <p:sp>
          <p:nvSpPr>
            <p:cNvPr id="88085" name="正方形/長方形 19">
              <a:extLst>
                <a:ext uri="{FF2B5EF4-FFF2-40B4-BE49-F238E27FC236}">
                  <a16:creationId xmlns:a16="http://schemas.microsoft.com/office/drawing/2014/main" id="{85EA8C5B-73A4-41CC-8AF5-0DBFF208C244}"/>
                </a:ext>
              </a:extLst>
            </p:cNvPr>
            <p:cNvSpPr>
              <a:spLocks noChangeArrowheads="1"/>
            </p:cNvSpPr>
            <p:nvPr/>
          </p:nvSpPr>
          <p:spPr bwMode="auto">
            <a:xfrm>
              <a:off x="0" y="0"/>
              <a:ext cx="45085" cy="558165"/>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kumimoji="1" lang="ja-JP" altLang="en-US" sz="2400">
                <a:latin typeface="Arial" panose="020B0604020202020204" pitchFamily="34" charset="0"/>
              </a:endParaRPr>
            </a:p>
          </p:txBody>
        </p:sp>
        <p:sp>
          <p:nvSpPr>
            <p:cNvPr id="88086" name="正方形/長方形 20">
              <a:extLst>
                <a:ext uri="{FF2B5EF4-FFF2-40B4-BE49-F238E27FC236}">
                  <a16:creationId xmlns:a16="http://schemas.microsoft.com/office/drawing/2014/main" id="{F23766F0-DC0F-4475-886F-573B3BDCEC26}"/>
                </a:ext>
              </a:extLst>
            </p:cNvPr>
            <p:cNvSpPr>
              <a:spLocks noChangeArrowheads="1"/>
            </p:cNvSpPr>
            <p:nvPr/>
          </p:nvSpPr>
          <p:spPr bwMode="auto">
            <a:xfrm rot="-5400000">
              <a:off x="95250" y="425450"/>
              <a:ext cx="45085" cy="212725"/>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kumimoji="1" lang="ja-JP" altLang="en-US" sz="2400">
                <a:latin typeface="Arial" panose="020B0604020202020204" pitchFamily="34" charset="0"/>
              </a:endParaRPr>
            </a:p>
          </p:txBody>
        </p:sp>
        <p:sp>
          <p:nvSpPr>
            <p:cNvPr id="88087" name="正方形/長方形 21">
              <a:extLst>
                <a:ext uri="{FF2B5EF4-FFF2-40B4-BE49-F238E27FC236}">
                  <a16:creationId xmlns:a16="http://schemas.microsoft.com/office/drawing/2014/main" id="{7093BC4C-6E9D-412C-A008-1205847FA0F4}"/>
                </a:ext>
              </a:extLst>
            </p:cNvPr>
            <p:cNvSpPr>
              <a:spLocks noChangeArrowheads="1"/>
            </p:cNvSpPr>
            <p:nvPr/>
          </p:nvSpPr>
          <p:spPr bwMode="auto">
            <a:xfrm rot="-5400000">
              <a:off x="95250" y="304800"/>
              <a:ext cx="45719" cy="212759"/>
            </a:xfrm>
            <a:prstGeom prst="rect">
              <a:avLst/>
            </a:prstGeom>
            <a:solidFill>
              <a:srgbClr val="FFFF00"/>
            </a:solidFill>
            <a:ln w="25400" algn="ctr">
              <a:solidFill>
                <a:srgbClr val="385D8A"/>
              </a:solidFill>
              <a:miter lim="800000"/>
              <a:headEnd/>
              <a:tailEnd/>
            </a:ln>
          </p:spPr>
          <p:txBody>
            <a:bodyPr anchor="ct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endParaRPr kumimoji="1" lang="ja-JP" altLang="en-US" sz="2400">
                <a:latin typeface="Arial" panose="020B0604020202020204" pitchFamily="34" charset="0"/>
              </a:endParaRPr>
            </a:p>
          </p:txBody>
        </p:sp>
      </p:grpSp>
      <p:pic>
        <p:nvPicPr>
          <p:cNvPr id="88069" name="Picture 2">
            <a:extLst>
              <a:ext uri="{FF2B5EF4-FFF2-40B4-BE49-F238E27FC236}">
                <a16:creationId xmlns:a16="http://schemas.microsoft.com/office/drawing/2014/main" id="{AAE560AD-9B20-4944-A6E1-70D1C38F442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8425" y="738188"/>
            <a:ext cx="2578100" cy="25781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8070" name="テキスト ボックス 25">
            <a:extLst>
              <a:ext uri="{FF2B5EF4-FFF2-40B4-BE49-F238E27FC236}">
                <a16:creationId xmlns:a16="http://schemas.microsoft.com/office/drawing/2014/main" id="{2E5D7F80-E348-421E-B0C9-D13435DC1C24}"/>
              </a:ext>
            </a:extLst>
          </p:cNvPr>
          <p:cNvSpPr txBox="1">
            <a:spLocks noChangeArrowheads="1"/>
          </p:cNvSpPr>
          <p:nvPr/>
        </p:nvSpPr>
        <p:spPr bwMode="auto">
          <a:xfrm>
            <a:off x="648376" y="137055"/>
            <a:ext cx="7088187" cy="70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ja-JP" altLang="en-US" sz="4000" dirty="0">
                <a:latin typeface="Arial" panose="020B0604020202020204" pitchFamily="34" charset="0"/>
              </a:rPr>
              <a:t>モニタリングシステムによる監視</a:t>
            </a:r>
          </a:p>
        </p:txBody>
      </p:sp>
      <p:sp>
        <p:nvSpPr>
          <p:cNvPr id="27" name="四角形吹き出し 26">
            <a:extLst>
              <a:ext uri="{FF2B5EF4-FFF2-40B4-BE49-F238E27FC236}">
                <a16:creationId xmlns:a16="http://schemas.microsoft.com/office/drawing/2014/main" id="{B4628F62-211F-49FD-A65B-9685294602B5}"/>
              </a:ext>
            </a:extLst>
          </p:cNvPr>
          <p:cNvSpPr/>
          <p:nvPr/>
        </p:nvSpPr>
        <p:spPr>
          <a:xfrm>
            <a:off x="3890963" y="849313"/>
            <a:ext cx="1401762" cy="717550"/>
          </a:xfrm>
          <a:prstGeom prst="wedgeRectCallout">
            <a:avLst>
              <a:gd name="adj1" fmla="val -124447"/>
              <a:gd name="adj2" fmla="val 71491"/>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88072" name="テキスト ボックス 27">
            <a:extLst>
              <a:ext uri="{FF2B5EF4-FFF2-40B4-BE49-F238E27FC236}">
                <a16:creationId xmlns:a16="http://schemas.microsoft.com/office/drawing/2014/main" id="{802F3513-83A1-4CBC-8ED7-52BBB18450D9}"/>
              </a:ext>
            </a:extLst>
          </p:cNvPr>
          <p:cNvSpPr txBox="1">
            <a:spLocks noChangeArrowheads="1"/>
          </p:cNvSpPr>
          <p:nvPr/>
        </p:nvSpPr>
        <p:spPr bwMode="auto">
          <a:xfrm>
            <a:off x="3954463" y="831850"/>
            <a:ext cx="735012"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ja-JP" altLang="en-US" sz="2400" b="1">
                <a:latin typeface="Arial" panose="020B0604020202020204" pitchFamily="34" charset="0"/>
              </a:rPr>
              <a:t>ｿｰﾗｰ</a:t>
            </a:r>
            <a:endParaRPr kumimoji="1" lang="en-US" altLang="ja-JP" sz="2400" b="1">
              <a:latin typeface="Arial" panose="020B0604020202020204" pitchFamily="34" charset="0"/>
            </a:endParaRPr>
          </a:p>
          <a:p>
            <a:pPr eaLnBrk="1" hangingPunct="1"/>
            <a:r>
              <a:rPr kumimoji="1" lang="ja-JP" altLang="en-US" sz="2400" b="1">
                <a:latin typeface="Arial" panose="020B0604020202020204" pitchFamily="34" charset="0"/>
              </a:rPr>
              <a:t>ﾊﾟﾈﾙ</a:t>
            </a:r>
          </a:p>
        </p:txBody>
      </p:sp>
      <p:sp>
        <p:nvSpPr>
          <p:cNvPr id="29" name="四角形吹き出し 28">
            <a:extLst>
              <a:ext uri="{FF2B5EF4-FFF2-40B4-BE49-F238E27FC236}">
                <a16:creationId xmlns:a16="http://schemas.microsoft.com/office/drawing/2014/main" id="{205EB7C3-2801-4EDF-AC0D-E4AB9109CBC9}"/>
              </a:ext>
            </a:extLst>
          </p:cNvPr>
          <p:cNvSpPr/>
          <p:nvPr/>
        </p:nvSpPr>
        <p:spPr>
          <a:xfrm>
            <a:off x="3868738" y="1749425"/>
            <a:ext cx="1495425" cy="515938"/>
          </a:xfrm>
          <a:prstGeom prst="wedgeRectCallout">
            <a:avLst>
              <a:gd name="adj1" fmla="val -95347"/>
              <a:gd name="adj2" fmla="val -38974"/>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88074" name="テキスト ボックス 29">
            <a:extLst>
              <a:ext uri="{FF2B5EF4-FFF2-40B4-BE49-F238E27FC236}">
                <a16:creationId xmlns:a16="http://schemas.microsoft.com/office/drawing/2014/main" id="{EBFE816D-33E8-4C03-9805-451A11D1D621}"/>
              </a:ext>
            </a:extLst>
          </p:cNvPr>
          <p:cNvSpPr txBox="1">
            <a:spLocks noChangeArrowheads="1"/>
          </p:cNvSpPr>
          <p:nvPr/>
        </p:nvSpPr>
        <p:spPr bwMode="auto">
          <a:xfrm>
            <a:off x="3924300" y="1773238"/>
            <a:ext cx="1784350" cy="46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ja-JP" altLang="en-US" sz="2400" b="1">
                <a:latin typeface="Arial" panose="020B0604020202020204" pitchFamily="34" charset="0"/>
              </a:rPr>
              <a:t>通信装置</a:t>
            </a:r>
          </a:p>
        </p:txBody>
      </p:sp>
      <p:sp>
        <p:nvSpPr>
          <p:cNvPr id="31" name="四角形吹き出し 30">
            <a:extLst>
              <a:ext uri="{FF2B5EF4-FFF2-40B4-BE49-F238E27FC236}">
                <a16:creationId xmlns:a16="http://schemas.microsoft.com/office/drawing/2014/main" id="{4A81ECCA-21FA-4A5E-BF53-A2BB61E18885}"/>
              </a:ext>
            </a:extLst>
          </p:cNvPr>
          <p:cNvSpPr/>
          <p:nvPr/>
        </p:nvSpPr>
        <p:spPr>
          <a:xfrm>
            <a:off x="1198563" y="3459163"/>
            <a:ext cx="2024062" cy="617537"/>
          </a:xfrm>
          <a:prstGeom prst="wedgeRectCallout">
            <a:avLst>
              <a:gd name="adj1" fmla="val 74377"/>
              <a:gd name="adj2" fmla="val -176484"/>
            </a:avLst>
          </a:prstGeom>
          <a:no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88076" name="テキスト ボックス 31">
            <a:extLst>
              <a:ext uri="{FF2B5EF4-FFF2-40B4-BE49-F238E27FC236}">
                <a16:creationId xmlns:a16="http://schemas.microsoft.com/office/drawing/2014/main" id="{9DBC825B-C9AD-47FC-B44A-8A3FFAACB3CD}"/>
              </a:ext>
            </a:extLst>
          </p:cNvPr>
          <p:cNvSpPr txBox="1">
            <a:spLocks noChangeArrowheads="1"/>
          </p:cNvSpPr>
          <p:nvPr/>
        </p:nvSpPr>
        <p:spPr bwMode="auto">
          <a:xfrm>
            <a:off x="1258888" y="3481388"/>
            <a:ext cx="1541462"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r>
              <a:rPr kumimoji="1" lang="ja-JP" altLang="en-US" sz="2400" b="1">
                <a:latin typeface="Arial" panose="020B0604020202020204" pitchFamily="34" charset="0"/>
              </a:rPr>
              <a:t>直線変位ｾﾝｻ</a:t>
            </a:r>
          </a:p>
        </p:txBody>
      </p:sp>
      <p:pic>
        <p:nvPicPr>
          <p:cNvPr id="88077" name="Picture 2">
            <a:extLst>
              <a:ext uri="{FF2B5EF4-FFF2-40B4-BE49-F238E27FC236}">
                <a16:creationId xmlns:a16="http://schemas.microsoft.com/office/drawing/2014/main" id="{1704CE8F-4063-4901-8762-A12F79421DB2}"/>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097588" y="4573588"/>
            <a:ext cx="3046412" cy="2284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34" name="グラフ 33">
            <a:extLst>
              <a:ext uri="{FF2B5EF4-FFF2-40B4-BE49-F238E27FC236}">
                <a16:creationId xmlns:a16="http://schemas.microsoft.com/office/drawing/2014/main" id="{F407DED4-94F6-41A3-A2E4-D10DEC9097A0}"/>
              </a:ext>
            </a:extLst>
          </p:cNvPr>
          <p:cNvGraphicFramePr>
            <a:graphicFrameLocks/>
          </p:cNvGraphicFramePr>
          <p:nvPr/>
        </p:nvGraphicFramePr>
        <p:xfrm>
          <a:off x="98490" y="4636019"/>
          <a:ext cx="3799872" cy="2201817"/>
        </p:xfrm>
        <a:graphic>
          <a:graphicData uri="http://schemas.openxmlformats.org/drawingml/2006/chart">
            <c:chart xmlns:c="http://schemas.openxmlformats.org/drawingml/2006/chart" xmlns:r="http://schemas.openxmlformats.org/officeDocument/2006/relationships" r:id="rId5"/>
          </a:graphicData>
        </a:graphic>
      </p:graphicFrame>
      <p:pic>
        <p:nvPicPr>
          <p:cNvPr id="88079" name="Picture 2">
            <a:extLst>
              <a:ext uri="{FF2B5EF4-FFF2-40B4-BE49-F238E27FC236}">
                <a16:creationId xmlns:a16="http://schemas.microsoft.com/office/drawing/2014/main" id="{2DF4CDE0-E6CB-4D8A-8444-394F206B2040}"/>
              </a:ext>
            </a:extLst>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097588" y="738188"/>
            <a:ext cx="3046412" cy="20177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6" name="円/楕円 35">
            <a:extLst>
              <a:ext uri="{FF2B5EF4-FFF2-40B4-BE49-F238E27FC236}">
                <a16:creationId xmlns:a16="http://schemas.microsoft.com/office/drawing/2014/main" id="{18B4FE06-27AB-47D0-A924-D8B830372EBB}"/>
              </a:ext>
            </a:extLst>
          </p:cNvPr>
          <p:cNvSpPr/>
          <p:nvPr/>
        </p:nvSpPr>
        <p:spPr>
          <a:xfrm>
            <a:off x="2940050" y="2825750"/>
            <a:ext cx="1152525" cy="457200"/>
          </a:xfrm>
          <a:prstGeom prst="ellipse">
            <a:avLst/>
          </a:prstGeom>
          <a:noFill/>
          <a:ln w="57150">
            <a:solidFill>
              <a:srgbClr val="FF33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38" name="円/楕円 37">
            <a:extLst>
              <a:ext uri="{FF2B5EF4-FFF2-40B4-BE49-F238E27FC236}">
                <a16:creationId xmlns:a16="http://schemas.microsoft.com/office/drawing/2014/main" id="{6FF7A7DB-B845-47A0-9AEC-A69EAD018FA5}"/>
              </a:ext>
            </a:extLst>
          </p:cNvPr>
          <p:cNvSpPr/>
          <p:nvPr/>
        </p:nvSpPr>
        <p:spPr>
          <a:xfrm>
            <a:off x="7148513" y="1428750"/>
            <a:ext cx="1366837" cy="823913"/>
          </a:xfrm>
          <a:prstGeom prst="ellipse">
            <a:avLst/>
          </a:prstGeom>
          <a:noFill/>
          <a:ln w="57150">
            <a:solidFill>
              <a:srgbClr val="FF33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39" name="円/楕円 38">
            <a:extLst>
              <a:ext uri="{FF2B5EF4-FFF2-40B4-BE49-F238E27FC236}">
                <a16:creationId xmlns:a16="http://schemas.microsoft.com/office/drawing/2014/main" id="{45733AEB-B9DB-42E8-8FC2-9E71B311D231}"/>
              </a:ext>
            </a:extLst>
          </p:cNvPr>
          <p:cNvSpPr/>
          <p:nvPr/>
        </p:nvSpPr>
        <p:spPr>
          <a:xfrm>
            <a:off x="6372225" y="4462463"/>
            <a:ext cx="1655763" cy="1584325"/>
          </a:xfrm>
          <a:prstGeom prst="ellipse">
            <a:avLst/>
          </a:prstGeom>
          <a:noFill/>
          <a:ln w="57150">
            <a:solidFill>
              <a:srgbClr val="FF33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fontAlgn="auto" hangingPunct="1">
              <a:spcBef>
                <a:spcPts val="0"/>
              </a:spcBef>
              <a:spcAft>
                <a:spcPts val="0"/>
              </a:spcAft>
              <a:defRPr/>
            </a:pPr>
            <a:endParaRPr lang="ja-JP" altLang="en-US"/>
          </a:p>
        </p:txBody>
      </p:sp>
      <p:sp>
        <p:nvSpPr>
          <p:cNvPr id="88083" name="テキスト ボックス 16">
            <a:extLst>
              <a:ext uri="{FF2B5EF4-FFF2-40B4-BE49-F238E27FC236}">
                <a16:creationId xmlns:a16="http://schemas.microsoft.com/office/drawing/2014/main" id="{C85D83AC-E1E8-48BC-9616-30271B8D4F01}"/>
              </a:ext>
            </a:extLst>
          </p:cNvPr>
          <p:cNvSpPr txBox="1">
            <a:spLocks noChangeArrowheads="1"/>
          </p:cNvSpPr>
          <p:nvPr/>
        </p:nvSpPr>
        <p:spPr bwMode="auto">
          <a:xfrm>
            <a:off x="6038850" y="3054350"/>
            <a:ext cx="2874963" cy="954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r>
              <a:rPr kumimoji="1" lang="ja-JP" altLang="en-US" sz="2800">
                <a:solidFill>
                  <a:srgbClr val="FF0000"/>
                </a:solidFill>
              </a:rPr>
              <a:t>目的を明確にした</a:t>
            </a:r>
            <a:endParaRPr kumimoji="1" lang="en-US" altLang="ja-JP" sz="2800">
              <a:solidFill>
                <a:srgbClr val="FF0000"/>
              </a:solidFill>
            </a:endParaRPr>
          </a:p>
          <a:p>
            <a:r>
              <a:rPr kumimoji="1" lang="ja-JP" altLang="en-US" sz="2800">
                <a:solidFill>
                  <a:srgbClr val="FF0000"/>
                </a:solidFill>
              </a:rPr>
              <a:t>安価なシステム</a:t>
            </a:r>
          </a:p>
        </p:txBody>
      </p:sp>
    </p:spTree>
    <p:extLst>
      <p:ext uri="{BB962C8B-B14F-4D97-AF65-F5344CB8AC3E}">
        <p14:creationId xmlns:p14="http://schemas.microsoft.com/office/powerpoint/2010/main" val="3354696640"/>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152400"/>
            <a:ext cx="8229600" cy="540296"/>
          </a:xfrm>
        </p:spPr>
        <p:txBody>
          <a:bodyPr>
            <a:normAutofit/>
          </a:bodyPr>
          <a:lstStyle/>
          <a:p>
            <a:r>
              <a:rPr lang="ja-JP" altLang="en-US" sz="2000" dirty="0"/>
              <a:t>高速道路上のオーバーブリッジ</a:t>
            </a:r>
            <a:endParaRPr kumimoji="1" lang="ja-JP" altLang="en-US" sz="2000" dirty="0"/>
          </a:p>
        </p:txBody>
      </p:sp>
      <p:pic>
        <p:nvPicPr>
          <p:cNvPr id="5" name="図 4">
            <a:extLst>
              <a:ext uri="{FF2B5EF4-FFF2-40B4-BE49-F238E27FC236}">
                <a16:creationId xmlns:a16="http://schemas.microsoft.com/office/drawing/2014/main" id="{DE9D6DCA-0D6D-981C-E293-BD89EF97BDDB}"/>
              </a:ext>
            </a:extLst>
          </p:cNvPr>
          <p:cNvPicPr>
            <a:picLocks noChangeAspect="1"/>
          </p:cNvPicPr>
          <p:nvPr/>
        </p:nvPicPr>
        <p:blipFill>
          <a:blip r:embed="rId2"/>
          <a:stretch>
            <a:fillRect/>
          </a:stretch>
        </p:blipFill>
        <p:spPr>
          <a:xfrm>
            <a:off x="295641" y="1411323"/>
            <a:ext cx="4520300" cy="1985552"/>
          </a:xfrm>
          <a:prstGeom prst="rect">
            <a:avLst/>
          </a:prstGeom>
        </p:spPr>
      </p:pic>
      <p:pic>
        <p:nvPicPr>
          <p:cNvPr id="6" name="図 5">
            <a:extLst>
              <a:ext uri="{FF2B5EF4-FFF2-40B4-BE49-F238E27FC236}">
                <a16:creationId xmlns:a16="http://schemas.microsoft.com/office/drawing/2014/main" id="{DB8AD7BC-E147-6C26-AD0A-0C307EEA8068}"/>
              </a:ext>
            </a:extLst>
          </p:cNvPr>
          <p:cNvPicPr>
            <a:picLocks noChangeAspect="1"/>
          </p:cNvPicPr>
          <p:nvPr/>
        </p:nvPicPr>
        <p:blipFill>
          <a:blip r:embed="rId3"/>
          <a:stretch>
            <a:fillRect/>
          </a:stretch>
        </p:blipFill>
        <p:spPr>
          <a:xfrm>
            <a:off x="4815941" y="1411323"/>
            <a:ext cx="4121464" cy="1813753"/>
          </a:xfrm>
          <a:prstGeom prst="rect">
            <a:avLst/>
          </a:prstGeom>
        </p:spPr>
      </p:pic>
      <p:pic>
        <p:nvPicPr>
          <p:cNvPr id="7" name="図 6">
            <a:extLst>
              <a:ext uri="{FF2B5EF4-FFF2-40B4-BE49-F238E27FC236}">
                <a16:creationId xmlns:a16="http://schemas.microsoft.com/office/drawing/2014/main" id="{EE6E90E0-5CEA-8EFA-DFE3-20656016C984}"/>
              </a:ext>
            </a:extLst>
          </p:cNvPr>
          <p:cNvPicPr>
            <a:picLocks noChangeAspect="1"/>
          </p:cNvPicPr>
          <p:nvPr/>
        </p:nvPicPr>
        <p:blipFill>
          <a:blip r:embed="rId4"/>
          <a:stretch>
            <a:fillRect/>
          </a:stretch>
        </p:blipFill>
        <p:spPr>
          <a:xfrm>
            <a:off x="457200" y="4173544"/>
            <a:ext cx="3694176" cy="2092344"/>
          </a:xfrm>
          <a:prstGeom prst="rect">
            <a:avLst/>
          </a:prstGeom>
        </p:spPr>
      </p:pic>
      <p:pic>
        <p:nvPicPr>
          <p:cNvPr id="8" name="図 7">
            <a:extLst>
              <a:ext uri="{FF2B5EF4-FFF2-40B4-BE49-F238E27FC236}">
                <a16:creationId xmlns:a16="http://schemas.microsoft.com/office/drawing/2014/main" id="{E4403871-D065-7BAF-5EF6-530F478648AB}"/>
              </a:ext>
            </a:extLst>
          </p:cNvPr>
          <p:cNvPicPr>
            <a:picLocks noChangeAspect="1"/>
          </p:cNvPicPr>
          <p:nvPr/>
        </p:nvPicPr>
        <p:blipFill>
          <a:blip r:embed="rId5"/>
          <a:stretch>
            <a:fillRect/>
          </a:stretch>
        </p:blipFill>
        <p:spPr>
          <a:xfrm>
            <a:off x="4815941" y="4115502"/>
            <a:ext cx="3870859" cy="2208427"/>
          </a:xfrm>
          <a:prstGeom prst="rect">
            <a:avLst/>
          </a:prstGeom>
        </p:spPr>
      </p:pic>
    </p:spTree>
    <p:extLst>
      <p:ext uri="{BB962C8B-B14F-4D97-AF65-F5344CB8AC3E}">
        <p14:creationId xmlns:p14="http://schemas.microsoft.com/office/powerpoint/2010/main" val="2644541129"/>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91254AB-BE3F-4EF6-90AF-A588CCE200B3}"/>
              </a:ext>
            </a:extLst>
          </p:cNvPr>
          <p:cNvSpPr>
            <a:spLocks noGrp="1"/>
          </p:cNvSpPr>
          <p:nvPr>
            <p:ph type="title"/>
          </p:nvPr>
        </p:nvSpPr>
        <p:spPr>
          <a:xfrm>
            <a:off x="457200" y="152400"/>
            <a:ext cx="8229600" cy="539750"/>
          </a:xfrm>
        </p:spPr>
        <p:txBody>
          <a:bodyPr>
            <a:normAutofit/>
          </a:bodyPr>
          <a:lstStyle/>
          <a:p>
            <a:pPr>
              <a:defRPr/>
            </a:pPr>
            <a:r>
              <a:rPr lang="ja-JP" altLang="en-US" b="1" dirty="0"/>
              <a:t>新技術導入のポイントの本音</a:t>
            </a:r>
          </a:p>
        </p:txBody>
      </p:sp>
      <p:sp>
        <p:nvSpPr>
          <p:cNvPr id="75781" name="スライド番号プレースホルダー 4">
            <a:extLst>
              <a:ext uri="{FF2B5EF4-FFF2-40B4-BE49-F238E27FC236}">
                <a16:creationId xmlns:a16="http://schemas.microsoft.com/office/drawing/2014/main" id="{FA53F684-B087-494C-B06C-65B401C58EF9}"/>
              </a:ext>
            </a:extLst>
          </p:cNvPr>
          <p:cNvSpPr>
            <a:spLocks noGrp="1" noChangeArrowheads="1"/>
          </p:cNvSpPr>
          <p:nvPr>
            <p:ph type="sldNum" sz="quarter" idx="12"/>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fld id="{9CE3A104-2956-474E-A676-B7EB5A4EEBF4}" type="slidenum">
              <a:rPr lang="ja-JP" altLang="en-US" sz="1200" smtClean="0">
                <a:solidFill>
                  <a:srgbClr val="898989"/>
                </a:solidFill>
                <a:latin typeface="Arial" panose="020B0604020202020204" pitchFamily="34" charset="0"/>
              </a:rPr>
              <a:pPr>
                <a:spcBef>
                  <a:spcPct val="0"/>
                </a:spcBef>
                <a:buFontTx/>
                <a:buNone/>
              </a:pPr>
              <a:t>86</a:t>
            </a:fld>
            <a:endParaRPr lang="ja-JP" altLang="en-US" sz="1200">
              <a:solidFill>
                <a:srgbClr val="898989"/>
              </a:solidFill>
              <a:latin typeface="Arial" panose="020B0604020202020204" pitchFamily="34" charset="0"/>
            </a:endParaRPr>
          </a:p>
        </p:txBody>
      </p:sp>
      <p:sp>
        <p:nvSpPr>
          <p:cNvPr id="75779" name="テキスト ボックス 3">
            <a:extLst>
              <a:ext uri="{FF2B5EF4-FFF2-40B4-BE49-F238E27FC236}">
                <a16:creationId xmlns:a16="http://schemas.microsoft.com/office/drawing/2014/main" id="{FE1AD9DA-1D9D-4DFC-B585-E1E09A545C25}"/>
              </a:ext>
            </a:extLst>
          </p:cNvPr>
          <p:cNvSpPr txBox="1">
            <a:spLocks noChangeArrowheads="1"/>
          </p:cNvSpPr>
          <p:nvPr/>
        </p:nvSpPr>
        <p:spPr bwMode="auto">
          <a:xfrm>
            <a:off x="179388" y="765175"/>
            <a:ext cx="8785225" cy="4524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2400" b="1" u="sng">
                <a:latin typeface="Arial" panose="020B0604020202020204" pitchFamily="34" charset="0"/>
              </a:rPr>
              <a:t>開発者（民側）の課題</a:t>
            </a:r>
            <a:endParaRPr lang="en-US" altLang="ja-JP" sz="2400" b="1" u="sng">
              <a:latin typeface="Arial" panose="020B0604020202020204" pitchFamily="34" charset="0"/>
            </a:endParaRPr>
          </a:p>
          <a:p>
            <a:pPr>
              <a:spcBef>
                <a:spcPct val="0"/>
              </a:spcBef>
              <a:buFontTx/>
              <a:buNone/>
            </a:pPr>
            <a:r>
              <a:rPr lang="ja-JP" altLang="en-US" sz="2400">
                <a:latin typeface="Arial" panose="020B0604020202020204" pitchFamily="34" charset="0"/>
              </a:rPr>
              <a:t>・実装のための実証。ニーズの把握ができていない</a:t>
            </a:r>
            <a:endParaRPr lang="en-US" altLang="ja-JP" sz="2400">
              <a:latin typeface="Arial" panose="020B0604020202020204" pitchFamily="34" charset="0"/>
            </a:endParaRPr>
          </a:p>
          <a:p>
            <a:pPr>
              <a:spcBef>
                <a:spcPct val="0"/>
              </a:spcBef>
              <a:buFontTx/>
              <a:buNone/>
            </a:pPr>
            <a:endParaRPr lang="en-US" altLang="ja-JP" sz="2400">
              <a:latin typeface="Arial" panose="020B0604020202020204" pitchFamily="34" charset="0"/>
            </a:endParaRPr>
          </a:p>
          <a:p>
            <a:pPr>
              <a:spcBef>
                <a:spcPct val="0"/>
              </a:spcBef>
              <a:buFontTx/>
              <a:buNone/>
            </a:pPr>
            <a:r>
              <a:rPr lang="ja-JP" altLang="en-US" sz="2400">
                <a:latin typeface="Arial" panose="020B0604020202020204" pitchFamily="34" charset="0"/>
              </a:rPr>
              <a:t>・そもそも、実行するのは役所（官）</a:t>
            </a:r>
            <a:endParaRPr lang="en-US" altLang="ja-JP" sz="2400">
              <a:latin typeface="Arial" panose="020B0604020202020204" pitchFamily="34" charset="0"/>
            </a:endParaRPr>
          </a:p>
          <a:p>
            <a:pPr>
              <a:spcBef>
                <a:spcPct val="0"/>
              </a:spcBef>
              <a:buFontTx/>
              <a:buNone/>
            </a:pPr>
            <a:r>
              <a:rPr lang="ja-JP" altLang="en-US" sz="2400">
                <a:latin typeface="Arial" panose="020B0604020202020204" pitchFamily="34" charset="0"/>
              </a:rPr>
              <a:t>　　大学やコンサルに相談しても実行はされない！</a:t>
            </a:r>
            <a:endParaRPr lang="en-US" altLang="ja-JP" sz="2400">
              <a:latin typeface="Arial" panose="020B0604020202020204" pitchFamily="34" charset="0"/>
            </a:endParaRPr>
          </a:p>
          <a:p>
            <a:pPr>
              <a:spcBef>
                <a:spcPct val="0"/>
              </a:spcBef>
              <a:buFontTx/>
              <a:buNone/>
            </a:pPr>
            <a:r>
              <a:rPr lang="ja-JP" altLang="en-US" sz="2400">
                <a:latin typeface="Arial" panose="020B0604020202020204" pitchFamily="34" charset="0"/>
              </a:rPr>
              <a:t>　　　⇐これを忘れてる。わかっていない。</a:t>
            </a:r>
            <a:endParaRPr lang="en-US" altLang="ja-JP" sz="2400">
              <a:latin typeface="Arial" panose="020B0604020202020204" pitchFamily="34" charset="0"/>
            </a:endParaRPr>
          </a:p>
          <a:p>
            <a:pPr>
              <a:spcBef>
                <a:spcPct val="0"/>
              </a:spcBef>
              <a:buFontTx/>
              <a:buNone/>
            </a:pPr>
            <a:endParaRPr lang="en-US" altLang="ja-JP" sz="2400">
              <a:latin typeface="Arial" panose="020B0604020202020204" pitchFamily="34" charset="0"/>
            </a:endParaRPr>
          </a:p>
          <a:p>
            <a:pPr>
              <a:spcBef>
                <a:spcPct val="0"/>
              </a:spcBef>
              <a:buFontTx/>
              <a:buNone/>
            </a:pPr>
            <a:r>
              <a:rPr lang="ja-JP" altLang="en-US" sz="2400">
                <a:latin typeface="Arial" panose="020B0604020202020204" pitchFamily="34" charset="0"/>
              </a:rPr>
              <a:t>・言葉が通じない、温度差（官　⇔　民）理解する力</a:t>
            </a:r>
            <a:endParaRPr lang="en-US" altLang="ja-JP" sz="2400">
              <a:latin typeface="Arial" panose="020B0604020202020204" pitchFamily="34" charset="0"/>
            </a:endParaRPr>
          </a:p>
          <a:p>
            <a:pPr>
              <a:spcBef>
                <a:spcPct val="0"/>
              </a:spcBef>
              <a:buFontTx/>
              <a:buNone/>
            </a:pPr>
            <a:endParaRPr lang="en-US" altLang="ja-JP" sz="2400">
              <a:latin typeface="Arial" panose="020B0604020202020204" pitchFamily="34" charset="0"/>
            </a:endParaRPr>
          </a:p>
          <a:p>
            <a:pPr>
              <a:spcBef>
                <a:spcPct val="0"/>
              </a:spcBef>
              <a:buFontTx/>
              <a:buNone/>
            </a:pPr>
            <a:r>
              <a:rPr lang="ja-JP" altLang="en-US" sz="2400" b="1" u="sng">
                <a:latin typeface="Arial" panose="020B0604020202020204" pitchFamily="34" charset="0"/>
              </a:rPr>
              <a:t>実施者（官側）の課題</a:t>
            </a:r>
            <a:endParaRPr lang="en-US" altLang="ja-JP" sz="2400" b="1" u="sng">
              <a:latin typeface="Arial" panose="020B0604020202020204" pitchFamily="34" charset="0"/>
            </a:endParaRPr>
          </a:p>
          <a:p>
            <a:pPr>
              <a:spcBef>
                <a:spcPct val="0"/>
              </a:spcBef>
              <a:buFontTx/>
              <a:buNone/>
            </a:pPr>
            <a:r>
              <a:rPr lang="ja-JP" altLang="en-US" sz="2400">
                <a:latin typeface="Arial" panose="020B0604020202020204" pitchFamily="34" charset="0"/>
              </a:rPr>
              <a:t>・変わったことはしたくない。（評価を恐れる）⇒保身</a:t>
            </a:r>
            <a:endParaRPr lang="en-US" altLang="ja-JP" sz="2400">
              <a:latin typeface="Arial" panose="020B0604020202020204" pitchFamily="34" charset="0"/>
            </a:endParaRPr>
          </a:p>
          <a:p>
            <a:pPr>
              <a:spcBef>
                <a:spcPct val="0"/>
              </a:spcBef>
              <a:buFontTx/>
              <a:buNone/>
            </a:pPr>
            <a:r>
              <a:rPr lang="ja-JP" altLang="en-US" sz="2400">
                <a:latin typeface="Arial" panose="020B0604020202020204" pitchFamily="34" charset="0"/>
              </a:rPr>
              <a:t>　　挑戦心、度量、胆力（やってみる、失敗を恐れない）</a:t>
            </a:r>
          </a:p>
        </p:txBody>
      </p:sp>
      <p:sp>
        <p:nvSpPr>
          <p:cNvPr id="75780" name="テキスト ボックス 2">
            <a:extLst>
              <a:ext uri="{FF2B5EF4-FFF2-40B4-BE49-F238E27FC236}">
                <a16:creationId xmlns:a16="http://schemas.microsoft.com/office/drawing/2014/main" id="{BBE5638B-C21B-4B96-8AF6-3EE924B1F934}"/>
              </a:ext>
            </a:extLst>
          </p:cNvPr>
          <p:cNvSpPr txBox="1">
            <a:spLocks noChangeArrowheads="1"/>
          </p:cNvSpPr>
          <p:nvPr/>
        </p:nvSpPr>
        <p:spPr bwMode="auto">
          <a:xfrm>
            <a:off x="735013" y="6021388"/>
            <a:ext cx="6186487" cy="369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1400" b="1">
                <a:latin typeface="Arial" panose="020B0604020202020204" pitchFamily="34" charset="0"/>
              </a:rPr>
              <a:t>社会は、大きな変革期に来た！やってみることが重要！！</a:t>
            </a:r>
          </a:p>
        </p:txBody>
      </p:sp>
    </p:spTree>
    <p:extLst>
      <p:ext uri="{BB962C8B-B14F-4D97-AF65-F5344CB8AC3E}">
        <p14:creationId xmlns:p14="http://schemas.microsoft.com/office/powerpoint/2010/main" val="4159546609"/>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2"/>
          </p:nvPr>
        </p:nvSpPr>
        <p:spPr/>
        <p:txBody>
          <a:bodyPr/>
          <a:lstStyle/>
          <a:p>
            <a:r>
              <a:rPr kumimoji="1" lang="en-US" altLang="ja-JP"/>
              <a:t>-</a:t>
            </a:r>
            <a:fld id="{7D5A2C38-BF5A-4117-A3B3-4E986D472ED9}" type="slidenum">
              <a:rPr kumimoji="1" lang="ja-JP" altLang="en-US" smtClean="0"/>
              <a:t>87</a:t>
            </a:fld>
            <a:r>
              <a:rPr kumimoji="1" lang="en-US" altLang="ja-JP"/>
              <a:t>-</a:t>
            </a:r>
            <a:endParaRPr kumimoji="1" lang="ja-JP" altLang="en-US" dirty="0"/>
          </a:p>
        </p:txBody>
      </p:sp>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229173" y="3881487"/>
            <a:ext cx="2825684" cy="21192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8" name="Picture 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761118" y="3792545"/>
            <a:ext cx="2825684" cy="21192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9" name="Picture 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761118" y="1542274"/>
            <a:ext cx="3393664" cy="224737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テキスト ボックス 2"/>
          <p:cNvSpPr txBox="1"/>
          <p:nvPr/>
        </p:nvSpPr>
        <p:spPr>
          <a:xfrm>
            <a:off x="924934" y="996580"/>
            <a:ext cx="4801314" cy="2872838"/>
          </a:xfrm>
          <a:prstGeom prst="rect">
            <a:avLst/>
          </a:prstGeom>
          <a:noFill/>
        </p:spPr>
        <p:txBody>
          <a:bodyPr wrap="none" rtlCol="0">
            <a:spAutoFit/>
          </a:bodyPr>
          <a:lstStyle/>
          <a:p>
            <a:r>
              <a:rPr lang="ja-JP" altLang="en-US" sz="3000" dirty="0"/>
              <a:t>補修オリンピック　の開催</a:t>
            </a:r>
            <a:endParaRPr lang="en-US" altLang="ja-JP" sz="3000" dirty="0"/>
          </a:p>
          <a:p>
            <a:r>
              <a:rPr lang="ja-JP" altLang="en-US" sz="1534" b="1" dirty="0"/>
              <a:t>補修材料・工法の有効性評価</a:t>
            </a:r>
            <a:endParaRPr lang="en-US" altLang="ja-JP" sz="1534" b="1" dirty="0"/>
          </a:p>
          <a:p>
            <a:endParaRPr lang="en-US" altLang="ja-JP" sz="1534" dirty="0"/>
          </a:p>
          <a:p>
            <a:r>
              <a:rPr lang="ja-JP" altLang="en-US" sz="1500" dirty="0"/>
              <a:t>テーマは　要相談</a:t>
            </a:r>
            <a:endParaRPr lang="en-US" altLang="ja-JP" sz="1500" dirty="0"/>
          </a:p>
          <a:p>
            <a:r>
              <a:rPr lang="ja-JP" altLang="en-US" sz="1500" dirty="0"/>
              <a:t>フィールド提供し実証実験</a:t>
            </a:r>
            <a:endParaRPr lang="en-US" altLang="ja-JP" sz="1500" dirty="0"/>
          </a:p>
          <a:p>
            <a:endParaRPr lang="en-US" altLang="ja-JP" sz="1500" dirty="0"/>
          </a:p>
          <a:p>
            <a:r>
              <a:rPr lang="ja-JP" altLang="en-US" sz="1500" dirty="0"/>
              <a:t>有効なものに関しては富山市</a:t>
            </a:r>
            <a:endParaRPr lang="en-US" altLang="ja-JP" sz="1500" dirty="0"/>
          </a:p>
          <a:p>
            <a:r>
              <a:rPr lang="ja-JP" altLang="en-US" sz="1500" dirty="0"/>
              <a:t>標準工法に</a:t>
            </a:r>
            <a:endParaRPr lang="en-US" altLang="ja-JP" sz="1500" dirty="0"/>
          </a:p>
          <a:p>
            <a:endParaRPr lang="en-US" altLang="ja-JP" sz="1500" dirty="0"/>
          </a:p>
          <a:p>
            <a:r>
              <a:rPr lang="ja-JP" altLang="en-US" sz="1500" dirty="0"/>
              <a:t>評価は、富山市、金沢大、金沢工大、</a:t>
            </a:r>
            <a:endParaRPr lang="en-US" altLang="ja-JP" sz="1500" dirty="0"/>
          </a:p>
          <a:p>
            <a:r>
              <a:rPr lang="ja-JP" altLang="en-US" sz="1500" dirty="0"/>
              <a:t>福井大、富山県立大、石川高専の教授</a:t>
            </a:r>
          </a:p>
        </p:txBody>
      </p:sp>
    </p:spTree>
    <p:extLst>
      <p:ext uri="{BB962C8B-B14F-4D97-AF65-F5344CB8AC3E}">
        <p14:creationId xmlns:p14="http://schemas.microsoft.com/office/powerpoint/2010/main" val="2278124977"/>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251459" y="2475737"/>
            <a:ext cx="4442841" cy="3096387"/>
          </a:xfrm>
          <a:prstGeom prst="rect">
            <a:avLst/>
          </a:prstGeom>
        </p:spPr>
      </p:pic>
      <p:grpSp>
        <p:nvGrpSpPr>
          <p:cNvPr id="3" name="object 3"/>
          <p:cNvGrpSpPr/>
          <p:nvPr/>
        </p:nvGrpSpPr>
        <p:grpSpPr>
          <a:xfrm>
            <a:off x="1652635" y="5658850"/>
            <a:ext cx="1626870" cy="238125"/>
            <a:chOff x="2203513" y="6402133"/>
            <a:chExt cx="2169160" cy="317500"/>
          </a:xfrm>
        </p:grpSpPr>
        <p:sp>
          <p:nvSpPr>
            <p:cNvPr id="4" name="object 4"/>
            <p:cNvSpPr/>
            <p:nvPr/>
          </p:nvSpPr>
          <p:spPr>
            <a:xfrm>
              <a:off x="2208276" y="6406896"/>
              <a:ext cx="2159635" cy="307975"/>
            </a:xfrm>
            <a:custGeom>
              <a:avLst/>
              <a:gdLst/>
              <a:ahLst/>
              <a:cxnLst/>
              <a:rect l="l" t="t" r="r" b="b"/>
              <a:pathLst>
                <a:path w="2159635" h="307975">
                  <a:moveTo>
                    <a:pt x="2159507" y="0"/>
                  </a:moveTo>
                  <a:lnTo>
                    <a:pt x="0" y="0"/>
                  </a:lnTo>
                  <a:lnTo>
                    <a:pt x="0" y="307847"/>
                  </a:lnTo>
                  <a:lnTo>
                    <a:pt x="2159507" y="307847"/>
                  </a:lnTo>
                  <a:lnTo>
                    <a:pt x="2159507" y="0"/>
                  </a:lnTo>
                  <a:close/>
                </a:path>
              </a:pathLst>
            </a:custGeom>
            <a:solidFill>
              <a:srgbClr val="E1EFD9"/>
            </a:solidFill>
          </p:spPr>
          <p:txBody>
            <a:bodyPr wrap="square" lIns="0" tIns="0" rIns="0" bIns="0" rtlCol="0"/>
            <a:lstStyle/>
            <a:p>
              <a:endParaRPr sz="1350"/>
            </a:p>
          </p:txBody>
        </p:sp>
        <p:sp>
          <p:nvSpPr>
            <p:cNvPr id="5" name="object 5"/>
            <p:cNvSpPr/>
            <p:nvPr/>
          </p:nvSpPr>
          <p:spPr>
            <a:xfrm>
              <a:off x="2208276" y="6406896"/>
              <a:ext cx="2159635" cy="307975"/>
            </a:xfrm>
            <a:custGeom>
              <a:avLst/>
              <a:gdLst/>
              <a:ahLst/>
              <a:cxnLst/>
              <a:rect l="l" t="t" r="r" b="b"/>
              <a:pathLst>
                <a:path w="2159635" h="307975">
                  <a:moveTo>
                    <a:pt x="0" y="307847"/>
                  </a:moveTo>
                  <a:lnTo>
                    <a:pt x="2159507" y="307847"/>
                  </a:lnTo>
                  <a:lnTo>
                    <a:pt x="2159507" y="0"/>
                  </a:lnTo>
                  <a:lnTo>
                    <a:pt x="0" y="0"/>
                  </a:lnTo>
                  <a:lnTo>
                    <a:pt x="0" y="307847"/>
                  </a:lnTo>
                  <a:close/>
                </a:path>
              </a:pathLst>
            </a:custGeom>
            <a:ln w="9525">
              <a:solidFill>
                <a:srgbClr val="001F5F"/>
              </a:solidFill>
            </a:ln>
          </p:spPr>
          <p:txBody>
            <a:bodyPr wrap="square" lIns="0" tIns="0" rIns="0" bIns="0" rtlCol="0"/>
            <a:lstStyle/>
            <a:p>
              <a:endParaRPr sz="1350"/>
            </a:p>
          </p:txBody>
        </p:sp>
      </p:grpSp>
      <p:sp>
        <p:nvSpPr>
          <p:cNvPr id="6" name="object 6"/>
          <p:cNvSpPr txBox="1">
            <a:spLocks noGrp="1"/>
          </p:cNvSpPr>
          <p:nvPr>
            <p:ph type="title"/>
          </p:nvPr>
        </p:nvSpPr>
        <p:spPr>
          <a:xfrm>
            <a:off x="914303" y="654933"/>
            <a:ext cx="7559993" cy="1261884"/>
          </a:xfrm>
          <a:prstGeom prst="rect">
            <a:avLst/>
          </a:prstGeom>
          <a:solidFill>
            <a:srgbClr val="FFFF00"/>
          </a:solidFill>
        </p:spPr>
        <p:txBody>
          <a:bodyPr vert="horz" wrap="square" lIns="0" tIns="15240" rIns="0" bIns="0" rtlCol="0" anchor="ctr">
            <a:spAutoFit/>
          </a:bodyPr>
          <a:lstStyle/>
          <a:p>
            <a:pPr marR="1905" algn="ctr">
              <a:lnSpc>
                <a:spcPct val="100000"/>
              </a:lnSpc>
              <a:spcBef>
                <a:spcPts val="120"/>
              </a:spcBef>
            </a:pPr>
            <a:r>
              <a:rPr lang="ja-JP" altLang="en-US" sz="2700" b="1" spc="-19" dirty="0"/>
              <a:t>富山市内橋梁</a:t>
            </a:r>
            <a:r>
              <a:rPr sz="2700" spc="-15" dirty="0"/>
              <a:t>（</a:t>
            </a:r>
            <a:r>
              <a:rPr sz="2700" spc="-30" dirty="0" err="1"/>
              <a:t>道路橋</a:t>
            </a:r>
            <a:r>
              <a:rPr sz="2700" spc="-15" dirty="0" err="1"/>
              <a:t>）</a:t>
            </a:r>
            <a:r>
              <a:rPr sz="2700" spc="-34" dirty="0" err="1"/>
              <a:t>の打撃振動試験</a:t>
            </a:r>
            <a:br>
              <a:rPr lang="en-US" sz="2700" spc="-34" dirty="0"/>
            </a:br>
            <a:r>
              <a:rPr lang="ja-JP" altLang="en-US" sz="2700" spc="-34" dirty="0"/>
              <a:t>橋梁を構造物全体形として安全誌を確認</a:t>
            </a:r>
            <a:br>
              <a:rPr lang="en-US" altLang="ja-JP" sz="2700" spc="-34" dirty="0"/>
            </a:br>
            <a:r>
              <a:rPr lang="ja-JP" altLang="en-US" sz="2700" spc="-34" dirty="0"/>
              <a:t>衝撃弾性波を利用し固有振動数を検知</a:t>
            </a:r>
            <a:endParaRPr sz="2700" dirty="0"/>
          </a:p>
        </p:txBody>
      </p:sp>
      <p:pic>
        <p:nvPicPr>
          <p:cNvPr id="7" name="object 7"/>
          <p:cNvPicPr/>
          <p:nvPr/>
        </p:nvPicPr>
        <p:blipFill>
          <a:blip r:embed="rId3" cstate="print"/>
          <a:stretch>
            <a:fillRect/>
          </a:stretch>
        </p:blipFill>
        <p:spPr>
          <a:xfrm>
            <a:off x="4902326" y="2513457"/>
            <a:ext cx="4057650" cy="3058668"/>
          </a:xfrm>
          <a:prstGeom prst="rect">
            <a:avLst/>
          </a:prstGeom>
        </p:spPr>
      </p:pic>
      <p:grpSp>
        <p:nvGrpSpPr>
          <p:cNvPr id="8" name="object 8"/>
          <p:cNvGrpSpPr/>
          <p:nvPr/>
        </p:nvGrpSpPr>
        <p:grpSpPr>
          <a:xfrm>
            <a:off x="6321790" y="5650849"/>
            <a:ext cx="1218724" cy="238125"/>
            <a:chOff x="8429053" y="6391465"/>
            <a:chExt cx="1624965" cy="317500"/>
          </a:xfrm>
        </p:grpSpPr>
        <p:sp>
          <p:nvSpPr>
            <p:cNvPr id="9" name="object 9"/>
            <p:cNvSpPr/>
            <p:nvPr/>
          </p:nvSpPr>
          <p:spPr>
            <a:xfrm>
              <a:off x="8433816" y="6396228"/>
              <a:ext cx="1615440" cy="307975"/>
            </a:xfrm>
            <a:custGeom>
              <a:avLst/>
              <a:gdLst/>
              <a:ahLst/>
              <a:cxnLst/>
              <a:rect l="l" t="t" r="r" b="b"/>
              <a:pathLst>
                <a:path w="1615440" h="307975">
                  <a:moveTo>
                    <a:pt x="1615440" y="0"/>
                  </a:moveTo>
                  <a:lnTo>
                    <a:pt x="0" y="0"/>
                  </a:lnTo>
                  <a:lnTo>
                    <a:pt x="0" y="307848"/>
                  </a:lnTo>
                  <a:lnTo>
                    <a:pt x="1615440" y="307848"/>
                  </a:lnTo>
                  <a:lnTo>
                    <a:pt x="1615440" y="0"/>
                  </a:lnTo>
                  <a:close/>
                </a:path>
              </a:pathLst>
            </a:custGeom>
            <a:solidFill>
              <a:srgbClr val="E1EFD9"/>
            </a:solidFill>
          </p:spPr>
          <p:txBody>
            <a:bodyPr wrap="square" lIns="0" tIns="0" rIns="0" bIns="0" rtlCol="0"/>
            <a:lstStyle/>
            <a:p>
              <a:endParaRPr sz="1350"/>
            </a:p>
          </p:txBody>
        </p:sp>
        <p:sp>
          <p:nvSpPr>
            <p:cNvPr id="10" name="object 10"/>
            <p:cNvSpPr/>
            <p:nvPr/>
          </p:nvSpPr>
          <p:spPr>
            <a:xfrm>
              <a:off x="8433816" y="6396228"/>
              <a:ext cx="1615440" cy="307975"/>
            </a:xfrm>
            <a:custGeom>
              <a:avLst/>
              <a:gdLst/>
              <a:ahLst/>
              <a:cxnLst/>
              <a:rect l="l" t="t" r="r" b="b"/>
              <a:pathLst>
                <a:path w="1615440" h="307975">
                  <a:moveTo>
                    <a:pt x="0" y="307848"/>
                  </a:moveTo>
                  <a:lnTo>
                    <a:pt x="1615440" y="307848"/>
                  </a:lnTo>
                  <a:lnTo>
                    <a:pt x="1615440" y="0"/>
                  </a:lnTo>
                  <a:lnTo>
                    <a:pt x="0" y="0"/>
                  </a:lnTo>
                  <a:lnTo>
                    <a:pt x="0" y="307848"/>
                  </a:lnTo>
                  <a:close/>
                </a:path>
              </a:pathLst>
            </a:custGeom>
            <a:ln w="9525">
              <a:solidFill>
                <a:srgbClr val="001F5F"/>
              </a:solidFill>
            </a:ln>
          </p:spPr>
          <p:txBody>
            <a:bodyPr wrap="square" lIns="0" tIns="0" rIns="0" bIns="0" rtlCol="0"/>
            <a:lstStyle/>
            <a:p>
              <a:endParaRPr sz="1350"/>
            </a:p>
          </p:txBody>
        </p:sp>
      </p:grpSp>
      <p:sp>
        <p:nvSpPr>
          <p:cNvPr id="11" name="object 11"/>
          <p:cNvSpPr txBox="1"/>
          <p:nvPr/>
        </p:nvSpPr>
        <p:spPr>
          <a:xfrm>
            <a:off x="6385561" y="5703021"/>
            <a:ext cx="1090136" cy="153888"/>
          </a:xfrm>
          <a:prstGeom prst="rect">
            <a:avLst/>
          </a:prstGeom>
        </p:spPr>
        <p:txBody>
          <a:bodyPr vert="horz" wrap="square" lIns="0" tIns="0" rIns="0" bIns="0" rtlCol="0">
            <a:spAutoFit/>
          </a:bodyPr>
          <a:lstStyle/>
          <a:p>
            <a:pPr marL="9525">
              <a:lnSpc>
                <a:spcPts val="1189"/>
              </a:lnSpc>
            </a:pPr>
            <a:r>
              <a:rPr sz="1050" b="1" spc="-11" dirty="0">
                <a:latin typeface="ＭＳ Ｐゴシック"/>
                <a:cs typeface="ＭＳ Ｐゴシック"/>
              </a:rPr>
              <a:t>橋脚の打撃の様子</a:t>
            </a:r>
            <a:endParaRPr sz="1050" dirty="0">
              <a:latin typeface="ＭＳ Ｐゴシック"/>
              <a:cs typeface="ＭＳ Ｐゴシック"/>
            </a:endParaRPr>
          </a:p>
        </p:txBody>
      </p:sp>
      <p:sp>
        <p:nvSpPr>
          <p:cNvPr id="12" name="object 12"/>
          <p:cNvSpPr txBox="1"/>
          <p:nvPr/>
        </p:nvSpPr>
        <p:spPr>
          <a:xfrm>
            <a:off x="1715070" y="5710335"/>
            <a:ext cx="2178503" cy="155812"/>
          </a:xfrm>
          <a:prstGeom prst="rect">
            <a:avLst/>
          </a:prstGeom>
        </p:spPr>
        <p:txBody>
          <a:bodyPr vert="horz" wrap="square" lIns="0" tIns="0" rIns="0" bIns="0" rtlCol="0">
            <a:spAutoFit/>
          </a:bodyPr>
          <a:lstStyle/>
          <a:p>
            <a:pPr marL="9525">
              <a:lnSpc>
                <a:spcPts val="1189"/>
              </a:lnSpc>
            </a:pPr>
            <a:r>
              <a:rPr sz="1050" b="1" spc="-4" dirty="0">
                <a:latin typeface="ＭＳ Ｐゴシック"/>
                <a:cs typeface="ＭＳ Ｐゴシック"/>
              </a:rPr>
              <a:t>千原崎橋の全景</a:t>
            </a:r>
            <a:r>
              <a:rPr sz="1050" b="1" spc="-8" dirty="0">
                <a:latin typeface="ＭＳ Ｐゴシック"/>
                <a:cs typeface="ＭＳ Ｐゴシック"/>
              </a:rPr>
              <a:t>（下流側</a:t>
            </a:r>
            <a:r>
              <a:rPr sz="1050" b="1" spc="-38" dirty="0">
                <a:latin typeface="ＭＳ Ｐゴシック"/>
                <a:cs typeface="ＭＳ Ｐゴシック"/>
              </a:rPr>
              <a:t>）</a:t>
            </a:r>
            <a:endParaRPr sz="1050" dirty="0">
              <a:latin typeface="ＭＳ Ｐゴシック"/>
              <a:cs typeface="ＭＳ Ｐゴシック"/>
            </a:endParaRPr>
          </a:p>
        </p:txBody>
      </p:sp>
      <p:sp>
        <p:nvSpPr>
          <p:cNvPr id="13" name="object 13"/>
          <p:cNvSpPr txBox="1">
            <a:spLocks noGrp="1"/>
          </p:cNvSpPr>
          <p:nvPr>
            <p:ph type="sldNum" sz="quarter" idx="7"/>
          </p:nvPr>
        </p:nvSpPr>
        <p:spPr>
          <a:xfrm>
            <a:off x="11382756" y="6489801"/>
            <a:ext cx="386715" cy="287020"/>
          </a:xfrm>
          <a:prstGeom prst="rect">
            <a:avLst/>
          </a:prstGeom>
        </p:spPr>
        <p:txBody>
          <a:bodyPr vert="horz" wrap="square" lIns="0" tIns="0" rIns="0" bIns="0" rtlCol="0">
            <a:spAutoFit/>
          </a:bodyPr>
          <a:lstStyle>
            <a:defPPr>
              <a:defRPr kern="0"/>
            </a:defPPr>
            <a:lvl1pPr>
              <a:defRPr sz="1800" b="1" i="0">
                <a:solidFill>
                  <a:srgbClr val="006FC0"/>
                </a:solidFill>
                <a:latin typeface="Times New Roman"/>
                <a:cs typeface="Times New Roman"/>
              </a:defRPr>
            </a:lvl1pPr>
          </a:lstStyle>
          <a:p>
            <a:pPr marL="38100">
              <a:lnSpc>
                <a:spcPts val="2065"/>
              </a:lnSpc>
            </a:pPr>
            <a:fld id="{81D60167-4931-47E6-BA6A-407CBD079E47}" type="slidenum">
              <a:rPr lang="en-US" altLang="ja-JP" spc="-25" smtClean="0">
                <a:solidFill>
                  <a:srgbClr val="4471C4"/>
                </a:solidFill>
              </a:rPr>
              <a:pPr marL="38100">
                <a:lnSpc>
                  <a:spcPts val="2065"/>
                </a:lnSpc>
              </a:pPr>
              <a:t>88</a:t>
            </a:fld>
            <a:endParaRPr spc="-19" dirty="0"/>
          </a:p>
        </p:txBody>
      </p:sp>
    </p:spTree>
    <p:extLst>
      <p:ext uri="{BB962C8B-B14F-4D97-AF65-F5344CB8AC3E}">
        <p14:creationId xmlns:p14="http://schemas.microsoft.com/office/powerpoint/2010/main" val="2694702766"/>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a:extLst>
              <a:ext uri="{FF2B5EF4-FFF2-40B4-BE49-F238E27FC236}">
                <a16:creationId xmlns:a16="http://schemas.microsoft.com/office/drawing/2014/main" id="{AFE772F5-7CAA-0729-1D45-0D7E9D96F325}"/>
              </a:ext>
            </a:extLst>
          </p:cNvPr>
          <p:cNvPicPr>
            <a:picLocks noChangeAspect="1"/>
          </p:cNvPicPr>
          <p:nvPr/>
        </p:nvPicPr>
        <p:blipFill>
          <a:blip r:embed="rId2"/>
          <a:stretch>
            <a:fillRect/>
          </a:stretch>
        </p:blipFill>
        <p:spPr>
          <a:xfrm>
            <a:off x="520070" y="747338"/>
            <a:ext cx="8103859" cy="5772944"/>
          </a:xfrm>
          <a:prstGeom prst="rect">
            <a:avLst/>
          </a:prstGeom>
        </p:spPr>
      </p:pic>
      <p:sp>
        <p:nvSpPr>
          <p:cNvPr id="3" name="テキスト ボックス 2">
            <a:extLst>
              <a:ext uri="{FF2B5EF4-FFF2-40B4-BE49-F238E27FC236}">
                <a16:creationId xmlns:a16="http://schemas.microsoft.com/office/drawing/2014/main" id="{211B6A74-24DC-2B56-3149-600EC688E50D}"/>
              </a:ext>
            </a:extLst>
          </p:cNvPr>
          <p:cNvSpPr txBox="1"/>
          <p:nvPr/>
        </p:nvSpPr>
        <p:spPr>
          <a:xfrm>
            <a:off x="1276298" y="250724"/>
            <a:ext cx="5570756" cy="415498"/>
          </a:xfrm>
          <a:prstGeom prst="rect">
            <a:avLst/>
          </a:prstGeom>
          <a:noFill/>
        </p:spPr>
        <p:txBody>
          <a:bodyPr wrap="none" rtlCol="0">
            <a:spAutoFit/>
          </a:bodyPr>
          <a:lstStyle/>
          <a:p>
            <a:r>
              <a:rPr lang="ja-JP" altLang="en-US" sz="2100" dirty="0"/>
              <a:t>技術の伝承のためにも！新規事業の必要性。</a:t>
            </a:r>
          </a:p>
        </p:txBody>
      </p:sp>
    </p:spTree>
    <p:extLst>
      <p:ext uri="{BB962C8B-B14F-4D97-AF65-F5344CB8AC3E}">
        <p14:creationId xmlns:p14="http://schemas.microsoft.com/office/powerpoint/2010/main" val="58839201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object 2"/>
          <p:cNvPicPr/>
          <p:nvPr/>
        </p:nvPicPr>
        <p:blipFill>
          <a:blip r:embed="rId2" cstate="print"/>
          <a:stretch>
            <a:fillRect/>
          </a:stretch>
        </p:blipFill>
        <p:spPr>
          <a:xfrm>
            <a:off x="7486785" y="140522"/>
            <a:ext cx="1339672" cy="277577"/>
          </a:xfrm>
          <a:prstGeom prst="rect">
            <a:avLst/>
          </a:prstGeom>
        </p:spPr>
      </p:pic>
      <p:grpSp>
        <p:nvGrpSpPr>
          <p:cNvPr id="3" name="object 3"/>
          <p:cNvGrpSpPr/>
          <p:nvPr/>
        </p:nvGrpSpPr>
        <p:grpSpPr>
          <a:xfrm>
            <a:off x="390955" y="5444189"/>
            <a:ext cx="8361330" cy="1279834"/>
            <a:chOff x="460248" y="5620511"/>
            <a:chExt cx="9686925" cy="1496695"/>
          </a:xfrm>
        </p:grpSpPr>
        <p:sp>
          <p:nvSpPr>
            <p:cNvPr id="4" name="object 4"/>
            <p:cNvSpPr/>
            <p:nvPr/>
          </p:nvSpPr>
          <p:spPr>
            <a:xfrm>
              <a:off x="463296" y="5623565"/>
              <a:ext cx="9680575" cy="1490980"/>
            </a:xfrm>
            <a:custGeom>
              <a:avLst/>
              <a:gdLst/>
              <a:ahLst/>
              <a:cxnLst/>
              <a:rect l="l" t="t" r="r" b="b"/>
              <a:pathLst>
                <a:path w="9680575" h="1490979">
                  <a:moveTo>
                    <a:pt x="9680448" y="0"/>
                  </a:moveTo>
                  <a:lnTo>
                    <a:pt x="0" y="0"/>
                  </a:lnTo>
                  <a:lnTo>
                    <a:pt x="0" y="1490471"/>
                  </a:lnTo>
                  <a:lnTo>
                    <a:pt x="9680448" y="1490471"/>
                  </a:lnTo>
                  <a:lnTo>
                    <a:pt x="9680448" y="0"/>
                  </a:lnTo>
                  <a:close/>
                </a:path>
              </a:pathLst>
            </a:custGeom>
            <a:solidFill>
              <a:srgbClr val="DBEDF4"/>
            </a:solidFill>
          </p:spPr>
          <p:txBody>
            <a:bodyPr wrap="square" lIns="0" tIns="0" rIns="0" bIns="0" rtlCol="0"/>
            <a:lstStyle/>
            <a:p>
              <a:endParaRPr sz="1749"/>
            </a:p>
          </p:txBody>
        </p:sp>
        <p:sp>
          <p:nvSpPr>
            <p:cNvPr id="5" name="object 5"/>
            <p:cNvSpPr/>
            <p:nvPr/>
          </p:nvSpPr>
          <p:spPr>
            <a:xfrm>
              <a:off x="463296" y="5623559"/>
              <a:ext cx="9680575" cy="1490980"/>
            </a:xfrm>
            <a:custGeom>
              <a:avLst/>
              <a:gdLst/>
              <a:ahLst/>
              <a:cxnLst/>
              <a:rect l="l" t="t" r="r" b="b"/>
              <a:pathLst>
                <a:path w="9680575" h="1490979">
                  <a:moveTo>
                    <a:pt x="0" y="0"/>
                  </a:moveTo>
                  <a:lnTo>
                    <a:pt x="9680448" y="0"/>
                  </a:lnTo>
                  <a:lnTo>
                    <a:pt x="9680448" y="1490477"/>
                  </a:lnTo>
                  <a:lnTo>
                    <a:pt x="0" y="1490477"/>
                  </a:lnTo>
                  <a:lnTo>
                    <a:pt x="0" y="0"/>
                  </a:lnTo>
                  <a:close/>
                </a:path>
              </a:pathLst>
            </a:custGeom>
            <a:ln w="6096">
              <a:solidFill>
                <a:srgbClr val="000000"/>
              </a:solidFill>
            </a:ln>
          </p:spPr>
          <p:txBody>
            <a:bodyPr wrap="square" lIns="0" tIns="0" rIns="0" bIns="0" rtlCol="0"/>
            <a:lstStyle/>
            <a:p>
              <a:endParaRPr sz="1749"/>
            </a:p>
          </p:txBody>
        </p:sp>
      </p:grpSp>
      <p:grpSp>
        <p:nvGrpSpPr>
          <p:cNvPr id="6" name="object 6"/>
          <p:cNvGrpSpPr/>
          <p:nvPr/>
        </p:nvGrpSpPr>
        <p:grpSpPr>
          <a:xfrm>
            <a:off x="362618" y="3811999"/>
            <a:ext cx="8374517" cy="1445765"/>
            <a:chOff x="350338" y="4072127"/>
            <a:chExt cx="9793533" cy="1490980"/>
          </a:xfrm>
        </p:grpSpPr>
        <p:sp>
          <p:nvSpPr>
            <p:cNvPr id="7" name="object 7"/>
            <p:cNvSpPr/>
            <p:nvPr/>
          </p:nvSpPr>
          <p:spPr>
            <a:xfrm>
              <a:off x="463296" y="4072127"/>
              <a:ext cx="9680575" cy="1490980"/>
            </a:xfrm>
            <a:custGeom>
              <a:avLst/>
              <a:gdLst/>
              <a:ahLst/>
              <a:cxnLst/>
              <a:rect l="l" t="t" r="r" b="b"/>
              <a:pathLst>
                <a:path w="9680575" h="1490979">
                  <a:moveTo>
                    <a:pt x="9680448" y="0"/>
                  </a:moveTo>
                  <a:lnTo>
                    <a:pt x="0" y="0"/>
                  </a:lnTo>
                  <a:lnTo>
                    <a:pt x="0" y="1490472"/>
                  </a:lnTo>
                  <a:lnTo>
                    <a:pt x="9680448" y="1490472"/>
                  </a:lnTo>
                  <a:lnTo>
                    <a:pt x="9680448" y="0"/>
                  </a:lnTo>
                  <a:close/>
                </a:path>
              </a:pathLst>
            </a:custGeom>
            <a:solidFill>
              <a:srgbClr val="EBF0DD"/>
            </a:solidFill>
          </p:spPr>
          <p:txBody>
            <a:bodyPr wrap="square" lIns="0" tIns="0" rIns="0" bIns="0" rtlCol="0"/>
            <a:lstStyle/>
            <a:p>
              <a:endParaRPr sz="1749"/>
            </a:p>
          </p:txBody>
        </p:sp>
        <p:sp>
          <p:nvSpPr>
            <p:cNvPr id="8" name="object 8"/>
            <p:cNvSpPr/>
            <p:nvPr/>
          </p:nvSpPr>
          <p:spPr>
            <a:xfrm>
              <a:off x="463296" y="4072127"/>
              <a:ext cx="9680575" cy="1490980"/>
            </a:xfrm>
            <a:custGeom>
              <a:avLst/>
              <a:gdLst/>
              <a:ahLst/>
              <a:cxnLst/>
              <a:rect l="l" t="t" r="r" b="b"/>
              <a:pathLst>
                <a:path w="9680575" h="1490979">
                  <a:moveTo>
                    <a:pt x="0" y="0"/>
                  </a:moveTo>
                  <a:lnTo>
                    <a:pt x="9680448" y="0"/>
                  </a:lnTo>
                  <a:lnTo>
                    <a:pt x="9680448" y="1490472"/>
                  </a:lnTo>
                  <a:lnTo>
                    <a:pt x="0" y="1490472"/>
                  </a:lnTo>
                  <a:lnTo>
                    <a:pt x="0" y="0"/>
                  </a:lnTo>
                  <a:close/>
                </a:path>
              </a:pathLst>
            </a:custGeom>
            <a:ln w="6096">
              <a:solidFill>
                <a:srgbClr val="000000"/>
              </a:solidFill>
            </a:ln>
          </p:spPr>
          <p:txBody>
            <a:bodyPr wrap="square" lIns="0" tIns="0" rIns="0" bIns="0" rtlCol="0"/>
            <a:lstStyle/>
            <a:p>
              <a:endParaRPr sz="1749"/>
            </a:p>
          </p:txBody>
        </p:sp>
        <p:sp>
          <p:nvSpPr>
            <p:cNvPr id="9" name="object 9"/>
            <p:cNvSpPr/>
            <p:nvPr/>
          </p:nvSpPr>
          <p:spPr>
            <a:xfrm>
              <a:off x="350338" y="4348939"/>
              <a:ext cx="3808476" cy="376555"/>
            </a:xfrm>
            <a:custGeom>
              <a:avLst/>
              <a:gdLst/>
              <a:ahLst/>
              <a:cxnLst/>
              <a:rect l="l" t="t" r="r" b="b"/>
              <a:pathLst>
                <a:path w="2298700" h="376554">
                  <a:moveTo>
                    <a:pt x="2234184" y="0"/>
                  </a:moveTo>
                  <a:lnTo>
                    <a:pt x="62484" y="0"/>
                  </a:lnTo>
                  <a:lnTo>
                    <a:pt x="37933" y="4833"/>
                  </a:lnTo>
                  <a:lnTo>
                    <a:pt x="18097" y="18097"/>
                  </a:lnTo>
                  <a:lnTo>
                    <a:pt x="4833" y="37933"/>
                  </a:lnTo>
                  <a:lnTo>
                    <a:pt x="0" y="62483"/>
                  </a:lnTo>
                  <a:lnTo>
                    <a:pt x="0" y="313943"/>
                  </a:lnTo>
                  <a:lnTo>
                    <a:pt x="4833" y="338494"/>
                  </a:lnTo>
                  <a:lnTo>
                    <a:pt x="18097" y="358330"/>
                  </a:lnTo>
                  <a:lnTo>
                    <a:pt x="37933" y="371594"/>
                  </a:lnTo>
                  <a:lnTo>
                    <a:pt x="62484" y="376427"/>
                  </a:lnTo>
                  <a:lnTo>
                    <a:pt x="2234184" y="376427"/>
                  </a:lnTo>
                  <a:lnTo>
                    <a:pt x="2258972" y="371594"/>
                  </a:lnTo>
                  <a:lnTo>
                    <a:pt x="2279332" y="358330"/>
                  </a:lnTo>
                  <a:lnTo>
                    <a:pt x="2293119" y="338494"/>
                  </a:lnTo>
                  <a:lnTo>
                    <a:pt x="2298191" y="313943"/>
                  </a:lnTo>
                  <a:lnTo>
                    <a:pt x="2298191" y="62483"/>
                  </a:lnTo>
                  <a:lnTo>
                    <a:pt x="2293119" y="37933"/>
                  </a:lnTo>
                  <a:lnTo>
                    <a:pt x="2279332" y="18097"/>
                  </a:lnTo>
                  <a:lnTo>
                    <a:pt x="2258972" y="4833"/>
                  </a:lnTo>
                  <a:lnTo>
                    <a:pt x="2234184" y="0"/>
                  </a:lnTo>
                  <a:close/>
                </a:path>
              </a:pathLst>
            </a:custGeom>
            <a:solidFill>
              <a:srgbClr val="00AF4F"/>
            </a:solidFill>
          </p:spPr>
          <p:txBody>
            <a:bodyPr wrap="square" lIns="0" tIns="0" rIns="0" bIns="0" rtlCol="0"/>
            <a:lstStyle/>
            <a:p>
              <a:endParaRPr sz="1749"/>
            </a:p>
          </p:txBody>
        </p:sp>
      </p:grpSp>
      <p:sp>
        <p:nvSpPr>
          <p:cNvPr id="10" name="object 10"/>
          <p:cNvSpPr txBox="1">
            <a:spLocks noGrp="1"/>
          </p:cNvSpPr>
          <p:nvPr>
            <p:ph type="title"/>
          </p:nvPr>
        </p:nvSpPr>
        <p:spPr>
          <a:xfrm>
            <a:off x="390955" y="179958"/>
            <a:ext cx="6009845" cy="236092"/>
          </a:xfrm>
          <a:prstGeom prst="rect">
            <a:avLst/>
          </a:prstGeom>
        </p:spPr>
        <p:txBody>
          <a:bodyPr vert="horz" wrap="square" lIns="0" tIns="10860" rIns="0" bIns="0" rtlCol="0">
            <a:spAutoFit/>
          </a:bodyPr>
          <a:lstStyle/>
          <a:p>
            <a:pPr marL="10860">
              <a:lnSpc>
                <a:spcPct val="100000"/>
              </a:lnSpc>
              <a:spcBef>
                <a:spcPts val="86"/>
              </a:spcBef>
              <a:tabLst>
                <a:tab pos="3615217" algn="l"/>
              </a:tabLst>
            </a:pPr>
            <a:r>
              <a:rPr dirty="0"/>
              <a:t>群</a:t>
            </a:r>
            <a:r>
              <a:rPr spc="-21" dirty="0"/>
              <a:t>マ</a:t>
            </a:r>
            <a:r>
              <a:rPr dirty="0"/>
              <a:t>ネ計画検討会</a:t>
            </a:r>
            <a:r>
              <a:rPr spc="-21" dirty="0"/>
              <a:t>・</a:t>
            </a:r>
            <a:r>
              <a:rPr dirty="0"/>
              <a:t>実施検討</a:t>
            </a:r>
            <a:r>
              <a:rPr spc="-43" dirty="0"/>
              <a:t>会</a:t>
            </a:r>
            <a:r>
              <a:rPr dirty="0"/>
              <a:t>	検討</a:t>
            </a:r>
            <a:r>
              <a:rPr spc="-9" dirty="0"/>
              <a:t>の</a:t>
            </a:r>
            <a:r>
              <a:rPr dirty="0"/>
              <a:t>方針（案</a:t>
            </a:r>
            <a:r>
              <a:rPr spc="-43" dirty="0"/>
              <a:t>）</a:t>
            </a:r>
          </a:p>
        </p:txBody>
      </p:sp>
      <p:graphicFrame>
        <p:nvGraphicFramePr>
          <p:cNvPr id="11" name="object 11"/>
          <p:cNvGraphicFramePr>
            <a:graphicFrameLocks noGrp="1"/>
          </p:cNvGraphicFramePr>
          <p:nvPr>
            <p:extLst>
              <p:ext uri="{D42A27DB-BD31-4B8C-83A1-F6EECF244321}">
                <p14:modId xmlns:p14="http://schemas.microsoft.com/office/powerpoint/2010/main" val="3642467382"/>
              </p:ext>
            </p:extLst>
          </p:nvPr>
        </p:nvGraphicFramePr>
        <p:xfrm>
          <a:off x="390955" y="805016"/>
          <a:ext cx="8361331" cy="3269391"/>
        </p:xfrm>
        <a:graphic>
          <a:graphicData uri="http://schemas.openxmlformats.org/drawingml/2006/table">
            <a:tbl>
              <a:tblPr firstRow="1" bandRow="1">
                <a:tableStyleId>{2D5ABB26-0587-4C30-8999-92F81FD0307C}</a:tableStyleId>
              </a:tblPr>
              <a:tblGrid>
                <a:gridCol w="44968">
                  <a:extLst>
                    <a:ext uri="{9D8B030D-6E8A-4147-A177-3AD203B41FA5}">
                      <a16:colId xmlns:a16="http://schemas.microsoft.com/office/drawing/2014/main" val="20000"/>
                    </a:ext>
                  </a:extLst>
                </a:gridCol>
                <a:gridCol w="1287624">
                  <a:extLst>
                    <a:ext uri="{9D8B030D-6E8A-4147-A177-3AD203B41FA5}">
                      <a16:colId xmlns:a16="http://schemas.microsoft.com/office/drawing/2014/main" val="20001"/>
                    </a:ext>
                  </a:extLst>
                </a:gridCol>
                <a:gridCol w="7028739">
                  <a:extLst>
                    <a:ext uri="{9D8B030D-6E8A-4147-A177-3AD203B41FA5}">
                      <a16:colId xmlns:a16="http://schemas.microsoft.com/office/drawing/2014/main" val="20002"/>
                    </a:ext>
                  </a:extLst>
                </a:gridCol>
              </a:tblGrid>
              <a:tr h="216173">
                <a:tc>
                  <a:txBody>
                    <a:bodyPr/>
                    <a:lstStyle/>
                    <a:p>
                      <a:pPr>
                        <a:lnSpc>
                          <a:spcPct val="100000"/>
                        </a:lnSpc>
                      </a:pPr>
                      <a:endParaRPr sz="900">
                        <a:latin typeface="Times New Roman"/>
                        <a:cs typeface="Times New Roman"/>
                      </a:endParaRPr>
                    </a:p>
                  </a:txBody>
                  <a:tcPr marL="0" marR="0" marT="0" marB="0">
                    <a:lnR w="12700">
                      <a:solidFill>
                        <a:srgbClr val="000000"/>
                      </a:solidFill>
                      <a:prstDash val="solid"/>
                    </a:lnR>
                    <a:lnB w="12700">
                      <a:solidFill>
                        <a:srgbClr val="000000"/>
                      </a:solidFill>
                      <a:prstDash val="solid"/>
                    </a:lnB>
                    <a:solidFill>
                      <a:srgbClr val="FDE9DA"/>
                    </a:solidFill>
                  </a:tcPr>
                </a:tc>
                <a:tc>
                  <a:txBody>
                    <a:bodyPr/>
                    <a:lstStyle/>
                    <a:p>
                      <a:pPr marL="109220">
                        <a:lnSpc>
                          <a:spcPts val="1135"/>
                        </a:lnSpc>
                        <a:spcBef>
                          <a:spcPts val="250"/>
                        </a:spcBef>
                      </a:pPr>
                      <a:r>
                        <a:rPr sz="1500" b="1" spc="-20" dirty="0">
                          <a:latin typeface="Meiryo UI"/>
                          <a:cs typeface="Meiryo UI"/>
                        </a:rPr>
                        <a:t>群マネの目標</a:t>
                      </a:r>
                      <a:endParaRPr sz="1500" dirty="0">
                        <a:latin typeface="Meiryo UI"/>
                        <a:cs typeface="Meiryo UI"/>
                      </a:endParaRPr>
                    </a:p>
                  </a:txBody>
                  <a:tcPr marL="0" marR="0" marT="2715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DE9DA"/>
                    </a:solidFill>
                  </a:tcPr>
                </a:tc>
                <a:tc>
                  <a:txBody>
                    <a:bodyPr/>
                    <a:lstStyle/>
                    <a:p>
                      <a:pPr>
                        <a:lnSpc>
                          <a:spcPct val="100000"/>
                        </a:lnSpc>
                      </a:pPr>
                      <a:endParaRPr sz="900" dirty="0">
                        <a:latin typeface="Times New Roman"/>
                        <a:cs typeface="Times New Roman"/>
                      </a:endParaRPr>
                    </a:p>
                  </a:txBody>
                  <a:tcPr marL="0" marR="0" marT="0" marB="0">
                    <a:lnL w="12700">
                      <a:solidFill>
                        <a:srgbClr val="000000"/>
                      </a:solidFill>
                      <a:prstDash val="solid"/>
                    </a:lnL>
                    <a:lnB w="12700">
                      <a:solidFill>
                        <a:srgbClr val="000000"/>
                      </a:solidFill>
                      <a:prstDash val="solid"/>
                    </a:lnB>
                  </a:tcPr>
                </a:tc>
                <a:extLst>
                  <a:ext uri="{0D108BD9-81ED-4DB2-BD59-A6C34878D82A}">
                    <a16:rowId xmlns:a16="http://schemas.microsoft.com/office/drawing/2014/main" val="10000"/>
                  </a:ext>
                </a:extLst>
              </a:tr>
              <a:tr h="212111">
                <a:tc>
                  <a:txBody>
                    <a:bodyPr/>
                    <a:lstStyle/>
                    <a:p>
                      <a:pPr>
                        <a:lnSpc>
                          <a:spcPct val="100000"/>
                        </a:lnSpc>
                      </a:pPr>
                      <a:endParaRPr sz="7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solidFill>
                      <a:srgbClr val="FDE9DA"/>
                    </a:solidFill>
                  </a:tcPr>
                </a:tc>
                <a:tc>
                  <a:txBody>
                    <a:bodyPr/>
                    <a:lstStyle/>
                    <a:p>
                      <a:pPr>
                        <a:lnSpc>
                          <a:spcPct val="100000"/>
                        </a:lnSpc>
                      </a:pPr>
                      <a:endParaRPr sz="700" dirty="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DE9DA"/>
                    </a:solidFill>
                  </a:tcPr>
                </a:tc>
                <a:tc>
                  <a:txBody>
                    <a:bodyPr/>
                    <a:lstStyle/>
                    <a:p>
                      <a:pPr>
                        <a:lnSpc>
                          <a:spcPct val="100000"/>
                        </a:lnSpc>
                      </a:pPr>
                      <a:endParaRPr sz="7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solidFill>
                      <a:srgbClr val="FDE9DA"/>
                    </a:solidFill>
                  </a:tcPr>
                </a:tc>
                <a:extLst>
                  <a:ext uri="{0D108BD9-81ED-4DB2-BD59-A6C34878D82A}">
                    <a16:rowId xmlns:a16="http://schemas.microsoft.com/office/drawing/2014/main" val="10001"/>
                  </a:ext>
                </a:extLst>
              </a:tr>
              <a:tr h="2841107">
                <a:tc gridSpan="3">
                  <a:txBody>
                    <a:bodyPr/>
                    <a:lstStyle/>
                    <a:p>
                      <a:pPr marL="115570">
                        <a:lnSpc>
                          <a:spcPts val="2135"/>
                        </a:lnSpc>
                        <a:spcBef>
                          <a:spcPts val="575"/>
                        </a:spcBef>
                      </a:pPr>
                      <a:r>
                        <a:rPr sz="1500" b="1" spc="-10" dirty="0">
                          <a:latin typeface="Meiryo UI"/>
                          <a:cs typeface="Meiryo UI"/>
                        </a:rPr>
                        <a:t>【中長期】</a:t>
                      </a:r>
                      <a:endParaRPr sz="1500" dirty="0">
                        <a:latin typeface="Meiryo UI"/>
                        <a:cs typeface="Meiryo UI"/>
                      </a:endParaRPr>
                    </a:p>
                    <a:p>
                      <a:pPr marL="217804" marR="168275">
                        <a:lnSpc>
                          <a:spcPts val="1900"/>
                        </a:lnSpc>
                        <a:spcBef>
                          <a:spcPts val="254"/>
                        </a:spcBef>
                      </a:pPr>
                      <a:r>
                        <a:rPr sz="1500" spc="-35" dirty="0">
                          <a:latin typeface="Meiryo UI"/>
                          <a:cs typeface="Meiryo UI"/>
                        </a:rPr>
                        <a:t>地域のインフラを群として捉え、メンテナンスも含め地域のインフラのあるべき姿を定めるとともに、それらに基づき、効率的・効果的にマネジメントを行うことで、持続可能なインフラメンテナンスの実現を目指す</a:t>
                      </a:r>
                      <a:endParaRPr sz="1500" dirty="0">
                        <a:latin typeface="Meiryo UI"/>
                        <a:cs typeface="Meiryo UI"/>
                      </a:endParaRPr>
                    </a:p>
                    <a:p>
                      <a:pPr marL="115570">
                        <a:lnSpc>
                          <a:spcPct val="100000"/>
                        </a:lnSpc>
                        <a:spcBef>
                          <a:spcPts val="1010"/>
                        </a:spcBef>
                      </a:pPr>
                      <a:r>
                        <a:rPr sz="1500" b="1" spc="-15" dirty="0">
                          <a:latin typeface="Meiryo UI"/>
                          <a:cs typeface="Meiryo UI"/>
                        </a:rPr>
                        <a:t>【当面】</a:t>
                      </a:r>
                      <a:endParaRPr sz="1500" dirty="0">
                        <a:latin typeface="Meiryo UI"/>
                        <a:cs typeface="Meiryo UI"/>
                      </a:endParaRPr>
                    </a:p>
                    <a:p>
                      <a:pPr marL="217804" marR="55244">
                        <a:lnSpc>
                          <a:spcPts val="1900"/>
                        </a:lnSpc>
                        <a:spcBef>
                          <a:spcPts val="580"/>
                        </a:spcBef>
                      </a:pPr>
                      <a:r>
                        <a:rPr sz="1500" spc="-35" dirty="0">
                          <a:latin typeface="Meiryo UI"/>
                          <a:cs typeface="Meiryo UI"/>
                        </a:rPr>
                        <a:t>市町村のインフラメンテナンスの課題解決に向けた広域連携・分野連携を計画として定めるとともに、それらを踏まえ、既存の入札契約方式に拘らず最適な方式により業務・工事を実施することで、事業者のノウハウを生かした効率的なメンテナンスや、平時・災害時における地域のサービス水準の維持・向上を実現する</a:t>
                      </a:r>
                      <a:endParaRPr sz="1500" dirty="0">
                        <a:latin typeface="Meiryo UI"/>
                        <a:cs typeface="Meiryo UI"/>
                      </a:endParaRPr>
                    </a:p>
                  </a:txBody>
                  <a:tcPr marL="0" marR="0" marT="62444" marB="0">
                    <a:lnL w="12700">
                      <a:solidFill>
                        <a:srgbClr val="000000"/>
                      </a:solidFill>
                      <a:prstDash val="solid"/>
                    </a:lnL>
                    <a:lnR w="12700">
                      <a:solidFill>
                        <a:srgbClr val="000000"/>
                      </a:solidFill>
                      <a:prstDash val="solid"/>
                    </a:lnR>
                    <a:lnB w="12700">
                      <a:solidFill>
                        <a:srgbClr val="000000"/>
                      </a:solidFill>
                      <a:prstDash val="solid"/>
                    </a:lnB>
                    <a:solidFill>
                      <a:srgbClr val="FDE9DA"/>
                    </a:solidFill>
                  </a:tcPr>
                </a:tc>
                <a:tc hMerge="1">
                  <a:txBody>
                    <a:bodyPr/>
                    <a:lstStyle/>
                    <a:p>
                      <a:endParaRPr/>
                    </a:p>
                  </a:txBody>
                  <a:tcPr marL="0" marR="0" marT="0" marB="0"/>
                </a:tc>
                <a:tc hMerge="1">
                  <a:txBody>
                    <a:bodyPr/>
                    <a:lstStyle/>
                    <a:p>
                      <a:endParaRPr/>
                    </a:p>
                  </a:txBody>
                  <a:tcPr marL="0" marR="0" marT="0" marB="0"/>
                </a:tc>
                <a:extLst>
                  <a:ext uri="{0D108BD9-81ED-4DB2-BD59-A6C34878D82A}">
                    <a16:rowId xmlns:a16="http://schemas.microsoft.com/office/drawing/2014/main" val="10002"/>
                  </a:ext>
                </a:extLst>
              </a:tr>
            </a:tbl>
          </a:graphicData>
        </a:graphic>
      </p:graphicFrame>
      <p:sp>
        <p:nvSpPr>
          <p:cNvPr id="12" name="object 12"/>
          <p:cNvSpPr txBox="1"/>
          <p:nvPr/>
        </p:nvSpPr>
        <p:spPr>
          <a:xfrm>
            <a:off x="636296" y="4158686"/>
            <a:ext cx="2852009" cy="274663"/>
          </a:xfrm>
          <a:prstGeom prst="rect">
            <a:avLst/>
          </a:prstGeom>
        </p:spPr>
        <p:txBody>
          <a:bodyPr vert="horz" wrap="square" lIns="0" tIns="11403" rIns="0" bIns="0" rtlCol="0">
            <a:spAutoFit/>
          </a:bodyPr>
          <a:lstStyle/>
          <a:p>
            <a:pPr>
              <a:spcBef>
                <a:spcPts val="90"/>
              </a:spcBef>
            </a:pPr>
            <a:r>
              <a:rPr sz="1710" b="1" spc="-17" dirty="0">
                <a:solidFill>
                  <a:srgbClr val="FFFFFF"/>
                </a:solidFill>
                <a:latin typeface="Meiryo UI"/>
                <a:cs typeface="Meiryo UI"/>
              </a:rPr>
              <a:t>群マネ計画検討会</a:t>
            </a:r>
            <a:endParaRPr sz="1710" dirty="0">
              <a:latin typeface="Meiryo UI"/>
              <a:cs typeface="Meiryo UI"/>
            </a:endParaRPr>
          </a:p>
        </p:txBody>
      </p:sp>
      <p:sp>
        <p:nvSpPr>
          <p:cNvPr id="13" name="object 13"/>
          <p:cNvSpPr/>
          <p:nvPr/>
        </p:nvSpPr>
        <p:spPr>
          <a:xfrm>
            <a:off x="459208" y="5494738"/>
            <a:ext cx="2667449" cy="350026"/>
          </a:xfrm>
          <a:custGeom>
            <a:avLst/>
            <a:gdLst/>
            <a:ahLst/>
            <a:cxnLst/>
            <a:rect l="l" t="t" r="r" b="b"/>
            <a:pathLst>
              <a:path w="2298700" h="376554">
                <a:moveTo>
                  <a:pt x="2234184" y="0"/>
                </a:moveTo>
                <a:lnTo>
                  <a:pt x="62484" y="0"/>
                </a:lnTo>
                <a:lnTo>
                  <a:pt x="37933" y="4833"/>
                </a:lnTo>
                <a:lnTo>
                  <a:pt x="18097" y="18097"/>
                </a:lnTo>
                <a:lnTo>
                  <a:pt x="4833" y="37933"/>
                </a:lnTo>
                <a:lnTo>
                  <a:pt x="0" y="62484"/>
                </a:lnTo>
                <a:lnTo>
                  <a:pt x="0" y="313944"/>
                </a:lnTo>
                <a:lnTo>
                  <a:pt x="4833" y="338494"/>
                </a:lnTo>
                <a:lnTo>
                  <a:pt x="18097" y="358330"/>
                </a:lnTo>
                <a:lnTo>
                  <a:pt x="37933" y="371594"/>
                </a:lnTo>
                <a:lnTo>
                  <a:pt x="62484" y="376428"/>
                </a:lnTo>
                <a:lnTo>
                  <a:pt x="2234184" y="376428"/>
                </a:lnTo>
                <a:lnTo>
                  <a:pt x="2258972" y="371594"/>
                </a:lnTo>
                <a:lnTo>
                  <a:pt x="2279332" y="358330"/>
                </a:lnTo>
                <a:lnTo>
                  <a:pt x="2293119" y="338494"/>
                </a:lnTo>
                <a:lnTo>
                  <a:pt x="2298191" y="313944"/>
                </a:lnTo>
                <a:lnTo>
                  <a:pt x="2298191" y="62484"/>
                </a:lnTo>
                <a:lnTo>
                  <a:pt x="2293119" y="37933"/>
                </a:lnTo>
                <a:lnTo>
                  <a:pt x="2279332" y="18097"/>
                </a:lnTo>
                <a:lnTo>
                  <a:pt x="2258972" y="4833"/>
                </a:lnTo>
                <a:lnTo>
                  <a:pt x="2234184" y="0"/>
                </a:lnTo>
                <a:close/>
              </a:path>
            </a:pathLst>
          </a:custGeom>
          <a:solidFill>
            <a:srgbClr val="0070BF"/>
          </a:solidFill>
        </p:spPr>
        <p:txBody>
          <a:bodyPr wrap="square" lIns="0" tIns="0" rIns="0" bIns="0" rtlCol="0"/>
          <a:lstStyle/>
          <a:p>
            <a:endParaRPr sz="1749"/>
          </a:p>
        </p:txBody>
      </p:sp>
      <p:sp>
        <p:nvSpPr>
          <p:cNvPr id="14" name="object 14"/>
          <p:cNvSpPr txBox="1"/>
          <p:nvPr/>
        </p:nvSpPr>
        <p:spPr>
          <a:xfrm>
            <a:off x="711320" y="5532693"/>
            <a:ext cx="2158835" cy="274115"/>
          </a:xfrm>
          <a:prstGeom prst="rect">
            <a:avLst/>
          </a:prstGeom>
        </p:spPr>
        <p:txBody>
          <a:bodyPr vert="horz" wrap="square" lIns="0" tIns="10860" rIns="0" bIns="0" rtlCol="0">
            <a:spAutoFit/>
          </a:bodyPr>
          <a:lstStyle/>
          <a:p>
            <a:pPr>
              <a:spcBef>
                <a:spcPts val="86"/>
              </a:spcBef>
            </a:pPr>
            <a:r>
              <a:rPr sz="1710" b="1" spc="-17" dirty="0">
                <a:solidFill>
                  <a:srgbClr val="FFFFFF"/>
                </a:solidFill>
                <a:latin typeface="Meiryo UI"/>
                <a:cs typeface="Meiryo UI"/>
              </a:rPr>
              <a:t>群マネ実施検討会</a:t>
            </a:r>
            <a:endParaRPr sz="1710" dirty="0">
              <a:latin typeface="Meiryo UI"/>
              <a:cs typeface="Meiryo UI"/>
            </a:endParaRPr>
          </a:p>
        </p:txBody>
      </p:sp>
      <p:sp>
        <p:nvSpPr>
          <p:cNvPr id="15" name="object 15"/>
          <p:cNvSpPr txBox="1"/>
          <p:nvPr/>
        </p:nvSpPr>
        <p:spPr>
          <a:xfrm>
            <a:off x="711320" y="4447828"/>
            <a:ext cx="7721359" cy="721545"/>
          </a:xfrm>
          <a:prstGeom prst="rect">
            <a:avLst/>
          </a:prstGeom>
        </p:spPr>
        <p:txBody>
          <a:bodyPr vert="horz" wrap="square" lIns="0" tIns="10860" rIns="0" bIns="0" rtlCol="0">
            <a:spAutoFit/>
          </a:bodyPr>
          <a:lstStyle/>
          <a:p>
            <a:pPr marR="4344" indent="130317" algn="just">
              <a:spcBef>
                <a:spcPts val="86"/>
              </a:spcBef>
            </a:pPr>
            <a:r>
              <a:rPr sz="1539" b="1" u="heavy" spc="-30" dirty="0">
                <a:uFill>
                  <a:solidFill>
                    <a:srgbClr val="000000"/>
                  </a:solidFill>
                </a:uFill>
                <a:latin typeface="Meiryo UI"/>
                <a:cs typeface="Meiryo UI"/>
              </a:rPr>
              <a:t>市町村のインフラメンテナンスの課題解決に向けた広域連携・分野連携について定める計画づくり</a:t>
            </a:r>
            <a:r>
              <a:rPr sz="1539" b="1" spc="-26" dirty="0">
                <a:latin typeface="Meiryo UI"/>
                <a:cs typeface="Meiryo UI"/>
              </a:rPr>
              <a:t>を行っていく上で、策定主体において</a:t>
            </a:r>
            <a:r>
              <a:rPr sz="1539" b="1" u="heavy" spc="-17" dirty="0">
                <a:uFill>
                  <a:solidFill>
                    <a:srgbClr val="000000"/>
                  </a:solidFill>
                </a:uFill>
                <a:latin typeface="Meiryo UI"/>
                <a:cs typeface="Meiryo UI"/>
              </a:rPr>
              <a:t>検討が必要な事項を整理する</a:t>
            </a:r>
            <a:r>
              <a:rPr sz="1539" b="1" spc="-21" dirty="0">
                <a:latin typeface="Meiryo UI"/>
                <a:cs typeface="Meiryo UI"/>
              </a:rPr>
              <a:t>とともに、広域連携・分野連携</a:t>
            </a:r>
            <a:r>
              <a:rPr sz="1539" b="1" spc="-17" dirty="0">
                <a:latin typeface="Meiryo UI"/>
                <a:cs typeface="Meiryo UI"/>
              </a:rPr>
              <a:t>推進に関わる制度等における</a:t>
            </a:r>
            <a:r>
              <a:rPr sz="1539" b="1" u="heavy" spc="-9" dirty="0">
                <a:uFill>
                  <a:solidFill>
                    <a:srgbClr val="000000"/>
                  </a:solidFill>
                </a:uFill>
                <a:latin typeface="Meiryo UI"/>
                <a:cs typeface="Meiryo UI"/>
              </a:rPr>
              <a:t>課題の解決に向けた議論</a:t>
            </a:r>
            <a:r>
              <a:rPr sz="1539" b="1" spc="-17" dirty="0">
                <a:latin typeface="Meiryo UI"/>
                <a:cs typeface="Meiryo UI"/>
              </a:rPr>
              <a:t>を行う</a:t>
            </a:r>
            <a:endParaRPr sz="1539" dirty="0">
              <a:latin typeface="Meiryo UI"/>
              <a:cs typeface="Meiryo UI"/>
            </a:endParaRPr>
          </a:p>
        </p:txBody>
      </p:sp>
      <p:sp>
        <p:nvSpPr>
          <p:cNvPr id="16" name="object 16"/>
          <p:cNvSpPr txBox="1"/>
          <p:nvPr/>
        </p:nvSpPr>
        <p:spPr>
          <a:xfrm>
            <a:off x="4219327" y="4109715"/>
            <a:ext cx="3532929" cy="247826"/>
          </a:xfrm>
          <a:prstGeom prst="rect">
            <a:avLst/>
          </a:prstGeom>
        </p:spPr>
        <p:txBody>
          <a:bodyPr vert="horz" wrap="square" lIns="0" tIns="10860" rIns="0" bIns="0" rtlCol="0">
            <a:spAutoFit/>
          </a:bodyPr>
          <a:lstStyle/>
          <a:p>
            <a:pPr>
              <a:spcBef>
                <a:spcPts val="86"/>
              </a:spcBef>
            </a:pPr>
            <a:r>
              <a:rPr sz="1539" b="1" spc="-26" dirty="0">
                <a:solidFill>
                  <a:srgbClr val="00AF4F"/>
                </a:solidFill>
                <a:latin typeface="Meiryo UI"/>
                <a:cs typeface="Meiryo UI"/>
              </a:rPr>
              <a:t>計画づくりの視点からアプローチ</a:t>
            </a:r>
            <a:endParaRPr sz="1539" dirty="0">
              <a:latin typeface="Meiryo UI"/>
              <a:cs typeface="Meiryo UI"/>
            </a:endParaRPr>
          </a:p>
        </p:txBody>
      </p:sp>
      <p:sp>
        <p:nvSpPr>
          <p:cNvPr id="17" name="object 17"/>
          <p:cNvSpPr txBox="1"/>
          <p:nvPr/>
        </p:nvSpPr>
        <p:spPr>
          <a:xfrm>
            <a:off x="3378769" y="5525926"/>
            <a:ext cx="3712334" cy="247826"/>
          </a:xfrm>
          <a:prstGeom prst="rect">
            <a:avLst/>
          </a:prstGeom>
        </p:spPr>
        <p:txBody>
          <a:bodyPr vert="horz" wrap="square" lIns="0" tIns="10860" rIns="0" bIns="0" rtlCol="0">
            <a:spAutoFit/>
          </a:bodyPr>
          <a:lstStyle/>
          <a:p>
            <a:pPr>
              <a:spcBef>
                <a:spcPts val="86"/>
              </a:spcBef>
            </a:pPr>
            <a:r>
              <a:rPr sz="1539" b="1" spc="-21" dirty="0">
                <a:solidFill>
                  <a:srgbClr val="0070BF"/>
                </a:solidFill>
                <a:latin typeface="Meiryo UI"/>
                <a:cs typeface="Meiryo UI"/>
              </a:rPr>
              <a:t>業務・工事の実施の視点からアプローチ</a:t>
            </a:r>
            <a:endParaRPr sz="1539" dirty="0">
              <a:latin typeface="Meiryo UI"/>
              <a:cs typeface="Meiryo UI"/>
            </a:endParaRPr>
          </a:p>
        </p:txBody>
      </p:sp>
      <p:sp>
        <p:nvSpPr>
          <p:cNvPr id="18" name="object 18"/>
          <p:cNvSpPr txBox="1"/>
          <p:nvPr/>
        </p:nvSpPr>
        <p:spPr>
          <a:xfrm>
            <a:off x="732779" y="5835766"/>
            <a:ext cx="8069417" cy="888257"/>
          </a:xfrm>
          <a:prstGeom prst="rect">
            <a:avLst/>
          </a:prstGeom>
        </p:spPr>
        <p:txBody>
          <a:bodyPr vert="horz" wrap="square" lIns="0" tIns="10860" rIns="0" bIns="0" rtlCol="0">
            <a:spAutoFit/>
          </a:bodyPr>
          <a:lstStyle/>
          <a:p>
            <a:pPr marR="274209" indent="130317">
              <a:spcBef>
                <a:spcPts val="86"/>
              </a:spcBef>
            </a:pPr>
            <a:r>
              <a:rPr sz="1539" b="1" spc="-21" dirty="0">
                <a:latin typeface="Meiryo UI"/>
                <a:cs typeface="Meiryo UI"/>
              </a:rPr>
              <a:t>群マネの考え方に基づき、既存の入札契約方式に拘らず最適な方式により</a:t>
            </a:r>
            <a:r>
              <a:rPr sz="1539" b="1" u="heavy" spc="-4" dirty="0">
                <a:uFill>
                  <a:solidFill>
                    <a:srgbClr val="000000"/>
                  </a:solidFill>
                </a:uFill>
                <a:latin typeface="Meiryo UI"/>
                <a:cs typeface="Meiryo UI"/>
              </a:rPr>
              <a:t>業務・工事発注</a:t>
            </a:r>
            <a:r>
              <a:rPr sz="1539" b="1" spc="-4" dirty="0">
                <a:latin typeface="Meiryo UI"/>
                <a:cs typeface="Meiryo UI"/>
              </a:rPr>
              <a:t>を行っ</a:t>
            </a:r>
            <a:r>
              <a:rPr sz="1539" b="1" spc="-17" dirty="0">
                <a:latin typeface="Meiryo UI"/>
                <a:cs typeface="Meiryo UI"/>
              </a:rPr>
              <a:t>ていく上で、実施主体において</a:t>
            </a:r>
            <a:r>
              <a:rPr sz="1539" b="1" u="heavy" spc="-17" dirty="0">
                <a:uFill>
                  <a:solidFill>
                    <a:srgbClr val="000000"/>
                  </a:solidFill>
                </a:uFill>
                <a:latin typeface="Meiryo UI"/>
                <a:cs typeface="Meiryo UI"/>
              </a:rPr>
              <a:t>検討が必要な事項を整理する</a:t>
            </a:r>
            <a:r>
              <a:rPr sz="1539" b="1" spc="-21" dirty="0">
                <a:latin typeface="Meiryo UI"/>
                <a:cs typeface="Meiryo UI"/>
              </a:rPr>
              <a:t>とともに、インセンティブや責任分担など入札契約に関わる制度等における</a:t>
            </a:r>
            <a:r>
              <a:rPr sz="1539" b="1" u="heavy" spc="-4" dirty="0">
                <a:uFill>
                  <a:solidFill>
                    <a:srgbClr val="000000"/>
                  </a:solidFill>
                </a:uFill>
                <a:latin typeface="Meiryo UI"/>
                <a:cs typeface="Meiryo UI"/>
              </a:rPr>
              <a:t>課題の解決に向けた議論</a:t>
            </a:r>
            <a:r>
              <a:rPr sz="1539" b="1" spc="-9" dirty="0">
                <a:latin typeface="Meiryo UI"/>
                <a:cs typeface="Meiryo UI"/>
              </a:rPr>
              <a:t>を行う</a:t>
            </a:r>
            <a:endParaRPr sz="1539" dirty="0">
              <a:latin typeface="Meiryo UI"/>
              <a:cs typeface="Meiryo UI"/>
            </a:endParaRPr>
          </a:p>
          <a:p>
            <a:pPr marL="7950438">
              <a:lnSpc>
                <a:spcPts val="1291"/>
              </a:lnSpc>
            </a:pPr>
            <a:r>
              <a:rPr sz="1368" spc="-43" dirty="0">
                <a:latin typeface="Meiryo UI"/>
                <a:cs typeface="Meiryo UI"/>
              </a:rPr>
              <a:t>1</a:t>
            </a:r>
            <a:endParaRPr sz="1368" dirty="0">
              <a:latin typeface="Meiryo UI"/>
              <a:cs typeface="Meiryo UI"/>
            </a:endParaRPr>
          </a:p>
        </p:txBody>
      </p:sp>
      <p:sp>
        <p:nvSpPr>
          <p:cNvPr id="19" name="object 19"/>
          <p:cNvSpPr/>
          <p:nvPr/>
        </p:nvSpPr>
        <p:spPr>
          <a:xfrm>
            <a:off x="3883157" y="3684837"/>
            <a:ext cx="1385718" cy="280184"/>
          </a:xfrm>
          <a:custGeom>
            <a:avLst/>
            <a:gdLst/>
            <a:ahLst/>
            <a:cxnLst/>
            <a:rect l="l" t="t" r="r" b="b"/>
            <a:pathLst>
              <a:path w="1620520" h="327660">
                <a:moveTo>
                  <a:pt x="1214627" y="0"/>
                </a:moveTo>
                <a:lnTo>
                  <a:pt x="405384" y="0"/>
                </a:lnTo>
                <a:lnTo>
                  <a:pt x="405384" y="163067"/>
                </a:lnTo>
                <a:lnTo>
                  <a:pt x="0" y="163067"/>
                </a:lnTo>
                <a:lnTo>
                  <a:pt x="809244" y="327659"/>
                </a:lnTo>
                <a:lnTo>
                  <a:pt x="1620012" y="163067"/>
                </a:lnTo>
                <a:lnTo>
                  <a:pt x="1214627" y="163067"/>
                </a:lnTo>
                <a:lnTo>
                  <a:pt x="1214627" y="0"/>
                </a:lnTo>
                <a:close/>
              </a:path>
            </a:pathLst>
          </a:custGeom>
          <a:solidFill>
            <a:srgbClr val="FF0000"/>
          </a:solidFill>
        </p:spPr>
        <p:txBody>
          <a:bodyPr wrap="square" lIns="0" tIns="0" rIns="0" bIns="0" rtlCol="0"/>
          <a:lstStyle/>
          <a:p>
            <a:endParaRPr sz="1749"/>
          </a:p>
        </p:txBody>
      </p:sp>
      <p:grpSp>
        <p:nvGrpSpPr>
          <p:cNvPr id="20" name="object 20"/>
          <p:cNvGrpSpPr/>
          <p:nvPr/>
        </p:nvGrpSpPr>
        <p:grpSpPr>
          <a:xfrm>
            <a:off x="6216182" y="757149"/>
            <a:ext cx="2541207" cy="418647"/>
            <a:chOff x="7269480" y="656844"/>
            <a:chExt cx="2971800" cy="489584"/>
          </a:xfrm>
        </p:grpSpPr>
        <p:sp>
          <p:nvSpPr>
            <p:cNvPr id="21" name="object 21"/>
            <p:cNvSpPr/>
            <p:nvPr/>
          </p:nvSpPr>
          <p:spPr>
            <a:xfrm>
              <a:off x="7275576" y="662940"/>
              <a:ext cx="2959735" cy="477520"/>
            </a:xfrm>
            <a:custGeom>
              <a:avLst/>
              <a:gdLst/>
              <a:ahLst/>
              <a:cxnLst/>
              <a:rect l="l" t="t" r="r" b="b"/>
              <a:pathLst>
                <a:path w="2959734" h="477519">
                  <a:moveTo>
                    <a:pt x="2959607" y="0"/>
                  </a:moveTo>
                  <a:lnTo>
                    <a:pt x="0" y="0"/>
                  </a:lnTo>
                  <a:lnTo>
                    <a:pt x="0" y="477012"/>
                  </a:lnTo>
                  <a:lnTo>
                    <a:pt x="2959607" y="477012"/>
                  </a:lnTo>
                  <a:lnTo>
                    <a:pt x="2959607" y="0"/>
                  </a:lnTo>
                  <a:close/>
                </a:path>
              </a:pathLst>
            </a:custGeom>
            <a:solidFill>
              <a:srgbClr val="FFFFFF"/>
            </a:solidFill>
          </p:spPr>
          <p:txBody>
            <a:bodyPr wrap="square" lIns="0" tIns="0" rIns="0" bIns="0" rtlCol="0"/>
            <a:lstStyle/>
            <a:p>
              <a:endParaRPr sz="1749"/>
            </a:p>
          </p:txBody>
        </p:sp>
        <p:sp>
          <p:nvSpPr>
            <p:cNvPr id="22" name="object 22"/>
            <p:cNvSpPr/>
            <p:nvPr/>
          </p:nvSpPr>
          <p:spPr>
            <a:xfrm>
              <a:off x="7275576" y="662940"/>
              <a:ext cx="2959735" cy="477520"/>
            </a:xfrm>
            <a:custGeom>
              <a:avLst/>
              <a:gdLst/>
              <a:ahLst/>
              <a:cxnLst/>
              <a:rect l="l" t="t" r="r" b="b"/>
              <a:pathLst>
                <a:path w="2959734" h="477519">
                  <a:moveTo>
                    <a:pt x="0" y="0"/>
                  </a:moveTo>
                  <a:lnTo>
                    <a:pt x="2959607" y="0"/>
                  </a:lnTo>
                  <a:lnTo>
                    <a:pt x="2959607" y="477012"/>
                  </a:lnTo>
                  <a:lnTo>
                    <a:pt x="0" y="477012"/>
                  </a:lnTo>
                  <a:lnTo>
                    <a:pt x="0" y="0"/>
                  </a:lnTo>
                  <a:close/>
                </a:path>
              </a:pathLst>
            </a:custGeom>
            <a:ln w="12191">
              <a:solidFill>
                <a:srgbClr val="000000"/>
              </a:solidFill>
            </a:ln>
          </p:spPr>
          <p:txBody>
            <a:bodyPr wrap="square" lIns="0" tIns="0" rIns="0" bIns="0" rtlCol="0"/>
            <a:lstStyle/>
            <a:p>
              <a:endParaRPr sz="1749"/>
            </a:p>
          </p:txBody>
        </p:sp>
      </p:grpSp>
      <p:sp>
        <p:nvSpPr>
          <p:cNvPr id="23" name="object 23"/>
          <p:cNvSpPr txBox="1"/>
          <p:nvPr/>
        </p:nvSpPr>
        <p:spPr>
          <a:xfrm>
            <a:off x="6221395" y="785748"/>
            <a:ext cx="2588555" cy="379400"/>
          </a:xfrm>
          <a:prstGeom prst="rect">
            <a:avLst/>
          </a:prstGeom>
        </p:spPr>
        <p:txBody>
          <a:bodyPr vert="horz" wrap="square" lIns="0" tIns="10860" rIns="0" bIns="0" rtlCol="0">
            <a:spAutoFit/>
          </a:bodyPr>
          <a:lstStyle/>
          <a:p>
            <a:pPr algn="ctr">
              <a:spcBef>
                <a:spcPts val="86"/>
              </a:spcBef>
            </a:pPr>
            <a:r>
              <a:rPr sz="1197" spc="-9" dirty="0">
                <a:latin typeface="Meiryo UI"/>
                <a:cs typeface="Meiryo UI"/>
              </a:rPr>
              <a:t>5/7</a:t>
            </a:r>
            <a:r>
              <a:rPr sz="1197" spc="-13" dirty="0">
                <a:latin typeface="Meiryo UI"/>
                <a:cs typeface="Meiryo UI"/>
              </a:rPr>
              <a:t>実施検討会の資料より</a:t>
            </a:r>
            <a:endParaRPr sz="1197" dirty="0">
              <a:latin typeface="Meiryo UI"/>
              <a:cs typeface="Meiryo UI"/>
            </a:endParaRPr>
          </a:p>
          <a:p>
            <a:pPr algn="ctr">
              <a:spcBef>
                <a:spcPts val="4"/>
              </a:spcBef>
            </a:pPr>
            <a:r>
              <a:rPr sz="1197" spc="-9" dirty="0">
                <a:latin typeface="Meiryo UI"/>
                <a:cs typeface="Meiryo UI"/>
              </a:rPr>
              <a:t>（3/7</a:t>
            </a:r>
            <a:r>
              <a:rPr sz="1197" spc="-13" dirty="0">
                <a:latin typeface="Meiryo UI"/>
                <a:cs typeface="Meiryo UI"/>
              </a:rPr>
              <a:t>計画検討会の資料を一部更新</a:t>
            </a:r>
            <a:r>
              <a:rPr sz="1197" spc="-43" dirty="0">
                <a:latin typeface="Meiryo UI"/>
                <a:cs typeface="Meiryo UI"/>
              </a:rPr>
              <a:t>）</a:t>
            </a:r>
            <a:endParaRPr sz="1197" dirty="0">
              <a:latin typeface="Meiryo UI"/>
              <a:cs typeface="Meiryo UI"/>
            </a:endParaRPr>
          </a:p>
        </p:txBody>
      </p:sp>
    </p:spTree>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 name="直線コネクタ 1">
            <a:extLst>
              <a:ext uri="{FF2B5EF4-FFF2-40B4-BE49-F238E27FC236}">
                <a16:creationId xmlns:a16="http://schemas.microsoft.com/office/drawing/2014/main" id="{799C3291-BE0E-A980-CC3A-C9D9AD834DEC}"/>
              </a:ext>
            </a:extLst>
          </p:cNvPr>
          <p:cNvCxnSpPr/>
          <p:nvPr/>
        </p:nvCxnSpPr>
        <p:spPr>
          <a:xfrm>
            <a:off x="0" y="0"/>
            <a:ext cx="914400" cy="0"/>
          </a:xfrm>
          <a:prstGeom prst="line">
            <a:avLst/>
          </a:prstGeom>
          <a:ln w="0" cap="flat" cmpd="sng" algn="ctr">
            <a:solidFill>
              <a:srgbClr val="FBFFFF"/>
            </a:solidFill>
            <a:prstDash val="solid"/>
            <a:miter lim="800000"/>
            <a:headEnd type="none" w="med" len="med"/>
            <a:tailEnd type="none" w="med" len="med"/>
          </a:ln>
          <a:effectLst/>
          <a:extLst>
            <a:ext uri="{AF507438-7753-43E0-B8FC-AC1667EBCBE1}">
              <a14:hiddenEffects xmlns:a14="http://schemas.microsoft.com/office/drawing/2010/main">
                <a:effectLst>
                  <a:outerShdw blurRad="63500" rotWithShape="0">
                    <a:scrgbClr r="0" g="0" b="0"/>
                  </a:outerShdw>
                </a:effectLst>
              </a14:hiddenEffects>
            </a:ext>
          </a:extLst>
        </p:spPr>
        <p:style>
          <a:lnRef idx="1">
            <a:schemeClr val="accent1"/>
          </a:lnRef>
          <a:fillRef idx="0">
            <a:schemeClr val="accent1"/>
          </a:fillRef>
          <a:effectRef idx="0">
            <a:schemeClr val="accent1"/>
          </a:effectRef>
          <a:fontRef idx="minor">
            <a:schemeClr val="tx1"/>
          </a:fontRef>
        </p:style>
      </p:cxnSp>
      <p:pic>
        <p:nvPicPr>
          <p:cNvPr id="3" name="図 2">
            <a:extLst>
              <a:ext uri="{FF2B5EF4-FFF2-40B4-BE49-F238E27FC236}">
                <a16:creationId xmlns:a16="http://schemas.microsoft.com/office/drawing/2014/main" id="{3188A919-41B5-4224-FE8C-F33F340875DA}"/>
              </a:ext>
            </a:extLst>
          </p:cNvPr>
          <p:cNvPicPr>
            <a:picLocks noChangeAspect="1"/>
          </p:cNvPicPr>
          <p:nvPr/>
        </p:nvPicPr>
        <p:blipFill>
          <a:blip r:embed="rId3"/>
          <a:stretch>
            <a:fillRect/>
          </a:stretch>
        </p:blipFill>
        <p:spPr>
          <a:xfrm>
            <a:off x="333336" y="1013586"/>
            <a:ext cx="4203422" cy="3272664"/>
          </a:xfrm>
          <a:prstGeom prst="rect">
            <a:avLst/>
          </a:prstGeom>
        </p:spPr>
      </p:pic>
      <p:pic>
        <p:nvPicPr>
          <p:cNvPr id="5" name="図 4">
            <a:extLst>
              <a:ext uri="{FF2B5EF4-FFF2-40B4-BE49-F238E27FC236}">
                <a16:creationId xmlns:a16="http://schemas.microsoft.com/office/drawing/2014/main" id="{7995F4AC-A0C0-F675-5698-914A906A5E1B}"/>
              </a:ext>
            </a:extLst>
          </p:cNvPr>
          <p:cNvPicPr>
            <a:picLocks noChangeAspect="1"/>
          </p:cNvPicPr>
          <p:nvPr/>
        </p:nvPicPr>
        <p:blipFill>
          <a:blip r:embed="rId4"/>
          <a:stretch>
            <a:fillRect/>
          </a:stretch>
        </p:blipFill>
        <p:spPr>
          <a:xfrm>
            <a:off x="4567719" y="1013586"/>
            <a:ext cx="4242946" cy="3375775"/>
          </a:xfrm>
          <a:prstGeom prst="rect">
            <a:avLst/>
          </a:prstGeom>
        </p:spPr>
      </p:pic>
      <p:sp>
        <p:nvSpPr>
          <p:cNvPr id="6" name="テキスト ボックス 5">
            <a:extLst>
              <a:ext uri="{FF2B5EF4-FFF2-40B4-BE49-F238E27FC236}">
                <a16:creationId xmlns:a16="http://schemas.microsoft.com/office/drawing/2014/main" id="{DA634812-7B19-FD0F-235C-77C876D62A10}"/>
              </a:ext>
            </a:extLst>
          </p:cNvPr>
          <p:cNvSpPr txBox="1"/>
          <p:nvPr/>
        </p:nvSpPr>
        <p:spPr>
          <a:xfrm>
            <a:off x="3041854" y="4960990"/>
            <a:ext cx="3019733" cy="507831"/>
          </a:xfrm>
          <a:prstGeom prst="rect">
            <a:avLst/>
          </a:prstGeom>
          <a:noFill/>
        </p:spPr>
        <p:txBody>
          <a:bodyPr wrap="square" rtlCol="0">
            <a:spAutoFit/>
          </a:bodyPr>
          <a:lstStyle/>
          <a:p>
            <a:r>
              <a:rPr lang="ja-JP" altLang="en-US" sz="2700" dirty="0"/>
              <a:t>撤去と言う選択</a:t>
            </a:r>
          </a:p>
        </p:txBody>
      </p:sp>
    </p:spTree>
    <p:extLst>
      <p:ext uri="{BB962C8B-B14F-4D97-AF65-F5344CB8AC3E}">
        <p14:creationId xmlns:p14="http://schemas.microsoft.com/office/powerpoint/2010/main" val="3743899199"/>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 name="直線コネクタ 1">
            <a:extLst>
              <a:ext uri="{FF2B5EF4-FFF2-40B4-BE49-F238E27FC236}">
                <a16:creationId xmlns:a16="http://schemas.microsoft.com/office/drawing/2014/main" id="{8C9E8A1F-4B96-228B-9183-D6AE51DBB83A}"/>
              </a:ext>
            </a:extLst>
          </p:cNvPr>
          <p:cNvCxnSpPr/>
          <p:nvPr/>
        </p:nvCxnSpPr>
        <p:spPr>
          <a:xfrm>
            <a:off x="0" y="0"/>
            <a:ext cx="914400" cy="0"/>
          </a:xfrm>
          <a:prstGeom prst="line">
            <a:avLst/>
          </a:prstGeom>
          <a:ln w="0" cap="flat" cmpd="sng" algn="ctr">
            <a:solidFill>
              <a:srgbClr val="FBFFFF"/>
            </a:solidFill>
            <a:prstDash val="solid"/>
            <a:miter lim="800000"/>
            <a:headEnd type="none" w="med" len="med"/>
            <a:tailEnd type="none" w="med" len="med"/>
          </a:ln>
          <a:effectLst/>
          <a:extLst>
            <a:ext uri="{AF507438-7753-43E0-B8FC-AC1667EBCBE1}">
              <a14:hiddenEffects xmlns:a14="http://schemas.microsoft.com/office/drawing/2010/main">
                <a:effectLst>
                  <a:outerShdw blurRad="63500" rotWithShape="0">
                    <a:scrgbClr r="0" g="0" b="0"/>
                  </a:outerShdw>
                </a:effectLst>
              </a14:hiddenEffects>
            </a:ext>
          </a:extLst>
        </p:spPr>
        <p:style>
          <a:lnRef idx="1">
            <a:schemeClr val="accent1"/>
          </a:lnRef>
          <a:fillRef idx="0">
            <a:schemeClr val="accent1"/>
          </a:fillRef>
          <a:effectRef idx="0">
            <a:schemeClr val="accent1"/>
          </a:effectRef>
          <a:fontRef idx="minor">
            <a:schemeClr val="tx1"/>
          </a:fontRef>
        </p:style>
      </p:cxnSp>
      <p:sp>
        <p:nvSpPr>
          <p:cNvPr id="8194" name="スライド番号プレースホルダー 3">
            <a:extLst>
              <a:ext uri="{FF2B5EF4-FFF2-40B4-BE49-F238E27FC236}">
                <a16:creationId xmlns:a16="http://schemas.microsoft.com/office/drawing/2014/main" id="{CFA9BF2B-251B-D0B3-081C-84A3FCF78D58}"/>
              </a:ext>
            </a:extLst>
          </p:cNvPr>
          <p:cNvSpPr>
            <a:spLocks noGrp="1" noChangeArrowheads="1"/>
          </p:cNvSpPr>
          <p:nvPr>
            <p:ph type="sldNum" sz="quarter" idx="12"/>
          </p:nvPr>
        </p:nvSpPr>
        <p:spPr bwMode="auto">
          <a:xfrm>
            <a:off x="3124200" y="6356350"/>
            <a:ext cx="2895600" cy="365125"/>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lgn="ctr">
              <a:spcBef>
                <a:spcPct val="0"/>
              </a:spcBef>
              <a:buFontTx/>
              <a:buNone/>
            </a:pPr>
            <a:fld id="{38AF6F64-28A9-41B8-B16A-F606F3439F9F}" type="slidenum">
              <a:rPr lang="ja-JP" altLang="en-US" sz="1200" smtClean="0">
                <a:solidFill>
                  <a:srgbClr val="898989"/>
                </a:solidFill>
                <a:latin typeface="Arial" panose="020B0604020202020204" pitchFamily="34" charset="0"/>
              </a:rPr>
              <a:pPr algn="ctr">
                <a:spcBef>
                  <a:spcPct val="0"/>
                </a:spcBef>
                <a:buFontTx/>
                <a:buNone/>
              </a:pPr>
              <a:t>91</a:t>
            </a:fld>
            <a:endParaRPr lang="ja-JP" altLang="en-US" sz="1200">
              <a:solidFill>
                <a:srgbClr val="898989"/>
              </a:solidFill>
              <a:latin typeface="Arial" panose="020B0604020202020204" pitchFamily="34" charset="0"/>
            </a:endParaRPr>
          </a:p>
        </p:txBody>
      </p:sp>
      <p:sp>
        <p:nvSpPr>
          <p:cNvPr id="8195" name="Rectangle 8">
            <a:extLst>
              <a:ext uri="{FF2B5EF4-FFF2-40B4-BE49-F238E27FC236}">
                <a16:creationId xmlns:a16="http://schemas.microsoft.com/office/drawing/2014/main" id="{656C9569-B86F-8661-01C4-FAC034F30660}"/>
              </a:ext>
            </a:extLst>
          </p:cNvPr>
          <p:cNvSpPr>
            <a:spLocks noChangeArrowheads="1"/>
          </p:cNvSpPr>
          <p:nvPr/>
        </p:nvSpPr>
        <p:spPr bwMode="auto">
          <a:xfrm>
            <a:off x="134938" y="428625"/>
            <a:ext cx="8785225"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1411" tIns="45705" rIns="91411" bIns="45705" anchor="ct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spcBef>
                <a:spcPct val="0"/>
              </a:spcBef>
              <a:buFontTx/>
              <a:buNone/>
            </a:pPr>
            <a:endParaRPr lang="en-US" altLang="ja-JP" sz="3600" dirty="0">
              <a:solidFill>
                <a:srgbClr val="000000"/>
              </a:solidFill>
              <a:latin typeface="Arial" panose="020B0604020202020204" pitchFamily="34" charset="0"/>
              <a:ea typeface="HGPｺﾞｼｯｸE" panose="020B0900000000000000" pitchFamily="50" charset="-128"/>
            </a:endParaRPr>
          </a:p>
          <a:p>
            <a:pPr eaLnBrk="1" hangingPunct="1">
              <a:spcBef>
                <a:spcPct val="0"/>
              </a:spcBef>
              <a:buFontTx/>
              <a:buNone/>
            </a:pPr>
            <a:r>
              <a:rPr lang="ja-JP" altLang="en-US" sz="3600" dirty="0">
                <a:solidFill>
                  <a:srgbClr val="000000"/>
                </a:solidFill>
                <a:latin typeface="Arial" panose="020B0604020202020204" pitchFamily="34" charset="0"/>
                <a:ea typeface="HGPｺﾞｼｯｸE" panose="020B0900000000000000" pitchFamily="50" charset="-128"/>
              </a:rPr>
              <a:t>人財こそ！最重要</a:t>
            </a:r>
            <a:endParaRPr lang="en-US" altLang="ja-JP" sz="3600" dirty="0">
              <a:solidFill>
                <a:srgbClr val="000000"/>
              </a:solidFill>
              <a:latin typeface="Arial" panose="020B0604020202020204" pitchFamily="34" charset="0"/>
              <a:ea typeface="HGPｺﾞｼｯｸE" panose="020B0900000000000000" pitchFamily="50" charset="-128"/>
            </a:endParaRPr>
          </a:p>
          <a:p>
            <a:pPr eaLnBrk="1" hangingPunct="1">
              <a:spcBef>
                <a:spcPct val="0"/>
              </a:spcBef>
              <a:buFontTx/>
              <a:buNone/>
            </a:pPr>
            <a:r>
              <a:rPr lang="ja-JP" altLang="en-US" sz="3600" dirty="0">
                <a:solidFill>
                  <a:srgbClr val="000000"/>
                </a:solidFill>
                <a:latin typeface="Arial" panose="020B0604020202020204" pitchFamily="34" charset="0"/>
                <a:ea typeface="HGPｺﾞｼｯｸE" panose="020B0900000000000000" pitchFamily="50" charset="-128"/>
              </a:rPr>
              <a:t>職員教育　「植野塾」</a:t>
            </a:r>
            <a:endParaRPr lang="en-US" altLang="ja-JP" sz="3600" dirty="0">
              <a:solidFill>
                <a:srgbClr val="000000"/>
              </a:solidFill>
              <a:latin typeface="Arial" panose="020B0604020202020204" pitchFamily="34" charset="0"/>
              <a:ea typeface="HGPｺﾞｼｯｸE" panose="020B0900000000000000" pitchFamily="50" charset="-128"/>
            </a:endParaRPr>
          </a:p>
          <a:p>
            <a:pPr eaLnBrk="1" hangingPunct="1">
              <a:spcBef>
                <a:spcPct val="0"/>
              </a:spcBef>
              <a:buFontTx/>
              <a:buNone/>
            </a:pPr>
            <a:endParaRPr lang="ja-JP" altLang="en-US" sz="2800" dirty="0">
              <a:solidFill>
                <a:srgbClr val="000000"/>
              </a:solidFill>
              <a:latin typeface="Arial" panose="020B0604020202020204" pitchFamily="34" charset="0"/>
              <a:ea typeface="HGPｺﾞｼｯｸE" panose="020B0900000000000000" pitchFamily="50" charset="-128"/>
            </a:endParaRPr>
          </a:p>
        </p:txBody>
      </p:sp>
      <p:pic>
        <p:nvPicPr>
          <p:cNvPr id="8196" name="Picture 3" descr="\\toyama-city.local\17建設部\1730橋りょう保全\s1\橋りょう室共通\77ppt\橋りょうppt\ネタ写真等\計画係\植野塾写真\CIMG1498.JPG">
            <a:extLst>
              <a:ext uri="{FF2B5EF4-FFF2-40B4-BE49-F238E27FC236}">
                <a16:creationId xmlns:a16="http://schemas.microsoft.com/office/drawing/2014/main" id="{0A6BA18D-D96E-7804-3195-ADE472222B7F}"/>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4540250"/>
            <a:ext cx="3294063" cy="23526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197" name="Picture 4" descr="\\toyama-city.local\17建設部\1730橋りょう保全\s1\橋りょう室共通\05写真\05その他\八田橋現場視察\20170801　AM　富山市どぼじょ\RIMG6968.JPG">
            <a:extLst>
              <a:ext uri="{FF2B5EF4-FFF2-40B4-BE49-F238E27FC236}">
                <a16:creationId xmlns:a16="http://schemas.microsoft.com/office/drawing/2014/main" id="{77FF2FB2-E8FA-78FD-0D5A-F30F624196B2}"/>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175" y="2211388"/>
            <a:ext cx="3263900" cy="23288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198" name="Rectangle 17">
            <a:extLst>
              <a:ext uri="{FF2B5EF4-FFF2-40B4-BE49-F238E27FC236}">
                <a16:creationId xmlns:a16="http://schemas.microsoft.com/office/drawing/2014/main" id="{6BC129B5-6D1D-CF35-C67A-CE08C1575ACE}"/>
              </a:ext>
            </a:extLst>
          </p:cNvPr>
          <p:cNvSpPr>
            <a:spLocks noChangeArrowheads="1"/>
          </p:cNvSpPr>
          <p:nvPr/>
        </p:nvSpPr>
        <p:spPr bwMode="auto">
          <a:xfrm>
            <a:off x="3175" y="860425"/>
            <a:ext cx="4216400" cy="5016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285750" indent="-28575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eaLnBrk="1" hangingPunct="1">
              <a:lnSpc>
                <a:spcPct val="80000"/>
              </a:lnSpc>
              <a:buFont typeface="Wingdings" panose="05000000000000000000" pitchFamily="2" charset="2"/>
              <a:buChar char="Ø"/>
            </a:pPr>
            <a:endParaRPr lang="en-US" altLang="ja-JP" sz="1800" b="1">
              <a:solidFill>
                <a:srgbClr val="323232"/>
              </a:solidFill>
              <a:latin typeface="HG丸ｺﾞｼｯｸM-PRO" panose="020F0600000000000000" pitchFamily="50" charset="-128"/>
              <a:ea typeface="HG丸ｺﾞｼｯｸM-PRO" panose="020F0600000000000000" pitchFamily="50" charset="-128"/>
            </a:endParaRPr>
          </a:p>
          <a:p>
            <a:pPr eaLnBrk="1" hangingPunct="1">
              <a:lnSpc>
                <a:spcPct val="80000"/>
              </a:lnSpc>
              <a:buFont typeface="Wingdings" panose="05000000000000000000" pitchFamily="2" charset="2"/>
              <a:buChar char="Ø"/>
            </a:pPr>
            <a:endParaRPr lang="en-US" altLang="ja-JP" sz="1800" b="1">
              <a:solidFill>
                <a:srgbClr val="323232"/>
              </a:solidFill>
              <a:latin typeface="HG丸ｺﾞｼｯｸM-PRO" panose="020F0600000000000000" pitchFamily="50" charset="-128"/>
              <a:ea typeface="HG丸ｺﾞｼｯｸM-PRO" panose="020F0600000000000000" pitchFamily="50" charset="-128"/>
            </a:endParaRPr>
          </a:p>
          <a:p>
            <a:pPr eaLnBrk="1" hangingPunct="1">
              <a:lnSpc>
                <a:spcPct val="80000"/>
              </a:lnSpc>
              <a:buFont typeface="Wingdings" panose="05000000000000000000" pitchFamily="2" charset="2"/>
              <a:buChar char="Ø"/>
            </a:pPr>
            <a:r>
              <a:rPr lang="ja-JP" altLang="en-US" sz="1800" b="1">
                <a:solidFill>
                  <a:srgbClr val="323232"/>
                </a:solidFill>
                <a:latin typeface="HG丸ｺﾞｼｯｸM-PRO" panose="020F0600000000000000" pitchFamily="50" charset="-128"/>
                <a:ea typeface="HG丸ｺﾞｼｯｸM-PRO" panose="020F0600000000000000" pitchFamily="50" charset="-128"/>
              </a:rPr>
              <a:t>インハウスエンジニア［職員］の育成により技術力の底上げ</a:t>
            </a:r>
            <a:endParaRPr lang="en-US" altLang="ja-JP" sz="1800" b="1">
              <a:solidFill>
                <a:srgbClr val="323232"/>
              </a:solidFill>
              <a:latin typeface="HG丸ｺﾞｼｯｸM-PRO" panose="020F0600000000000000" pitchFamily="50" charset="-128"/>
              <a:ea typeface="HG丸ｺﾞｼｯｸM-PRO" panose="020F0600000000000000" pitchFamily="50" charset="-128"/>
            </a:endParaRPr>
          </a:p>
          <a:p>
            <a:pPr eaLnBrk="1" hangingPunct="1">
              <a:lnSpc>
                <a:spcPct val="80000"/>
              </a:lnSpc>
              <a:buFont typeface="Wingdings" panose="05000000000000000000" pitchFamily="2" charset="2"/>
              <a:buChar char="Ø"/>
            </a:pPr>
            <a:r>
              <a:rPr lang="ja-JP" altLang="en-US" sz="1800" b="1">
                <a:solidFill>
                  <a:srgbClr val="323232"/>
                </a:solidFill>
                <a:latin typeface="HG丸ｺﾞｼｯｸM-PRO" panose="020F0600000000000000" pitchFamily="50" charset="-128"/>
                <a:ea typeface="HG丸ｺﾞｼｯｸM-PRO" panose="020F0600000000000000" pitchFamily="50" charset="-128"/>
              </a:rPr>
              <a:t>考える力、マネジメント能力を</a:t>
            </a:r>
            <a:endParaRPr lang="en-US" altLang="ja-JP" sz="1800" b="1">
              <a:solidFill>
                <a:srgbClr val="323232"/>
              </a:solidFill>
              <a:latin typeface="HG丸ｺﾞｼｯｸM-PRO" panose="020F0600000000000000" pitchFamily="50" charset="-128"/>
              <a:ea typeface="HG丸ｺﾞｼｯｸM-PRO" panose="020F0600000000000000" pitchFamily="50" charset="-128"/>
            </a:endParaRPr>
          </a:p>
        </p:txBody>
      </p:sp>
      <p:pic>
        <p:nvPicPr>
          <p:cNvPr id="8199" name="Picture 2">
            <a:extLst>
              <a:ext uri="{FF2B5EF4-FFF2-40B4-BE49-F238E27FC236}">
                <a16:creationId xmlns:a16="http://schemas.microsoft.com/office/drawing/2014/main" id="{00D2CB13-AD56-AC39-F2F2-6E3B6AB16032}"/>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356100" y="36513"/>
            <a:ext cx="4764088" cy="67500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cSld>
  <p:clrMapOvr>
    <a:masterClrMapping/>
  </p:clrMapOvr>
  <p:transition spd="slow"/>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D36282B8-3464-6519-2776-042A82ED7AEB}"/>
              </a:ext>
            </a:extLst>
          </p:cNvPr>
          <p:cNvSpPr txBox="1"/>
          <p:nvPr/>
        </p:nvSpPr>
        <p:spPr>
          <a:xfrm>
            <a:off x="-387531" y="901337"/>
            <a:ext cx="45719" cy="369332"/>
          </a:xfrm>
          <a:prstGeom prst="rect">
            <a:avLst/>
          </a:prstGeom>
          <a:noFill/>
        </p:spPr>
        <p:txBody>
          <a:bodyPr wrap="square" rtlCol="0">
            <a:spAutoFit/>
          </a:bodyPr>
          <a:lstStyle/>
          <a:p>
            <a:endParaRPr lang="ja-JP" altLang="en-US"/>
          </a:p>
        </p:txBody>
      </p:sp>
      <p:sp>
        <p:nvSpPr>
          <p:cNvPr id="3" name="テキスト ボックス 2">
            <a:extLst>
              <a:ext uri="{FF2B5EF4-FFF2-40B4-BE49-F238E27FC236}">
                <a16:creationId xmlns:a16="http://schemas.microsoft.com/office/drawing/2014/main" id="{E773F89C-87A3-A08E-6A22-739AC29DEDFD}"/>
              </a:ext>
            </a:extLst>
          </p:cNvPr>
          <p:cNvSpPr txBox="1"/>
          <p:nvPr/>
        </p:nvSpPr>
        <p:spPr>
          <a:xfrm>
            <a:off x="272347" y="488382"/>
            <a:ext cx="8802410" cy="6439455"/>
          </a:xfrm>
          <a:prstGeom prst="rect">
            <a:avLst/>
          </a:prstGeom>
          <a:noFill/>
        </p:spPr>
        <p:txBody>
          <a:bodyPr wrap="none" rtlCol="0">
            <a:spAutoFit/>
          </a:bodyPr>
          <a:lstStyle/>
          <a:p>
            <a:r>
              <a:rPr lang="ja-JP" altLang="en-US" sz="2800" dirty="0"/>
              <a:t>群管理</a:t>
            </a:r>
            <a:endParaRPr lang="en-US" altLang="ja-JP" sz="2800" dirty="0"/>
          </a:p>
          <a:p>
            <a:endParaRPr lang="en-US" altLang="ja-JP" sz="2800" dirty="0"/>
          </a:p>
          <a:p>
            <a:r>
              <a:rPr lang="ja-JP" altLang="en-US" sz="2800" dirty="0"/>
              <a:t>戦略不足が実行を阻む</a:t>
            </a:r>
            <a:endParaRPr lang="en-US" altLang="ja-JP" sz="2800" dirty="0"/>
          </a:p>
          <a:p>
            <a:endParaRPr lang="en-US" altLang="ja-JP" sz="2800" dirty="0"/>
          </a:p>
          <a:p>
            <a:r>
              <a:rPr lang="ja-JP" altLang="en-US" sz="2800" dirty="0"/>
              <a:t>今、点検は</a:t>
            </a:r>
            <a:r>
              <a:rPr lang="en-US" altLang="ja-JP" sz="2800" dirty="0"/>
              <a:t>3</a:t>
            </a:r>
            <a:r>
              <a:rPr lang="ja-JP" altLang="en-US" sz="2800" dirty="0"/>
              <a:t>巡目！</a:t>
            </a:r>
            <a:endParaRPr lang="en-US" altLang="ja-JP" sz="2800" dirty="0"/>
          </a:p>
          <a:p>
            <a:endParaRPr lang="en-US" altLang="ja-JP" sz="2800" dirty="0"/>
          </a:p>
          <a:p>
            <a:r>
              <a:rPr lang="ja-JP" altLang="en-US" sz="2800" dirty="0"/>
              <a:t>戦略が有れば、これまでに点検業務などで、自治体に</a:t>
            </a:r>
            <a:endParaRPr lang="en-US" altLang="ja-JP" sz="2800" dirty="0"/>
          </a:p>
          <a:p>
            <a:r>
              <a:rPr lang="ja-JP" altLang="en-US" sz="2800" dirty="0"/>
              <a:t>参入実施し、当該自治体の状況を把握しておくべき</a:t>
            </a:r>
            <a:endParaRPr lang="en-US" altLang="ja-JP" sz="2800" dirty="0"/>
          </a:p>
          <a:p>
            <a:r>
              <a:rPr lang="ja-JP" altLang="en-US" sz="2800" dirty="0"/>
              <a:t>だった。</a:t>
            </a:r>
            <a:endParaRPr lang="en-US" altLang="ja-JP" sz="2800" dirty="0"/>
          </a:p>
          <a:p>
            <a:endParaRPr lang="en-US" altLang="ja-JP" sz="2800" dirty="0"/>
          </a:p>
          <a:p>
            <a:r>
              <a:rPr lang="ja-JP" altLang="en-US" sz="2800" dirty="0"/>
              <a:t>しかし、ほとんどができていない。</a:t>
            </a:r>
            <a:endParaRPr lang="en-US" altLang="ja-JP" sz="2800" dirty="0"/>
          </a:p>
          <a:p>
            <a:endParaRPr lang="en-US" altLang="ja-JP" sz="2800" dirty="0"/>
          </a:p>
          <a:p>
            <a:r>
              <a:rPr lang="ja-JP" altLang="en-US" sz="2800" dirty="0"/>
              <a:t>いきなり来ても・・・・　</a:t>
            </a:r>
            <a:endParaRPr lang="en-US" altLang="ja-JP" sz="2800" dirty="0"/>
          </a:p>
          <a:p>
            <a:endParaRPr lang="en-US" altLang="ja-JP" sz="2800" dirty="0"/>
          </a:p>
          <a:p>
            <a:endParaRPr lang="ja-JP" altLang="en-US" dirty="0"/>
          </a:p>
        </p:txBody>
      </p:sp>
    </p:spTree>
    <p:extLst>
      <p:ext uri="{BB962C8B-B14F-4D97-AF65-F5344CB8AC3E}">
        <p14:creationId xmlns:p14="http://schemas.microsoft.com/office/powerpoint/2010/main" val="479528025"/>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a:extLst>
              <a:ext uri="{FF2B5EF4-FFF2-40B4-BE49-F238E27FC236}">
                <a16:creationId xmlns:a16="http://schemas.microsoft.com/office/drawing/2014/main" id="{D36282B8-3464-6519-2776-042A82ED7AEB}"/>
              </a:ext>
            </a:extLst>
          </p:cNvPr>
          <p:cNvSpPr txBox="1"/>
          <p:nvPr/>
        </p:nvSpPr>
        <p:spPr>
          <a:xfrm>
            <a:off x="-387531" y="901337"/>
            <a:ext cx="45719" cy="369332"/>
          </a:xfrm>
          <a:prstGeom prst="rect">
            <a:avLst/>
          </a:prstGeom>
          <a:noFill/>
        </p:spPr>
        <p:txBody>
          <a:bodyPr wrap="square" rtlCol="0">
            <a:spAutoFit/>
          </a:bodyPr>
          <a:lstStyle/>
          <a:p>
            <a:endParaRPr lang="ja-JP" altLang="en-US"/>
          </a:p>
        </p:txBody>
      </p:sp>
      <p:sp>
        <p:nvSpPr>
          <p:cNvPr id="3" name="テキスト ボックス 2">
            <a:extLst>
              <a:ext uri="{FF2B5EF4-FFF2-40B4-BE49-F238E27FC236}">
                <a16:creationId xmlns:a16="http://schemas.microsoft.com/office/drawing/2014/main" id="{E773F89C-87A3-A08E-6A22-739AC29DEDFD}"/>
              </a:ext>
            </a:extLst>
          </p:cNvPr>
          <p:cNvSpPr txBox="1"/>
          <p:nvPr/>
        </p:nvSpPr>
        <p:spPr>
          <a:xfrm>
            <a:off x="272347" y="488382"/>
            <a:ext cx="7366119" cy="6439455"/>
          </a:xfrm>
          <a:prstGeom prst="rect">
            <a:avLst/>
          </a:prstGeom>
          <a:noFill/>
        </p:spPr>
        <p:txBody>
          <a:bodyPr wrap="none" rtlCol="0">
            <a:spAutoFit/>
          </a:bodyPr>
          <a:lstStyle/>
          <a:p>
            <a:r>
              <a:rPr lang="ja-JP" altLang="en-US" sz="2800" dirty="0"/>
              <a:t>新技術</a:t>
            </a:r>
            <a:endParaRPr lang="en-US" altLang="ja-JP" sz="2800" dirty="0"/>
          </a:p>
          <a:p>
            <a:endParaRPr lang="en-US" altLang="ja-JP" sz="2800" dirty="0"/>
          </a:p>
          <a:p>
            <a:r>
              <a:rPr lang="ja-JP" altLang="en-US" sz="2800" dirty="0"/>
              <a:t>自己満足では使われない</a:t>
            </a:r>
            <a:endParaRPr lang="en-US" altLang="ja-JP" sz="2800" dirty="0"/>
          </a:p>
          <a:p>
            <a:endParaRPr lang="en-US" altLang="ja-JP" sz="2800" dirty="0"/>
          </a:p>
          <a:p>
            <a:r>
              <a:rPr lang="ja-JP" altLang="en-US" sz="2800" dirty="0"/>
              <a:t>実装のための実証</a:t>
            </a:r>
            <a:endParaRPr lang="en-US" altLang="ja-JP" sz="2800" dirty="0"/>
          </a:p>
          <a:p>
            <a:endParaRPr lang="en-US" altLang="ja-JP" sz="2800" dirty="0"/>
          </a:p>
          <a:p>
            <a:r>
              <a:rPr lang="ja-JP" altLang="en-US" sz="2800" dirty="0"/>
              <a:t>点検調査分の提案が主流で多数</a:t>
            </a:r>
            <a:endParaRPr lang="en-US" altLang="ja-JP" sz="2800" dirty="0"/>
          </a:p>
          <a:p>
            <a:endParaRPr lang="en-US" altLang="ja-JP" sz="2800" dirty="0"/>
          </a:p>
          <a:p>
            <a:r>
              <a:rPr lang="ja-JP" altLang="en-US" sz="2800" dirty="0"/>
              <a:t>実際に今後必要なのは、補修材料や補修方法</a:t>
            </a:r>
            <a:endParaRPr lang="en-US" altLang="ja-JP" sz="2800" dirty="0"/>
          </a:p>
          <a:p>
            <a:endParaRPr lang="en-US" altLang="ja-JP" sz="2800" dirty="0"/>
          </a:p>
          <a:p>
            <a:r>
              <a:rPr lang="ja-JP" altLang="en-US" sz="2800" dirty="0"/>
              <a:t>撤去技術、効率的か架け替え技術</a:t>
            </a:r>
            <a:endParaRPr lang="en-US" altLang="ja-JP" sz="2800" dirty="0"/>
          </a:p>
          <a:p>
            <a:endParaRPr lang="en-US" altLang="ja-JP" sz="2800" dirty="0"/>
          </a:p>
          <a:p>
            <a:r>
              <a:rPr lang="ja-JP" altLang="en-US" sz="2800" dirty="0"/>
              <a:t>コンサルの技術領域ではなくなっていく。　</a:t>
            </a:r>
            <a:endParaRPr lang="en-US" altLang="ja-JP" sz="2800" dirty="0"/>
          </a:p>
          <a:p>
            <a:endParaRPr lang="en-US" altLang="ja-JP" sz="2800" dirty="0"/>
          </a:p>
          <a:p>
            <a:endParaRPr lang="ja-JP" altLang="en-US" dirty="0"/>
          </a:p>
        </p:txBody>
      </p:sp>
    </p:spTree>
    <p:extLst>
      <p:ext uri="{BB962C8B-B14F-4D97-AF65-F5344CB8AC3E}">
        <p14:creationId xmlns:p14="http://schemas.microsoft.com/office/powerpoint/2010/main" val="3838817679"/>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object 2"/>
          <p:cNvGraphicFramePr>
            <a:graphicFrameLocks noGrp="1"/>
          </p:cNvGraphicFramePr>
          <p:nvPr/>
        </p:nvGraphicFramePr>
        <p:xfrm>
          <a:off x="268455" y="482178"/>
          <a:ext cx="8578197" cy="6066454"/>
        </p:xfrm>
        <a:graphic>
          <a:graphicData uri="http://schemas.openxmlformats.org/drawingml/2006/table">
            <a:tbl>
              <a:tblPr firstRow="1" bandRow="1">
                <a:tableStyleId>{2D5ABB26-0587-4C30-8999-92F81FD0307C}</a:tableStyleId>
              </a:tblPr>
              <a:tblGrid>
                <a:gridCol w="338828">
                  <a:extLst>
                    <a:ext uri="{9D8B030D-6E8A-4147-A177-3AD203B41FA5}">
                      <a16:colId xmlns:a16="http://schemas.microsoft.com/office/drawing/2014/main" val="20000"/>
                    </a:ext>
                  </a:extLst>
                </a:gridCol>
                <a:gridCol w="569600">
                  <a:extLst>
                    <a:ext uri="{9D8B030D-6E8A-4147-A177-3AD203B41FA5}">
                      <a16:colId xmlns:a16="http://schemas.microsoft.com/office/drawing/2014/main" val="20001"/>
                    </a:ext>
                  </a:extLst>
                </a:gridCol>
                <a:gridCol w="533218">
                  <a:extLst>
                    <a:ext uri="{9D8B030D-6E8A-4147-A177-3AD203B41FA5}">
                      <a16:colId xmlns:a16="http://schemas.microsoft.com/office/drawing/2014/main" val="20002"/>
                    </a:ext>
                  </a:extLst>
                </a:gridCol>
                <a:gridCol w="165069">
                  <a:extLst>
                    <a:ext uri="{9D8B030D-6E8A-4147-A177-3AD203B41FA5}">
                      <a16:colId xmlns:a16="http://schemas.microsoft.com/office/drawing/2014/main" val="20003"/>
                    </a:ext>
                  </a:extLst>
                </a:gridCol>
                <a:gridCol w="697202">
                  <a:extLst>
                    <a:ext uri="{9D8B030D-6E8A-4147-A177-3AD203B41FA5}">
                      <a16:colId xmlns:a16="http://schemas.microsoft.com/office/drawing/2014/main" val="20004"/>
                    </a:ext>
                  </a:extLst>
                </a:gridCol>
                <a:gridCol w="697202">
                  <a:extLst>
                    <a:ext uri="{9D8B030D-6E8A-4147-A177-3AD203B41FA5}">
                      <a16:colId xmlns:a16="http://schemas.microsoft.com/office/drawing/2014/main" val="20005"/>
                    </a:ext>
                  </a:extLst>
                </a:gridCol>
                <a:gridCol w="697202">
                  <a:extLst>
                    <a:ext uri="{9D8B030D-6E8A-4147-A177-3AD203B41FA5}">
                      <a16:colId xmlns:a16="http://schemas.microsoft.com/office/drawing/2014/main" val="20006"/>
                    </a:ext>
                  </a:extLst>
                </a:gridCol>
                <a:gridCol w="697202">
                  <a:extLst>
                    <a:ext uri="{9D8B030D-6E8A-4147-A177-3AD203B41FA5}">
                      <a16:colId xmlns:a16="http://schemas.microsoft.com/office/drawing/2014/main" val="20007"/>
                    </a:ext>
                  </a:extLst>
                </a:gridCol>
                <a:gridCol w="697202">
                  <a:extLst>
                    <a:ext uri="{9D8B030D-6E8A-4147-A177-3AD203B41FA5}">
                      <a16:colId xmlns:a16="http://schemas.microsoft.com/office/drawing/2014/main" val="20008"/>
                    </a:ext>
                  </a:extLst>
                </a:gridCol>
                <a:gridCol w="697203">
                  <a:extLst>
                    <a:ext uri="{9D8B030D-6E8A-4147-A177-3AD203B41FA5}">
                      <a16:colId xmlns:a16="http://schemas.microsoft.com/office/drawing/2014/main" val="20009"/>
                    </a:ext>
                  </a:extLst>
                </a:gridCol>
                <a:gridCol w="697203">
                  <a:extLst>
                    <a:ext uri="{9D8B030D-6E8A-4147-A177-3AD203B41FA5}">
                      <a16:colId xmlns:a16="http://schemas.microsoft.com/office/drawing/2014/main" val="20010"/>
                    </a:ext>
                  </a:extLst>
                </a:gridCol>
                <a:gridCol w="697203">
                  <a:extLst>
                    <a:ext uri="{9D8B030D-6E8A-4147-A177-3AD203B41FA5}">
                      <a16:colId xmlns:a16="http://schemas.microsoft.com/office/drawing/2014/main" val="20011"/>
                    </a:ext>
                  </a:extLst>
                </a:gridCol>
                <a:gridCol w="697203">
                  <a:extLst>
                    <a:ext uri="{9D8B030D-6E8A-4147-A177-3AD203B41FA5}">
                      <a16:colId xmlns:a16="http://schemas.microsoft.com/office/drawing/2014/main" val="20012"/>
                    </a:ext>
                  </a:extLst>
                </a:gridCol>
                <a:gridCol w="94481">
                  <a:extLst>
                    <a:ext uri="{9D8B030D-6E8A-4147-A177-3AD203B41FA5}">
                      <a16:colId xmlns:a16="http://schemas.microsoft.com/office/drawing/2014/main" val="20013"/>
                    </a:ext>
                  </a:extLst>
                </a:gridCol>
                <a:gridCol w="602179">
                  <a:extLst>
                    <a:ext uri="{9D8B030D-6E8A-4147-A177-3AD203B41FA5}">
                      <a16:colId xmlns:a16="http://schemas.microsoft.com/office/drawing/2014/main" val="20014"/>
                    </a:ext>
                  </a:extLst>
                </a:gridCol>
              </a:tblGrid>
              <a:tr h="385525">
                <a:tc gridSpan="4">
                  <a:txBody>
                    <a:bodyPr/>
                    <a:lstStyle/>
                    <a:p>
                      <a:pPr marL="231140">
                        <a:lnSpc>
                          <a:spcPct val="100000"/>
                        </a:lnSpc>
                        <a:spcBef>
                          <a:spcPts val="1050"/>
                        </a:spcBef>
                      </a:pPr>
                      <a:r>
                        <a:rPr sz="900" spc="10" dirty="0">
                          <a:latin typeface="ＭＳ Ｐゴシック"/>
                          <a:cs typeface="ＭＳ Ｐゴシック"/>
                        </a:rPr>
                        <a:t>群マネモデル地域  担当</a:t>
                      </a:r>
                      <a:endParaRPr sz="900">
                        <a:latin typeface="ＭＳ Ｐゴシック"/>
                        <a:cs typeface="ＭＳ Ｐゴシック"/>
                      </a:endParaRPr>
                    </a:p>
                  </a:txBody>
                  <a:tcPr marL="0" marR="0" marT="114029" marB="0">
                    <a:lnB w="28575">
                      <a:solidFill>
                        <a:srgbClr val="000000"/>
                      </a:solidFill>
                      <a:prstDash val="solid"/>
                    </a:lnB>
                    <a:solidFill>
                      <a:srgbClr val="FFFF00"/>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gridSpan="11">
                  <a:txBody>
                    <a:bodyPr/>
                    <a:lstStyle/>
                    <a:p>
                      <a:pPr marL="21590">
                        <a:lnSpc>
                          <a:spcPct val="100000"/>
                        </a:lnSpc>
                        <a:spcBef>
                          <a:spcPts val="1120"/>
                        </a:spcBef>
                        <a:tabLst>
                          <a:tab pos="7498715" algn="l"/>
                        </a:tabLst>
                      </a:pPr>
                      <a:r>
                        <a:rPr sz="900" spc="-10" dirty="0">
                          <a:latin typeface="ＭＳ Ｐゴシック"/>
                          <a:cs typeface="ＭＳ Ｐゴシック"/>
                        </a:rPr>
                        <a:t>委員を希望や居住地</a:t>
                      </a:r>
                      <a:r>
                        <a:rPr sz="900" spc="-20" dirty="0">
                          <a:latin typeface="ＭＳ Ｐゴシック"/>
                          <a:cs typeface="ＭＳ Ｐゴシック"/>
                        </a:rPr>
                        <a:t>、</a:t>
                      </a:r>
                      <a:r>
                        <a:rPr sz="900" spc="-10" dirty="0">
                          <a:latin typeface="ＭＳ Ｐゴシック"/>
                          <a:cs typeface="ＭＳ Ｐゴシック"/>
                        </a:rPr>
                        <a:t>自治体の支援ニー</a:t>
                      </a:r>
                      <a:r>
                        <a:rPr sz="900" spc="-20" dirty="0">
                          <a:latin typeface="ＭＳ Ｐゴシック"/>
                          <a:cs typeface="ＭＳ Ｐゴシック"/>
                        </a:rPr>
                        <a:t>ズ</a:t>
                      </a:r>
                      <a:r>
                        <a:rPr sz="900" spc="-10" dirty="0">
                          <a:latin typeface="ＭＳ Ｐゴシック"/>
                          <a:cs typeface="ＭＳ Ｐゴシック"/>
                        </a:rPr>
                        <a:t>な</a:t>
                      </a:r>
                      <a:r>
                        <a:rPr sz="900" spc="-20" dirty="0">
                          <a:latin typeface="ＭＳ Ｐゴシック"/>
                          <a:cs typeface="ＭＳ Ｐゴシック"/>
                        </a:rPr>
                        <a:t>ど</a:t>
                      </a:r>
                      <a:r>
                        <a:rPr sz="900" spc="-10" dirty="0">
                          <a:latin typeface="ＭＳ Ｐゴシック"/>
                          <a:cs typeface="ＭＳ Ｐゴシック"/>
                        </a:rPr>
                        <a:t>を踏まえ</a:t>
                      </a:r>
                      <a:r>
                        <a:rPr sz="900" spc="-20" dirty="0">
                          <a:latin typeface="ＭＳ Ｐゴシック"/>
                          <a:cs typeface="ＭＳ Ｐゴシック"/>
                        </a:rPr>
                        <a:t>、</a:t>
                      </a:r>
                      <a:r>
                        <a:rPr sz="900" spc="-10" dirty="0">
                          <a:latin typeface="ＭＳ Ｐゴシック"/>
                          <a:cs typeface="ＭＳ Ｐゴシック"/>
                        </a:rPr>
                        <a:t>２～３人程度／１地域（１委員あたり２地区担当を基本</a:t>
                      </a:r>
                      <a:r>
                        <a:rPr sz="900" dirty="0">
                          <a:latin typeface="ＭＳ Ｐゴシック"/>
                          <a:cs typeface="ＭＳ Ｐゴシック"/>
                        </a:rPr>
                        <a:t>）とし</a:t>
                      </a:r>
                      <a:r>
                        <a:rPr sz="900" spc="-10" dirty="0">
                          <a:latin typeface="ＭＳ Ｐゴシック"/>
                          <a:cs typeface="ＭＳ Ｐゴシック"/>
                        </a:rPr>
                        <a:t>て割り当て案を整</a:t>
                      </a:r>
                      <a:r>
                        <a:rPr sz="900" spc="-50" dirty="0">
                          <a:latin typeface="ＭＳ Ｐゴシック"/>
                          <a:cs typeface="ＭＳ Ｐゴシック"/>
                        </a:rPr>
                        <a:t>理</a:t>
                      </a:r>
                      <a:r>
                        <a:rPr sz="900" dirty="0">
                          <a:latin typeface="ＭＳ Ｐゴシック"/>
                          <a:cs typeface="ＭＳ Ｐゴシック"/>
                        </a:rPr>
                        <a:t>	240730</a:t>
                      </a:r>
                      <a:r>
                        <a:rPr sz="900" spc="-10" dirty="0">
                          <a:latin typeface="ＭＳ Ｐゴシック"/>
                          <a:cs typeface="ＭＳ Ｐゴシック"/>
                        </a:rPr>
                        <a:t>時</a:t>
                      </a:r>
                      <a:r>
                        <a:rPr sz="900" spc="-50" dirty="0">
                          <a:latin typeface="ＭＳ Ｐゴシック"/>
                          <a:cs typeface="ＭＳ Ｐゴシック"/>
                        </a:rPr>
                        <a:t>点</a:t>
                      </a:r>
                      <a:endParaRPr sz="900">
                        <a:latin typeface="ＭＳ Ｐゴシック"/>
                        <a:cs typeface="ＭＳ Ｐゴシック"/>
                      </a:endParaRPr>
                    </a:p>
                  </a:txBody>
                  <a:tcPr marL="0" marR="0" marT="121630" marB="0">
                    <a:lnB w="28575">
                      <a:solidFill>
                        <a:srgbClr val="000000"/>
                      </a:solidFill>
                      <a:prstDash val="solid"/>
                    </a:lnB>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extLst>
                  <a:ext uri="{0D108BD9-81ED-4DB2-BD59-A6C34878D82A}">
                    <a16:rowId xmlns:a16="http://schemas.microsoft.com/office/drawing/2014/main" val="10000"/>
                  </a:ext>
                </a:extLst>
              </a:tr>
              <a:tr h="363262">
                <a:tc>
                  <a:txBody>
                    <a:bodyPr/>
                    <a:lstStyle/>
                    <a:p>
                      <a:pPr>
                        <a:lnSpc>
                          <a:spcPct val="100000"/>
                        </a:lnSpc>
                      </a:pPr>
                      <a:endParaRPr sz="900">
                        <a:latin typeface="Times New Roman"/>
                        <a:cs typeface="Times New Roman"/>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08279">
                        <a:lnSpc>
                          <a:spcPct val="100000"/>
                        </a:lnSpc>
                        <a:spcBef>
                          <a:spcPts val="1040"/>
                        </a:spcBef>
                      </a:pPr>
                      <a:r>
                        <a:rPr sz="900" spc="-30" dirty="0">
                          <a:solidFill>
                            <a:srgbClr val="0D0D0D"/>
                          </a:solidFill>
                          <a:latin typeface="ＭＳ Ｐゴシック"/>
                          <a:cs typeface="ＭＳ Ｐゴシック"/>
                        </a:rPr>
                        <a:t>氏名</a:t>
                      </a:r>
                      <a:endParaRPr sz="900">
                        <a:latin typeface="ＭＳ Ｐゴシック"/>
                        <a:cs typeface="ＭＳ Ｐゴシック"/>
                      </a:endParaRPr>
                    </a:p>
                  </a:txBody>
                  <a:tcPr marL="0" marR="0" marT="112943"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gridSpan="2">
                  <a:txBody>
                    <a:bodyPr/>
                    <a:lstStyle/>
                    <a:p>
                      <a:pPr marL="22225" marR="69215">
                        <a:lnSpc>
                          <a:spcPts val="1100"/>
                        </a:lnSpc>
                        <a:spcBef>
                          <a:spcPts val="605"/>
                        </a:spcBef>
                      </a:pPr>
                      <a:r>
                        <a:rPr sz="900" spc="20" dirty="0">
                          <a:solidFill>
                            <a:srgbClr val="0D0D0D"/>
                          </a:solidFill>
                          <a:latin typeface="ＭＳ Ｐゴシック"/>
                          <a:cs typeface="ＭＳ Ｐゴシック"/>
                        </a:rPr>
                        <a:t>①北海道 幕</a:t>
                      </a:r>
                      <a:r>
                        <a:rPr sz="900" spc="-25" dirty="0">
                          <a:solidFill>
                            <a:srgbClr val="0D0D0D"/>
                          </a:solidFill>
                          <a:latin typeface="ＭＳ Ｐゴシック"/>
                          <a:cs typeface="ＭＳ Ｐゴシック"/>
                        </a:rPr>
                        <a:t>別町等</a:t>
                      </a:r>
                      <a:endParaRPr sz="900">
                        <a:latin typeface="ＭＳ Ｐゴシック"/>
                        <a:cs typeface="ＭＳ Ｐゴシック"/>
                      </a:endParaRPr>
                    </a:p>
                  </a:txBody>
                  <a:tcPr marL="0" marR="0" marT="65702" marB="0">
                    <a:lnL w="28575">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solidFill>
                      <a:srgbClr val="B3C6E6"/>
                    </a:solidFill>
                  </a:tcPr>
                </a:tc>
                <a:tc hMerge="1">
                  <a:txBody>
                    <a:bodyPr/>
                    <a:lstStyle/>
                    <a:p>
                      <a:endParaRPr/>
                    </a:p>
                  </a:txBody>
                  <a:tcPr marL="0" marR="0" marT="0" marB="0"/>
                </a:tc>
                <a:tc>
                  <a:txBody>
                    <a:bodyPr/>
                    <a:lstStyle/>
                    <a:p>
                      <a:pPr marL="21590" marR="69215">
                        <a:lnSpc>
                          <a:spcPts val="1100"/>
                        </a:lnSpc>
                        <a:spcBef>
                          <a:spcPts val="605"/>
                        </a:spcBef>
                      </a:pPr>
                      <a:r>
                        <a:rPr sz="900" spc="20" dirty="0">
                          <a:solidFill>
                            <a:srgbClr val="0D0D0D"/>
                          </a:solidFill>
                          <a:latin typeface="ＭＳ Ｐゴシック"/>
                          <a:cs typeface="ＭＳ Ｐゴシック"/>
                        </a:rPr>
                        <a:t>②秋田県 大</a:t>
                      </a:r>
                      <a:r>
                        <a:rPr sz="900" spc="-30" dirty="0">
                          <a:solidFill>
                            <a:srgbClr val="0D0D0D"/>
                          </a:solidFill>
                          <a:latin typeface="ＭＳ Ｐゴシック"/>
                          <a:cs typeface="ＭＳ Ｐゴシック"/>
                        </a:rPr>
                        <a:t>館市</a:t>
                      </a:r>
                      <a:endParaRPr sz="900">
                        <a:latin typeface="ＭＳ Ｐゴシック"/>
                        <a:cs typeface="ＭＳ Ｐゴシック"/>
                      </a:endParaRPr>
                    </a:p>
                  </a:txBody>
                  <a:tcPr marL="0" marR="0" marT="65702"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1590" marR="69215">
                        <a:lnSpc>
                          <a:spcPts val="1100"/>
                        </a:lnSpc>
                        <a:spcBef>
                          <a:spcPts val="605"/>
                        </a:spcBef>
                      </a:pPr>
                      <a:r>
                        <a:rPr sz="900" spc="20" dirty="0">
                          <a:solidFill>
                            <a:srgbClr val="0D0D0D"/>
                          </a:solidFill>
                          <a:latin typeface="ＭＳ Ｐゴシック"/>
                          <a:cs typeface="ＭＳ Ｐゴシック"/>
                        </a:rPr>
                        <a:t>③滋賀県 草</a:t>
                      </a:r>
                      <a:r>
                        <a:rPr sz="900" spc="-30" dirty="0">
                          <a:solidFill>
                            <a:srgbClr val="0D0D0D"/>
                          </a:solidFill>
                          <a:latin typeface="ＭＳ Ｐゴシック"/>
                          <a:cs typeface="ＭＳ Ｐゴシック"/>
                        </a:rPr>
                        <a:t>津市</a:t>
                      </a:r>
                      <a:endParaRPr sz="900">
                        <a:latin typeface="ＭＳ Ｐゴシック"/>
                        <a:cs typeface="ＭＳ Ｐゴシック"/>
                      </a:endParaRPr>
                    </a:p>
                  </a:txBody>
                  <a:tcPr marL="0" marR="0" marT="65702"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1590" marR="69215">
                        <a:lnSpc>
                          <a:spcPts val="1100"/>
                        </a:lnSpc>
                        <a:spcBef>
                          <a:spcPts val="605"/>
                        </a:spcBef>
                      </a:pPr>
                      <a:r>
                        <a:rPr sz="900" spc="20" dirty="0">
                          <a:solidFill>
                            <a:srgbClr val="0D0D0D"/>
                          </a:solidFill>
                          <a:latin typeface="ＭＳ Ｐゴシック"/>
                          <a:cs typeface="ＭＳ Ｐゴシック"/>
                        </a:rPr>
                        <a:t>④大阪府 貝</a:t>
                      </a:r>
                      <a:r>
                        <a:rPr sz="900" spc="-25" dirty="0">
                          <a:solidFill>
                            <a:srgbClr val="0D0D0D"/>
                          </a:solidFill>
                          <a:latin typeface="ＭＳ Ｐゴシック"/>
                          <a:cs typeface="ＭＳ Ｐゴシック"/>
                        </a:rPr>
                        <a:t>塚市等</a:t>
                      </a:r>
                      <a:endParaRPr sz="900">
                        <a:latin typeface="ＭＳ Ｐゴシック"/>
                        <a:cs typeface="ＭＳ Ｐゴシック"/>
                      </a:endParaRPr>
                    </a:p>
                  </a:txBody>
                  <a:tcPr marL="0" marR="0" marT="65702"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1590" marR="69215">
                        <a:lnSpc>
                          <a:spcPts val="1100"/>
                        </a:lnSpc>
                        <a:spcBef>
                          <a:spcPts val="605"/>
                        </a:spcBef>
                      </a:pPr>
                      <a:r>
                        <a:rPr sz="900" spc="20" dirty="0">
                          <a:solidFill>
                            <a:srgbClr val="0D0D0D"/>
                          </a:solidFill>
                          <a:latin typeface="ＭＳ Ｐゴシック"/>
                          <a:cs typeface="ＭＳ Ｐゴシック"/>
                        </a:rPr>
                        <a:t>⑤兵庫県 養</a:t>
                      </a:r>
                      <a:r>
                        <a:rPr sz="900" spc="-25" dirty="0">
                          <a:solidFill>
                            <a:srgbClr val="0D0D0D"/>
                          </a:solidFill>
                          <a:latin typeface="ＭＳ Ｐゴシック"/>
                          <a:cs typeface="ＭＳ Ｐゴシック"/>
                        </a:rPr>
                        <a:t>父市等</a:t>
                      </a:r>
                      <a:endParaRPr sz="900">
                        <a:latin typeface="ＭＳ Ｐゴシック"/>
                        <a:cs typeface="ＭＳ Ｐゴシック"/>
                      </a:endParaRPr>
                    </a:p>
                  </a:txBody>
                  <a:tcPr marL="0" marR="0" marT="65702"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1590" marR="69215">
                        <a:lnSpc>
                          <a:spcPts val="1100"/>
                        </a:lnSpc>
                        <a:spcBef>
                          <a:spcPts val="605"/>
                        </a:spcBef>
                      </a:pPr>
                      <a:r>
                        <a:rPr sz="900" spc="20" dirty="0">
                          <a:solidFill>
                            <a:srgbClr val="0D0D0D"/>
                          </a:solidFill>
                          <a:latin typeface="ＭＳ Ｐゴシック"/>
                          <a:cs typeface="ＭＳ Ｐゴシック"/>
                        </a:rPr>
                        <a:t>⑥奈良県 宇</a:t>
                      </a:r>
                      <a:r>
                        <a:rPr sz="900" spc="-25" dirty="0">
                          <a:solidFill>
                            <a:srgbClr val="0D0D0D"/>
                          </a:solidFill>
                          <a:latin typeface="ＭＳ Ｐゴシック"/>
                          <a:cs typeface="ＭＳ Ｐゴシック"/>
                        </a:rPr>
                        <a:t>陀市等</a:t>
                      </a:r>
                      <a:endParaRPr sz="900">
                        <a:latin typeface="ＭＳ Ｐゴシック"/>
                        <a:cs typeface="ＭＳ Ｐゴシック"/>
                      </a:endParaRPr>
                    </a:p>
                  </a:txBody>
                  <a:tcPr marL="0" marR="0" marT="65702"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R="4445" algn="ctr">
                        <a:lnSpc>
                          <a:spcPct val="100000"/>
                        </a:lnSpc>
                        <a:spcBef>
                          <a:spcPts val="1040"/>
                        </a:spcBef>
                      </a:pPr>
                      <a:r>
                        <a:rPr sz="900" spc="-20" dirty="0">
                          <a:solidFill>
                            <a:srgbClr val="0D0D0D"/>
                          </a:solidFill>
                          <a:latin typeface="ＭＳ Ｐゴシック"/>
                          <a:cs typeface="ＭＳ Ｐゴシック"/>
                        </a:rPr>
                        <a:t>⑦和歌山県等</a:t>
                      </a:r>
                      <a:endParaRPr sz="900">
                        <a:latin typeface="ＭＳ Ｐゴシック"/>
                        <a:cs typeface="ＭＳ Ｐゴシック"/>
                      </a:endParaRPr>
                    </a:p>
                  </a:txBody>
                  <a:tcPr marL="0" marR="0" marT="112943"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1590" marR="69215">
                        <a:lnSpc>
                          <a:spcPts val="1100"/>
                        </a:lnSpc>
                        <a:spcBef>
                          <a:spcPts val="605"/>
                        </a:spcBef>
                      </a:pPr>
                      <a:r>
                        <a:rPr sz="900" spc="20" dirty="0">
                          <a:solidFill>
                            <a:srgbClr val="0D0D0D"/>
                          </a:solidFill>
                          <a:latin typeface="ＭＳ Ｐゴシック"/>
                          <a:cs typeface="ＭＳ Ｐゴシック"/>
                        </a:rPr>
                        <a:t>⑧島根県 益</a:t>
                      </a:r>
                      <a:r>
                        <a:rPr sz="900" spc="-25" dirty="0">
                          <a:solidFill>
                            <a:srgbClr val="0D0D0D"/>
                          </a:solidFill>
                          <a:latin typeface="ＭＳ Ｐゴシック"/>
                          <a:cs typeface="ＭＳ Ｐゴシック"/>
                        </a:rPr>
                        <a:t>田市等</a:t>
                      </a:r>
                      <a:endParaRPr sz="900">
                        <a:latin typeface="ＭＳ Ｐゴシック"/>
                        <a:cs typeface="ＭＳ Ｐゴシック"/>
                      </a:endParaRPr>
                    </a:p>
                  </a:txBody>
                  <a:tcPr marL="0" marR="0" marT="65702"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1590">
                        <a:lnSpc>
                          <a:spcPct val="100000"/>
                        </a:lnSpc>
                        <a:spcBef>
                          <a:spcPts val="1040"/>
                        </a:spcBef>
                      </a:pPr>
                      <a:r>
                        <a:rPr sz="900" spc="-20" dirty="0">
                          <a:solidFill>
                            <a:srgbClr val="0D0D0D"/>
                          </a:solidFill>
                          <a:latin typeface="ＭＳ Ｐゴシック"/>
                          <a:cs typeface="ＭＳ Ｐゴシック"/>
                        </a:rPr>
                        <a:t>⑨広島県等</a:t>
                      </a:r>
                      <a:endParaRPr sz="900">
                        <a:latin typeface="ＭＳ Ｐゴシック"/>
                        <a:cs typeface="ＭＳ Ｐゴシック"/>
                      </a:endParaRPr>
                    </a:p>
                  </a:txBody>
                  <a:tcPr marL="0" marR="0" marT="112943"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1590" marR="69215">
                        <a:lnSpc>
                          <a:spcPts val="1100"/>
                        </a:lnSpc>
                        <a:spcBef>
                          <a:spcPts val="605"/>
                        </a:spcBef>
                      </a:pPr>
                      <a:r>
                        <a:rPr sz="900" spc="20" dirty="0">
                          <a:solidFill>
                            <a:srgbClr val="0D0D0D"/>
                          </a:solidFill>
                          <a:latin typeface="ＭＳ Ｐゴシック"/>
                          <a:cs typeface="ＭＳ Ｐゴシック"/>
                        </a:rPr>
                        <a:t>⑩広島県 三</a:t>
                      </a:r>
                      <a:r>
                        <a:rPr sz="900" spc="-30" dirty="0">
                          <a:solidFill>
                            <a:srgbClr val="0D0D0D"/>
                          </a:solidFill>
                          <a:latin typeface="ＭＳ Ｐゴシック"/>
                          <a:cs typeface="ＭＳ Ｐゴシック"/>
                        </a:rPr>
                        <a:t>原市</a:t>
                      </a:r>
                      <a:endParaRPr sz="900">
                        <a:latin typeface="ＭＳ Ｐゴシック"/>
                        <a:cs typeface="ＭＳ Ｐゴシック"/>
                      </a:endParaRPr>
                    </a:p>
                  </a:txBody>
                  <a:tcPr marL="0" marR="0" marT="65702"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solidFill>
                      <a:srgbClr val="B3C6E6"/>
                    </a:solidFill>
                  </a:tcPr>
                </a:tc>
                <a:tc gridSpan="2">
                  <a:txBody>
                    <a:bodyPr/>
                    <a:lstStyle/>
                    <a:p>
                      <a:pPr marL="21590" marR="69215">
                        <a:lnSpc>
                          <a:spcPts val="1100"/>
                        </a:lnSpc>
                        <a:spcBef>
                          <a:spcPts val="605"/>
                        </a:spcBef>
                      </a:pPr>
                      <a:r>
                        <a:rPr sz="900" spc="20" dirty="0">
                          <a:solidFill>
                            <a:srgbClr val="0D0D0D"/>
                          </a:solidFill>
                          <a:latin typeface="ＭＳ Ｐゴシック"/>
                          <a:cs typeface="ＭＳ Ｐゴシック"/>
                        </a:rPr>
                        <a:t>⑪山口県 下</a:t>
                      </a:r>
                      <a:r>
                        <a:rPr sz="900" spc="-30" dirty="0">
                          <a:solidFill>
                            <a:srgbClr val="0D0D0D"/>
                          </a:solidFill>
                          <a:latin typeface="ＭＳ Ｐゴシック"/>
                          <a:cs typeface="ＭＳ Ｐゴシック"/>
                        </a:rPr>
                        <a:t>関市</a:t>
                      </a:r>
                      <a:endParaRPr sz="900">
                        <a:latin typeface="ＭＳ Ｐゴシック"/>
                        <a:cs typeface="ＭＳ Ｐゴシック"/>
                      </a:endParaRPr>
                    </a:p>
                  </a:txBody>
                  <a:tcPr marL="0" marR="0" marT="65702" marB="0">
                    <a:lnL w="1270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hMerge="1">
                  <a:txBody>
                    <a:bodyPr/>
                    <a:lstStyle/>
                    <a:p>
                      <a:endParaRPr/>
                    </a:p>
                  </a:txBody>
                  <a:tcPr marL="0" marR="0" marT="0" marB="0"/>
                </a:tc>
                <a:extLst>
                  <a:ext uri="{0D108BD9-81ED-4DB2-BD59-A6C34878D82A}">
                    <a16:rowId xmlns:a16="http://schemas.microsoft.com/office/drawing/2014/main" val="10001"/>
                  </a:ext>
                </a:extLst>
              </a:tr>
              <a:tr h="340457">
                <a:tc rowSpan="11">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919"/>
                        </a:spcBef>
                      </a:pPr>
                      <a:endParaRPr sz="900">
                        <a:latin typeface="Times New Roman"/>
                        <a:cs typeface="Times New Roman"/>
                      </a:endParaRPr>
                    </a:p>
                    <a:p>
                      <a:pPr marL="137160" marR="124460" algn="just">
                        <a:lnSpc>
                          <a:spcPts val="1120"/>
                        </a:lnSpc>
                      </a:pPr>
                      <a:r>
                        <a:rPr sz="900" spc="-50" dirty="0">
                          <a:latin typeface="ＭＳ Ｐゴシック"/>
                          <a:cs typeface="ＭＳ Ｐゴシック"/>
                        </a:rPr>
                        <a:t>計画検討会</a:t>
                      </a:r>
                      <a:endParaRPr sz="900">
                        <a:latin typeface="ＭＳ Ｐゴシック"/>
                        <a:cs typeface="ＭＳ Ｐゴシック"/>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30"/>
                        </a:spcBef>
                      </a:pPr>
                      <a:r>
                        <a:rPr sz="900" spc="-20" dirty="0">
                          <a:latin typeface="ＭＳ Ｐゴシック"/>
                          <a:cs typeface="ＭＳ Ｐゴシック"/>
                        </a:rPr>
                        <a:t>足立泰美</a:t>
                      </a:r>
                      <a:endParaRPr sz="900">
                        <a:latin typeface="ＭＳ Ｐゴシック"/>
                        <a:cs typeface="ＭＳ Ｐゴシック"/>
                      </a:endParaRPr>
                    </a:p>
                  </a:txBody>
                  <a:tcPr marL="0" marR="0" marT="100997" marB="0">
                    <a:lnL w="28575">
                      <a:solidFill>
                        <a:srgbClr val="000000"/>
                      </a:solidFill>
                      <a:prstDash val="solid"/>
                    </a:lnL>
                    <a:lnR w="28575">
                      <a:solidFill>
                        <a:srgbClr val="000000"/>
                      </a:solidFill>
                      <a:prstDash val="solid"/>
                    </a:lnR>
                    <a:lnT w="28575">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28575">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tcPr>
                </a:tc>
                <a:tc>
                  <a:txBody>
                    <a:bodyPr/>
                    <a:lstStyle/>
                    <a:p>
                      <a:pPr marL="2540" algn="ctr">
                        <a:lnSpc>
                          <a:spcPct val="100000"/>
                        </a:lnSpc>
                        <a:spcBef>
                          <a:spcPts val="430"/>
                        </a:spcBef>
                      </a:pPr>
                      <a:r>
                        <a:rPr sz="1500" b="1" spc="-50" dirty="0">
                          <a:latin typeface="ＭＳ Ｐゴシック"/>
                          <a:cs typeface="ＭＳ Ｐゴシック"/>
                        </a:rPr>
                        <a:t>○</a:t>
                      </a:r>
                      <a:endParaRPr sz="1500">
                        <a:latin typeface="ＭＳ Ｐゴシック"/>
                        <a:cs typeface="ＭＳ Ｐゴシック"/>
                      </a:endParaRPr>
                    </a:p>
                  </a:txBody>
                  <a:tcPr marL="0" marR="0" marT="46697"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solidFill>
                      <a:srgbClr val="FFFF00"/>
                    </a:solidFill>
                  </a:tcPr>
                </a:tc>
                <a:tc>
                  <a:txBody>
                    <a:bodyPr/>
                    <a:lstStyle/>
                    <a:p>
                      <a:pPr marL="2540" algn="ctr">
                        <a:lnSpc>
                          <a:spcPct val="100000"/>
                        </a:lnSpc>
                        <a:spcBef>
                          <a:spcPts val="430"/>
                        </a:spcBef>
                      </a:pPr>
                      <a:r>
                        <a:rPr sz="1500" b="1" spc="-50" dirty="0">
                          <a:latin typeface="ＭＳ Ｐゴシック"/>
                          <a:cs typeface="ＭＳ Ｐゴシック"/>
                        </a:rPr>
                        <a:t>○</a:t>
                      </a:r>
                      <a:endParaRPr sz="1500">
                        <a:latin typeface="ＭＳ Ｐゴシック"/>
                        <a:cs typeface="ＭＳ Ｐゴシック"/>
                      </a:endParaRPr>
                    </a:p>
                  </a:txBody>
                  <a:tcPr marL="0" marR="0" marT="46697"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28575">
                      <a:solidFill>
                        <a:srgbClr val="000000"/>
                      </a:solidFill>
                      <a:prstDash val="solid"/>
                    </a:lnR>
                    <a:lnT w="28575">
                      <a:solidFill>
                        <a:srgbClr val="000000"/>
                      </a:solidFill>
                      <a:prstDash val="solid"/>
                    </a:lnT>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2"/>
                  </a:ext>
                </a:extLst>
              </a:tr>
              <a:tr h="339914">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25"/>
                        </a:spcBef>
                      </a:pPr>
                      <a:r>
                        <a:rPr sz="900" spc="-25" dirty="0">
                          <a:latin typeface="ＭＳ Ｐゴシック"/>
                          <a:cs typeface="ＭＳ Ｐゴシック"/>
                        </a:rPr>
                        <a:t>家田仁</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gridSpan="2">
                  <a:txBody>
                    <a:bodyPr/>
                    <a:lstStyle/>
                    <a:p>
                      <a:pPr marL="381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hMerge="1">
                  <a:txBody>
                    <a:bodyPr/>
                    <a:lstStyle/>
                    <a:p>
                      <a:endParaRPr/>
                    </a:p>
                  </a:txBody>
                  <a:tcPr marL="0" marR="0" marT="0" marB="0"/>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gridSpan="2">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3"/>
                  </a:ext>
                </a:extLst>
              </a:tr>
              <a:tr h="339914">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25"/>
                        </a:spcBef>
                      </a:pPr>
                      <a:r>
                        <a:rPr sz="900" spc="-20" dirty="0">
                          <a:latin typeface="ＭＳ Ｐゴシック"/>
                          <a:cs typeface="ＭＳ Ｐゴシック"/>
                        </a:rPr>
                        <a:t>伊藤正次</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4"/>
                  </a:ext>
                </a:extLst>
              </a:tr>
              <a:tr h="339914">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25"/>
                        </a:spcBef>
                      </a:pPr>
                      <a:r>
                        <a:rPr sz="900" spc="-20" dirty="0">
                          <a:latin typeface="ＭＳ Ｐゴシック"/>
                          <a:cs typeface="ＭＳ Ｐゴシック"/>
                        </a:rPr>
                        <a:t>岩城一郎</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5"/>
                  </a:ext>
                </a:extLst>
              </a:tr>
              <a:tr h="339914">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25"/>
                        </a:spcBef>
                      </a:pPr>
                      <a:r>
                        <a:rPr sz="900" spc="-20" dirty="0">
                          <a:latin typeface="ＭＳ Ｐゴシック"/>
                          <a:cs typeface="ＭＳ Ｐゴシック"/>
                        </a:rPr>
                        <a:t>小澤一雅</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6"/>
                  </a:ext>
                </a:extLst>
              </a:tr>
              <a:tr h="339914">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25"/>
                        </a:spcBef>
                      </a:pPr>
                      <a:r>
                        <a:rPr sz="900" spc="-20" dirty="0">
                          <a:latin typeface="ＭＳ Ｐゴシック"/>
                          <a:cs typeface="ＭＳ Ｐゴシック"/>
                        </a:rPr>
                        <a:t>小林潔司</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7"/>
                  </a:ext>
                </a:extLst>
              </a:tr>
              <a:tr h="339914">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25"/>
                        </a:spcBef>
                      </a:pPr>
                      <a:r>
                        <a:rPr sz="900" spc="-20" dirty="0">
                          <a:latin typeface="ＭＳ Ｐゴシック"/>
                          <a:cs typeface="ＭＳ Ｐゴシック"/>
                        </a:rPr>
                        <a:t>長井宏平</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gridSpan="2">
                  <a:txBody>
                    <a:bodyPr/>
                    <a:lstStyle/>
                    <a:p>
                      <a:pPr marL="381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hMerge="1">
                  <a:txBody>
                    <a:bodyPr/>
                    <a:lstStyle/>
                    <a:p>
                      <a:endParaRPr/>
                    </a:p>
                  </a:txBody>
                  <a:tcPr marL="0" marR="0" marT="0" marB="0"/>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8"/>
                  </a:ext>
                </a:extLst>
              </a:tr>
              <a:tr h="339914">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25"/>
                        </a:spcBef>
                      </a:pPr>
                      <a:r>
                        <a:rPr sz="900" spc="-20" dirty="0">
                          <a:latin typeface="ＭＳ Ｐゴシック"/>
                          <a:cs typeface="ＭＳ Ｐゴシック"/>
                        </a:rPr>
                        <a:t>中村英夫</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gridSpan="2">
                  <a:txBody>
                    <a:bodyPr/>
                    <a:lstStyle/>
                    <a:p>
                      <a:pPr marL="381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hMerge="1">
                  <a:txBody>
                    <a:bodyPr/>
                    <a:lstStyle/>
                    <a:p>
                      <a:endParaRPr/>
                    </a:p>
                  </a:txBody>
                  <a:tcPr marL="0" marR="0" marT="0" marB="0"/>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09"/>
                  </a:ext>
                </a:extLst>
              </a:tr>
              <a:tr h="0">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rowSpan="3">
                  <a:txBody>
                    <a:bodyPr/>
                    <a:lstStyle/>
                    <a:p>
                      <a:pPr marL="22225">
                        <a:lnSpc>
                          <a:spcPct val="100000"/>
                        </a:lnSpc>
                        <a:spcBef>
                          <a:spcPts val="925"/>
                        </a:spcBef>
                      </a:pPr>
                      <a:r>
                        <a:rPr sz="900" spc="-25" dirty="0">
                          <a:latin typeface="ＭＳ Ｐゴシック"/>
                          <a:cs typeface="ＭＳ Ｐゴシック"/>
                        </a:rPr>
                        <a:t>久田真</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28575">
                      <a:solidFill>
                        <a:srgbClr val="000000"/>
                      </a:solidFill>
                      <a:prstDash val="solid"/>
                    </a:lnB>
                  </a:tcPr>
                </a:tc>
                <a:tc gridSpan="2">
                  <a:txBody>
                    <a:bodyPr/>
                    <a:lstStyle/>
                    <a:p>
                      <a:pPr>
                        <a:lnSpc>
                          <a:spcPct val="100000"/>
                        </a:lnSpc>
                      </a:pPr>
                      <a:endParaRPr sz="400">
                        <a:latin typeface="Times New Roman"/>
                        <a:cs typeface="Times New Roman"/>
                      </a:endParaRPr>
                    </a:p>
                  </a:txBody>
                  <a:tcPr marL="0" marR="0" marT="0" marB="0">
                    <a:lnL w="28575">
                      <a:solidFill>
                        <a:srgbClr val="000000"/>
                      </a:solidFill>
                      <a:prstDash val="solid"/>
                    </a:lnL>
                    <a:lnR w="12700">
                      <a:solidFill>
                        <a:srgbClr val="000000"/>
                      </a:solidFill>
                      <a:prstDash val="solid"/>
                    </a:lnR>
                    <a:lnT w="12700">
                      <a:solidFill>
                        <a:srgbClr val="000000"/>
                      </a:solidFill>
                      <a:prstDash val="solid"/>
                    </a:lnT>
                    <a:solidFill>
                      <a:srgbClr val="A5A5A5"/>
                    </a:solidFill>
                  </a:tcPr>
                </a:tc>
                <a:tc hMerge="1">
                  <a:txBody>
                    <a:bodyPr/>
                    <a:lstStyle/>
                    <a:p>
                      <a:endParaRPr/>
                    </a:p>
                  </a:txBody>
                  <a:tcPr marL="0" marR="0" marT="0" marB="0"/>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9525">
                      <a:solidFill>
                        <a:srgbClr val="595959"/>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9525">
                      <a:solidFill>
                        <a:srgbClr val="595959"/>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9525">
                      <a:solidFill>
                        <a:srgbClr val="595959"/>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9525">
                      <a:solidFill>
                        <a:srgbClr val="595959"/>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9525">
                      <a:solidFill>
                        <a:srgbClr val="595959"/>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9525">
                      <a:solidFill>
                        <a:srgbClr val="595959"/>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9525">
                      <a:solidFill>
                        <a:srgbClr val="595959"/>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9525">
                      <a:solidFill>
                        <a:srgbClr val="595959"/>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9525">
                      <a:solidFill>
                        <a:srgbClr val="595959"/>
                      </a:solidFill>
                      <a:prstDash val="solid"/>
                    </a:lnB>
                    <a:solidFill>
                      <a:srgbClr val="A5A5A5"/>
                    </a:solidFill>
                  </a:tcPr>
                </a:tc>
                <a:tc gridSpan="2">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solidFill>
                      <a:srgbClr val="A5A5A5"/>
                    </a:solidFill>
                  </a:tcPr>
                </a:tc>
                <a:tc hMerge="1">
                  <a:txBody>
                    <a:bodyPr/>
                    <a:lstStyle/>
                    <a:p>
                      <a:endParaRPr/>
                    </a:p>
                  </a:txBody>
                  <a:tcPr marL="0" marR="0" marT="0" marB="0"/>
                </a:tc>
                <a:extLst>
                  <a:ext uri="{0D108BD9-81ED-4DB2-BD59-A6C34878D82A}">
                    <a16:rowId xmlns:a16="http://schemas.microsoft.com/office/drawing/2014/main" val="10010"/>
                  </a:ext>
                </a:extLst>
              </a:tr>
              <a:tr h="158554">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vMerge="1">
                  <a:txBody>
                    <a:bodyPr/>
                    <a:lstStyle/>
                    <a:p>
                      <a:endParaRPr/>
                    </a:p>
                  </a:txBody>
                  <a:tcPr marL="0" marR="0" marT="117475" marB="0">
                    <a:lnL w="28575">
                      <a:solidFill>
                        <a:srgbClr val="000000"/>
                      </a:solidFill>
                      <a:prstDash val="solid"/>
                    </a:lnL>
                    <a:lnR w="28575">
                      <a:solidFill>
                        <a:srgbClr val="000000"/>
                      </a:solidFill>
                      <a:prstDash val="solid"/>
                    </a:lnR>
                    <a:lnT w="12700">
                      <a:solidFill>
                        <a:srgbClr val="000000"/>
                      </a:solidFill>
                      <a:prstDash val="solid"/>
                    </a:lnT>
                    <a:lnB w="28575">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28575">
                      <a:solidFill>
                        <a:srgbClr val="000000"/>
                      </a:solidFill>
                      <a:prstDash val="solid"/>
                    </a:lnL>
                    <a:lnR w="9525">
                      <a:solidFill>
                        <a:srgbClr val="595959"/>
                      </a:solidFill>
                      <a:prstDash val="solid"/>
                    </a:lnR>
                    <a:solidFill>
                      <a:srgbClr val="A5A5A5"/>
                    </a:solidFill>
                  </a:tcPr>
                </a:tc>
                <a:tc gridSpan="11">
                  <a:txBody>
                    <a:bodyPr/>
                    <a:lstStyle/>
                    <a:p>
                      <a:pPr marL="2540" algn="ctr">
                        <a:lnSpc>
                          <a:spcPct val="100000"/>
                        </a:lnSpc>
                        <a:spcBef>
                          <a:spcPts val="65"/>
                        </a:spcBef>
                      </a:pPr>
                      <a:r>
                        <a:rPr sz="900" spc="30" dirty="0">
                          <a:solidFill>
                            <a:srgbClr val="7E7E7E"/>
                          </a:solidFill>
                          <a:latin typeface="ＭＳ Ｐゴシック"/>
                          <a:cs typeface="ＭＳ Ｐゴシック"/>
                        </a:rPr>
                        <a:t>個別のモデル地域の支援担当についてはご辞退  </a:t>
                      </a:r>
                      <a:r>
                        <a:rPr sz="900" dirty="0">
                          <a:solidFill>
                            <a:srgbClr val="7E7E7E"/>
                          </a:solidFill>
                          <a:latin typeface="ＭＳ Ｐゴシック"/>
                          <a:cs typeface="ＭＳ Ｐゴシック"/>
                        </a:rPr>
                        <a:t>（SIPと群マネの連携を検討</a:t>
                      </a:r>
                      <a:r>
                        <a:rPr sz="900" spc="-50" dirty="0">
                          <a:solidFill>
                            <a:srgbClr val="7E7E7E"/>
                          </a:solidFill>
                          <a:latin typeface="ＭＳ Ｐゴシック"/>
                          <a:cs typeface="ＭＳ Ｐゴシック"/>
                        </a:rPr>
                        <a:t>）</a:t>
                      </a:r>
                      <a:endParaRPr sz="900">
                        <a:latin typeface="ＭＳ Ｐゴシック"/>
                        <a:cs typeface="ＭＳ Ｐゴシック"/>
                      </a:endParaRPr>
                    </a:p>
                  </a:txBody>
                  <a:tcPr marL="0" marR="0" marT="7059" marB="0">
                    <a:lnL w="9525">
                      <a:solidFill>
                        <a:srgbClr val="595959"/>
                      </a:solidFill>
                      <a:prstDash val="solid"/>
                    </a:lnL>
                    <a:lnR w="9525">
                      <a:solidFill>
                        <a:srgbClr val="595959"/>
                      </a:solidFill>
                      <a:prstDash val="solid"/>
                    </a:lnR>
                    <a:lnT w="9525">
                      <a:solidFill>
                        <a:srgbClr val="595959"/>
                      </a:solidFill>
                      <a:prstDash val="solid"/>
                    </a:lnT>
                    <a:lnB w="9525">
                      <a:solidFill>
                        <a:srgbClr val="595959"/>
                      </a:solidFill>
                      <a:prstDash val="solid"/>
                    </a:lnB>
                    <a:solidFill>
                      <a:srgbClr val="FFFFFF"/>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a:txBody>
                    <a:bodyPr/>
                    <a:lstStyle/>
                    <a:p>
                      <a:pPr>
                        <a:lnSpc>
                          <a:spcPct val="100000"/>
                        </a:lnSpc>
                      </a:pPr>
                      <a:endParaRPr sz="900">
                        <a:latin typeface="Times New Roman"/>
                        <a:cs typeface="Times New Roman"/>
                      </a:endParaRPr>
                    </a:p>
                  </a:txBody>
                  <a:tcPr marL="0" marR="0" marT="0" marB="0">
                    <a:lnL w="9525">
                      <a:solidFill>
                        <a:srgbClr val="595959"/>
                      </a:solidFill>
                      <a:prstDash val="solid"/>
                    </a:lnL>
                    <a:lnR w="28575">
                      <a:solidFill>
                        <a:srgbClr val="000000"/>
                      </a:solidFill>
                      <a:prstDash val="solid"/>
                    </a:lnR>
                    <a:solidFill>
                      <a:srgbClr val="A5A5A5"/>
                    </a:solidFill>
                  </a:tcPr>
                </a:tc>
                <a:extLst>
                  <a:ext uri="{0D108BD9-81ED-4DB2-BD59-A6C34878D82A}">
                    <a16:rowId xmlns:a16="http://schemas.microsoft.com/office/drawing/2014/main" val="10011"/>
                  </a:ext>
                </a:extLst>
              </a:tr>
              <a:tr h="91223">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vMerge="1">
                  <a:txBody>
                    <a:bodyPr/>
                    <a:lstStyle/>
                    <a:p>
                      <a:endParaRPr/>
                    </a:p>
                  </a:txBody>
                  <a:tcPr marL="0" marR="0" marT="117475" marB="0">
                    <a:lnL w="28575">
                      <a:solidFill>
                        <a:srgbClr val="000000"/>
                      </a:solidFill>
                      <a:prstDash val="solid"/>
                    </a:lnL>
                    <a:lnR w="28575">
                      <a:solidFill>
                        <a:srgbClr val="000000"/>
                      </a:solidFill>
                      <a:prstDash val="solid"/>
                    </a:lnR>
                    <a:lnT w="12700">
                      <a:solidFill>
                        <a:srgbClr val="000000"/>
                      </a:solidFill>
                      <a:prstDash val="solid"/>
                    </a:lnT>
                    <a:lnB w="28575">
                      <a:solidFill>
                        <a:srgbClr val="000000"/>
                      </a:solidFill>
                      <a:prstDash val="solid"/>
                    </a:lnB>
                  </a:tcPr>
                </a:tc>
                <a:tc gridSpan="2">
                  <a:txBody>
                    <a:bodyPr/>
                    <a:lstStyle/>
                    <a:p>
                      <a:pPr>
                        <a:lnSpc>
                          <a:spcPct val="100000"/>
                        </a:lnSpc>
                      </a:pPr>
                      <a:endParaRPr sz="400">
                        <a:latin typeface="Times New Roman"/>
                        <a:cs typeface="Times New Roman"/>
                      </a:endParaRPr>
                    </a:p>
                  </a:txBody>
                  <a:tcPr marL="0" marR="0" marT="0" marB="0">
                    <a:lnL w="28575">
                      <a:solidFill>
                        <a:srgbClr val="000000"/>
                      </a:solidFill>
                      <a:prstDash val="solid"/>
                    </a:lnL>
                    <a:lnR w="12700">
                      <a:solidFill>
                        <a:srgbClr val="000000"/>
                      </a:solidFill>
                      <a:prstDash val="solid"/>
                    </a:lnR>
                    <a:lnB w="28575">
                      <a:solidFill>
                        <a:srgbClr val="000000"/>
                      </a:solidFill>
                      <a:prstDash val="solid"/>
                    </a:lnB>
                    <a:solidFill>
                      <a:srgbClr val="A5A5A5"/>
                    </a:solidFill>
                  </a:tcPr>
                </a:tc>
                <a:tc hMerge="1">
                  <a:txBody>
                    <a:bodyPr/>
                    <a:lstStyle/>
                    <a:p>
                      <a:endParaRPr/>
                    </a:p>
                  </a:txBody>
                  <a:tcPr marL="0" marR="0" marT="0" marB="0"/>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9525">
                      <a:solidFill>
                        <a:srgbClr val="595959"/>
                      </a:solidFill>
                      <a:prstDash val="solid"/>
                    </a:lnT>
                    <a:lnB w="28575">
                      <a:solidFill>
                        <a:srgbClr val="000000"/>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9525">
                      <a:solidFill>
                        <a:srgbClr val="595959"/>
                      </a:solidFill>
                      <a:prstDash val="solid"/>
                    </a:lnT>
                    <a:lnB w="28575">
                      <a:solidFill>
                        <a:srgbClr val="000000"/>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9525">
                      <a:solidFill>
                        <a:srgbClr val="595959"/>
                      </a:solidFill>
                      <a:prstDash val="solid"/>
                    </a:lnT>
                    <a:lnB w="28575">
                      <a:solidFill>
                        <a:srgbClr val="000000"/>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9525">
                      <a:solidFill>
                        <a:srgbClr val="595959"/>
                      </a:solidFill>
                      <a:prstDash val="solid"/>
                    </a:lnT>
                    <a:lnB w="28575">
                      <a:solidFill>
                        <a:srgbClr val="000000"/>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9525">
                      <a:solidFill>
                        <a:srgbClr val="595959"/>
                      </a:solidFill>
                      <a:prstDash val="solid"/>
                    </a:lnT>
                    <a:lnB w="28575">
                      <a:solidFill>
                        <a:srgbClr val="000000"/>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9525">
                      <a:solidFill>
                        <a:srgbClr val="595959"/>
                      </a:solidFill>
                      <a:prstDash val="solid"/>
                    </a:lnT>
                    <a:lnB w="28575">
                      <a:solidFill>
                        <a:srgbClr val="000000"/>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9525">
                      <a:solidFill>
                        <a:srgbClr val="595959"/>
                      </a:solidFill>
                      <a:prstDash val="solid"/>
                    </a:lnT>
                    <a:lnB w="28575">
                      <a:solidFill>
                        <a:srgbClr val="000000"/>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9525">
                      <a:solidFill>
                        <a:srgbClr val="595959"/>
                      </a:solidFill>
                      <a:prstDash val="solid"/>
                    </a:lnT>
                    <a:lnB w="28575">
                      <a:solidFill>
                        <a:srgbClr val="000000"/>
                      </a:solidFill>
                      <a:prstDash val="solid"/>
                    </a:lnB>
                    <a:solidFill>
                      <a:srgbClr val="A5A5A5"/>
                    </a:solidFill>
                  </a:tcPr>
                </a:tc>
                <a:tc>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12700">
                      <a:solidFill>
                        <a:srgbClr val="000000"/>
                      </a:solidFill>
                      <a:prstDash val="solid"/>
                    </a:lnR>
                    <a:lnT w="9525">
                      <a:solidFill>
                        <a:srgbClr val="595959"/>
                      </a:solidFill>
                      <a:prstDash val="solid"/>
                    </a:lnT>
                    <a:lnB w="28575">
                      <a:solidFill>
                        <a:srgbClr val="000000"/>
                      </a:solidFill>
                      <a:prstDash val="solid"/>
                    </a:lnB>
                    <a:solidFill>
                      <a:srgbClr val="A5A5A5"/>
                    </a:solidFill>
                  </a:tcPr>
                </a:tc>
                <a:tc gridSpan="2">
                  <a:txBody>
                    <a:bodyPr/>
                    <a:lstStyle/>
                    <a:p>
                      <a:pPr>
                        <a:lnSpc>
                          <a:spcPct val="100000"/>
                        </a:lnSpc>
                      </a:pPr>
                      <a:endParaRPr sz="400">
                        <a:latin typeface="Times New Roman"/>
                        <a:cs typeface="Times New Roman"/>
                      </a:endParaRPr>
                    </a:p>
                  </a:txBody>
                  <a:tcPr marL="0" marR="0" marT="0" marB="0">
                    <a:lnL w="12700">
                      <a:solidFill>
                        <a:srgbClr val="000000"/>
                      </a:solidFill>
                      <a:prstDash val="solid"/>
                    </a:lnL>
                    <a:lnR w="28575">
                      <a:solidFill>
                        <a:srgbClr val="000000"/>
                      </a:solidFill>
                      <a:prstDash val="solid"/>
                    </a:lnR>
                    <a:lnB w="28575">
                      <a:solidFill>
                        <a:srgbClr val="000000"/>
                      </a:solidFill>
                      <a:prstDash val="solid"/>
                    </a:lnB>
                    <a:solidFill>
                      <a:srgbClr val="A5A5A5"/>
                    </a:solidFill>
                  </a:tcPr>
                </a:tc>
                <a:tc hMerge="1">
                  <a:txBody>
                    <a:bodyPr/>
                    <a:lstStyle/>
                    <a:p>
                      <a:endParaRPr/>
                    </a:p>
                  </a:txBody>
                  <a:tcPr marL="0" marR="0" marT="0" marB="0"/>
                </a:tc>
                <a:extLst>
                  <a:ext uri="{0D108BD9-81ED-4DB2-BD59-A6C34878D82A}">
                    <a16:rowId xmlns:a16="http://schemas.microsoft.com/office/drawing/2014/main" val="10012"/>
                  </a:ext>
                </a:extLst>
              </a:tr>
              <a:tr h="120544">
                <a:tc rowSpan="7">
                  <a:txBody>
                    <a:bodyPr/>
                    <a:lstStyle/>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pPr>
                      <a:endParaRPr sz="900">
                        <a:latin typeface="Times New Roman"/>
                        <a:cs typeface="Times New Roman"/>
                      </a:endParaRPr>
                    </a:p>
                    <a:p>
                      <a:pPr>
                        <a:lnSpc>
                          <a:spcPct val="100000"/>
                        </a:lnSpc>
                        <a:spcBef>
                          <a:spcPts val="500"/>
                        </a:spcBef>
                      </a:pPr>
                      <a:endParaRPr sz="900">
                        <a:latin typeface="Times New Roman"/>
                        <a:cs typeface="Times New Roman"/>
                      </a:endParaRPr>
                    </a:p>
                    <a:p>
                      <a:pPr marL="137160" marR="124460" algn="just">
                        <a:lnSpc>
                          <a:spcPts val="1120"/>
                        </a:lnSpc>
                        <a:spcBef>
                          <a:spcPts val="5"/>
                        </a:spcBef>
                      </a:pPr>
                      <a:r>
                        <a:rPr sz="900" spc="-50" dirty="0">
                          <a:latin typeface="ＭＳ Ｐゴシック"/>
                          <a:cs typeface="ＭＳ Ｐゴシック"/>
                        </a:rPr>
                        <a:t>実施検討会</a:t>
                      </a:r>
                      <a:endParaRPr sz="900">
                        <a:latin typeface="ＭＳ Ｐゴシック"/>
                        <a:cs typeface="ＭＳ Ｐゴシック"/>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ts val="1010"/>
                        </a:lnSpc>
                      </a:pPr>
                      <a:r>
                        <a:rPr sz="900" spc="-20" dirty="0">
                          <a:latin typeface="ＭＳ Ｐゴシック"/>
                          <a:cs typeface="ＭＳ Ｐゴシック"/>
                        </a:rPr>
                        <a:t>足立泰美</a:t>
                      </a:r>
                      <a:endParaRPr sz="900">
                        <a:latin typeface="ＭＳ Ｐゴシック"/>
                        <a:cs typeface="ＭＳ Ｐゴシック"/>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12700">
                      <a:solidFill>
                        <a:srgbClr val="000000"/>
                      </a:solidFill>
                      <a:prstDash val="solid"/>
                    </a:lnB>
                    <a:solidFill>
                      <a:srgbClr val="A5A5A5"/>
                    </a:solidFill>
                  </a:tcPr>
                </a:tc>
                <a:tc gridSpan="2">
                  <a:txBody>
                    <a:bodyPr/>
                    <a:lstStyle/>
                    <a:p>
                      <a:pPr>
                        <a:lnSpc>
                          <a:spcPct val="100000"/>
                        </a:lnSpc>
                      </a:pPr>
                      <a:endParaRPr sz="600">
                        <a:latin typeface="Times New Roman"/>
                        <a:cs typeface="Times New Roman"/>
                      </a:endParaRPr>
                    </a:p>
                  </a:txBody>
                  <a:tcPr marL="0" marR="0" marT="0" marB="0">
                    <a:lnL w="28575">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solidFill>
                      <a:srgbClr val="A5A5A5"/>
                    </a:solidFill>
                  </a:tcPr>
                </a:tc>
                <a:tc hMerge="1">
                  <a:txBody>
                    <a:bodyPr/>
                    <a:lstStyle/>
                    <a:p>
                      <a:endParaRPr/>
                    </a:p>
                  </a:txBody>
                  <a:tcPr marL="0" marR="0" marT="0" marB="0"/>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solidFill>
                      <a:srgbClr val="A5A5A5"/>
                    </a:solidFill>
                  </a:tcPr>
                </a:tc>
                <a:tc gridSpan="4">
                  <a:txBody>
                    <a:bodyPr/>
                    <a:lstStyle/>
                    <a:p>
                      <a:pPr marL="21590">
                        <a:lnSpc>
                          <a:spcPts val="1010"/>
                        </a:lnSpc>
                      </a:pPr>
                      <a:r>
                        <a:rPr sz="900" spc="-20" dirty="0">
                          <a:latin typeface="ＭＳ Ｐゴシック"/>
                          <a:cs typeface="ＭＳ Ｐゴシック"/>
                        </a:rPr>
                        <a:t>※計画検討会と兼務のため、計画検討会の欄で整理</a:t>
                      </a:r>
                      <a:endParaRPr sz="900">
                        <a:latin typeface="ＭＳ Ｐゴシック"/>
                        <a:cs typeface="ＭＳ Ｐゴシック"/>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solidFill>
                      <a:srgbClr val="A5A5A5"/>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solidFill>
                      <a:srgbClr val="A5A5A5"/>
                    </a:solidFill>
                  </a:tcPr>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solidFill>
                      <a:srgbClr val="A5A5A5"/>
                    </a:solidFill>
                  </a:tcPr>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solidFill>
                      <a:srgbClr val="A5A5A5"/>
                    </a:solidFill>
                  </a:tcPr>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28575">
                      <a:solidFill>
                        <a:srgbClr val="000000"/>
                      </a:solidFill>
                      <a:prstDash val="solid"/>
                    </a:lnT>
                    <a:lnB w="12700">
                      <a:solidFill>
                        <a:srgbClr val="000000"/>
                      </a:solidFill>
                      <a:prstDash val="solid"/>
                    </a:lnB>
                    <a:solidFill>
                      <a:srgbClr val="A5A5A5"/>
                    </a:solidFill>
                  </a:tcPr>
                </a:tc>
                <a:tc gridSpan="2">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28575">
                      <a:solidFill>
                        <a:srgbClr val="000000"/>
                      </a:solidFill>
                      <a:prstDash val="solid"/>
                    </a:lnR>
                    <a:lnT w="28575">
                      <a:solidFill>
                        <a:srgbClr val="000000"/>
                      </a:solidFill>
                      <a:prstDash val="solid"/>
                    </a:lnT>
                    <a:lnB w="12700">
                      <a:solidFill>
                        <a:srgbClr val="000000"/>
                      </a:solidFill>
                      <a:prstDash val="solid"/>
                    </a:lnB>
                    <a:solidFill>
                      <a:srgbClr val="A5A5A5"/>
                    </a:solidFill>
                  </a:tcPr>
                </a:tc>
                <a:tc hMerge="1">
                  <a:txBody>
                    <a:bodyPr/>
                    <a:lstStyle/>
                    <a:p>
                      <a:endParaRPr/>
                    </a:p>
                  </a:txBody>
                  <a:tcPr marL="0" marR="0" marT="0" marB="0"/>
                </a:tc>
                <a:extLst>
                  <a:ext uri="{0D108BD9-81ED-4DB2-BD59-A6C34878D82A}">
                    <a16:rowId xmlns:a16="http://schemas.microsoft.com/office/drawing/2014/main" val="10013"/>
                  </a:ext>
                </a:extLst>
              </a:tr>
              <a:tr h="119458">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ts val="1005"/>
                        </a:lnSpc>
                      </a:pPr>
                      <a:r>
                        <a:rPr sz="900" spc="-20" dirty="0">
                          <a:latin typeface="ＭＳ Ｐゴシック"/>
                          <a:cs typeface="ＭＳ Ｐゴシック"/>
                        </a:rPr>
                        <a:t>伊藤正次</a:t>
                      </a:r>
                      <a:endParaRPr sz="900">
                        <a:latin typeface="ＭＳ Ｐゴシック"/>
                        <a:cs typeface="ＭＳ Ｐゴシック"/>
                      </a:endParaRPr>
                    </a:p>
                  </a:txBody>
                  <a:tcPr marL="0" marR="0" marT="0"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solidFill>
                      <a:srgbClr val="A5A5A5"/>
                    </a:solidFill>
                  </a:tcPr>
                </a:tc>
                <a:tc gridSpan="2">
                  <a:txBody>
                    <a:bodyPr/>
                    <a:lstStyle/>
                    <a:p>
                      <a:pPr>
                        <a:lnSpc>
                          <a:spcPct val="100000"/>
                        </a:lnSpc>
                      </a:pPr>
                      <a:endParaRPr sz="600">
                        <a:latin typeface="Times New Roman"/>
                        <a:cs typeface="Times New Roman"/>
                      </a:endParaRPr>
                    </a:p>
                  </a:txBody>
                  <a:tcPr marL="0" marR="0" marT="0"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hMerge="1">
                  <a:txBody>
                    <a:bodyPr/>
                    <a:lstStyle/>
                    <a:p>
                      <a:endParaRPr/>
                    </a:p>
                  </a:txBody>
                  <a:tcPr marL="0" marR="0" marT="0" marB="0"/>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gridSpan="4">
                  <a:txBody>
                    <a:bodyPr/>
                    <a:lstStyle/>
                    <a:p>
                      <a:pPr marL="21590">
                        <a:lnSpc>
                          <a:spcPts val="1005"/>
                        </a:lnSpc>
                      </a:pPr>
                      <a:r>
                        <a:rPr sz="900" spc="-20" dirty="0">
                          <a:latin typeface="ＭＳ Ｐゴシック"/>
                          <a:cs typeface="ＭＳ Ｐゴシック"/>
                        </a:rPr>
                        <a:t>※計画検討会と兼務のため、計画検討会の欄で整理</a:t>
                      </a:r>
                      <a:endParaRPr sz="900">
                        <a:latin typeface="ＭＳ Ｐゴシック"/>
                        <a:cs typeface="ＭＳ Ｐゴシック"/>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gridSpan="2">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solidFill>
                      <a:srgbClr val="A5A5A5"/>
                    </a:solidFill>
                  </a:tcPr>
                </a:tc>
                <a:tc hMerge="1">
                  <a:txBody>
                    <a:bodyPr/>
                    <a:lstStyle/>
                    <a:p>
                      <a:endParaRPr/>
                    </a:p>
                  </a:txBody>
                  <a:tcPr marL="0" marR="0" marT="0" marB="0"/>
                </a:tc>
                <a:extLst>
                  <a:ext uri="{0D108BD9-81ED-4DB2-BD59-A6C34878D82A}">
                    <a16:rowId xmlns:a16="http://schemas.microsoft.com/office/drawing/2014/main" val="10014"/>
                  </a:ext>
                </a:extLst>
              </a:tr>
              <a:tr h="339914">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25"/>
                        </a:spcBef>
                      </a:pPr>
                      <a:r>
                        <a:rPr sz="900" spc="-20" dirty="0">
                          <a:latin typeface="ＭＳ Ｐゴシック"/>
                          <a:cs typeface="ＭＳ Ｐゴシック"/>
                        </a:rPr>
                        <a:t>植野芳彦</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15"/>
                  </a:ext>
                </a:extLst>
              </a:tr>
              <a:tr h="339914">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25"/>
                        </a:spcBef>
                      </a:pPr>
                      <a:r>
                        <a:rPr sz="900" spc="-25" dirty="0">
                          <a:latin typeface="ＭＳ Ｐゴシック"/>
                          <a:cs typeface="ＭＳ Ｐゴシック"/>
                        </a:rPr>
                        <a:t>岡田孝</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gridSpan="2">
                  <a:txBody>
                    <a:bodyPr/>
                    <a:lstStyle/>
                    <a:p>
                      <a:pPr marL="381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solidFill>
                      <a:srgbClr val="FFFF00"/>
                    </a:solidFill>
                  </a:tcPr>
                </a:tc>
                <a:tc hMerge="1">
                  <a:txBody>
                    <a:bodyPr/>
                    <a:lstStyle/>
                    <a:p>
                      <a:endParaRPr/>
                    </a:p>
                  </a:txBody>
                  <a:tcPr marL="0" marR="0" marT="0" marB="0"/>
                </a:tc>
                <a:extLst>
                  <a:ext uri="{0D108BD9-81ED-4DB2-BD59-A6C34878D82A}">
                    <a16:rowId xmlns:a16="http://schemas.microsoft.com/office/drawing/2014/main" val="10016"/>
                  </a:ext>
                </a:extLst>
              </a:tr>
              <a:tr h="119458">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ts val="1005"/>
                        </a:lnSpc>
                      </a:pPr>
                      <a:r>
                        <a:rPr sz="900" spc="-20" dirty="0">
                          <a:latin typeface="ＭＳ Ｐゴシック"/>
                          <a:cs typeface="ＭＳ Ｐゴシック"/>
                        </a:rPr>
                        <a:t>小澤一雅</a:t>
                      </a:r>
                      <a:endParaRPr sz="900">
                        <a:latin typeface="ＭＳ Ｐゴシック"/>
                        <a:cs typeface="ＭＳ Ｐゴシック"/>
                      </a:endParaRPr>
                    </a:p>
                  </a:txBody>
                  <a:tcPr marL="0" marR="0" marT="0"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solidFill>
                      <a:srgbClr val="A5A5A5"/>
                    </a:solidFill>
                  </a:tcPr>
                </a:tc>
                <a:tc gridSpan="2">
                  <a:txBody>
                    <a:bodyPr/>
                    <a:lstStyle/>
                    <a:p>
                      <a:pPr>
                        <a:lnSpc>
                          <a:spcPct val="100000"/>
                        </a:lnSpc>
                      </a:pPr>
                      <a:endParaRPr sz="600">
                        <a:latin typeface="Times New Roman"/>
                        <a:cs typeface="Times New Roman"/>
                      </a:endParaRPr>
                    </a:p>
                  </a:txBody>
                  <a:tcPr marL="0" marR="0" marT="0"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hMerge="1">
                  <a:txBody>
                    <a:bodyPr/>
                    <a:lstStyle/>
                    <a:p>
                      <a:endParaRPr/>
                    </a:p>
                  </a:txBody>
                  <a:tcPr marL="0" marR="0" marT="0" marB="0"/>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gridSpan="4">
                  <a:txBody>
                    <a:bodyPr/>
                    <a:lstStyle/>
                    <a:p>
                      <a:pPr marL="21590">
                        <a:lnSpc>
                          <a:spcPts val="1005"/>
                        </a:lnSpc>
                      </a:pPr>
                      <a:r>
                        <a:rPr sz="900" spc="-20" dirty="0">
                          <a:latin typeface="ＭＳ Ｐゴシック"/>
                          <a:cs typeface="ＭＳ Ｐゴシック"/>
                        </a:rPr>
                        <a:t>※計画検討会と兼務のため、計画検討会の欄で整理</a:t>
                      </a:r>
                      <a:endParaRPr sz="900">
                        <a:latin typeface="ＭＳ Ｐゴシック"/>
                        <a:cs typeface="ＭＳ Ｐゴシック"/>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hMerge="1">
                  <a:txBody>
                    <a:bodyPr/>
                    <a:lstStyle/>
                    <a:p>
                      <a:endParaRPr/>
                    </a:p>
                  </a:txBody>
                  <a:tcPr marL="0" marR="0" marT="0" marB="0"/>
                </a:tc>
                <a:tc hMerge="1">
                  <a:txBody>
                    <a:bodyPr/>
                    <a:lstStyle/>
                    <a:p>
                      <a:endParaRPr/>
                    </a:p>
                  </a:txBody>
                  <a:tcPr marL="0" marR="0" marT="0" marB="0"/>
                </a:tc>
                <a:tc hMerge="1">
                  <a:txBody>
                    <a:bodyPr/>
                    <a:lstStyle/>
                    <a:p>
                      <a:endParaRPr/>
                    </a:p>
                  </a:txBody>
                  <a:tcPr marL="0" marR="0" marT="0" marB="0"/>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A5A5A5"/>
                    </a:solidFill>
                  </a:tcPr>
                </a:tc>
                <a:tc gridSpan="2">
                  <a:txBody>
                    <a:bodyPr/>
                    <a:lstStyle/>
                    <a:p>
                      <a:pPr>
                        <a:lnSpc>
                          <a:spcPct val="100000"/>
                        </a:lnSpc>
                      </a:pPr>
                      <a:endParaRPr sz="6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solidFill>
                      <a:srgbClr val="A5A5A5"/>
                    </a:solidFill>
                  </a:tcPr>
                </a:tc>
                <a:tc hMerge="1">
                  <a:txBody>
                    <a:bodyPr/>
                    <a:lstStyle/>
                    <a:p>
                      <a:endParaRPr/>
                    </a:p>
                  </a:txBody>
                  <a:tcPr marL="0" marR="0" marT="0" marB="0"/>
                </a:tc>
                <a:extLst>
                  <a:ext uri="{0D108BD9-81ED-4DB2-BD59-A6C34878D82A}">
                    <a16:rowId xmlns:a16="http://schemas.microsoft.com/office/drawing/2014/main" val="10017"/>
                  </a:ext>
                </a:extLst>
              </a:tr>
              <a:tr h="339914">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25"/>
                        </a:spcBef>
                      </a:pPr>
                      <a:r>
                        <a:rPr sz="900" spc="-20" dirty="0">
                          <a:latin typeface="ＭＳ Ｐゴシック"/>
                          <a:cs typeface="ＭＳ Ｐゴシック"/>
                        </a:rPr>
                        <a:t>堀田昌英</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28575">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12700">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28575">
                      <a:solidFill>
                        <a:srgbClr val="000000"/>
                      </a:solidFill>
                      <a:prstDash val="solid"/>
                    </a:lnR>
                    <a:lnT w="12700">
                      <a:solidFill>
                        <a:srgbClr val="000000"/>
                      </a:solidFill>
                      <a:prstDash val="solid"/>
                    </a:lnT>
                    <a:lnB w="12700">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18"/>
                  </a:ext>
                </a:extLst>
              </a:tr>
              <a:tr h="362176">
                <a:tc vMerge="1">
                  <a:txBody>
                    <a:bodyPr/>
                    <a:lstStyle/>
                    <a:p>
                      <a:endParaRPr/>
                    </a:p>
                  </a:txBody>
                  <a:tcPr marL="0" marR="0" marT="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B3C6E6"/>
                    </a:solidFill>
                  </a:tcPr>
                </a:tc>
                <a:tc>
                  <a:txBody>
                    <a:bodyPr/>
                    <a:lstStyle/>
                    <a:p>
                      <a:pPr marL="22225">
                        <a:lnSpc>
                          <a:spcPct val="100000"/>
                        </a:lnSpc>
                        <a:spcBef>
                          <a:spcPts val="925"/>
                        </a:spcBef>
                      </a:pPr>
                      <a:r>
                        <a:rPr sz="900" spc="-20" dirty="0">
                          <a:latin typeface="ＭＳ Ｐゴシック"/>
                          <a:cs typeface="ＭＳ Ｐゴシック"/>
                        </a:rPr>
                        <a:t>水野高志</a:t>
                      </a:r>
                      <a:endParaRPr sz="900">
                        <a:latin typeface="ＭＳ Ｐゴシック"/>
                        <a:cs typeface="ＭＳ Ｐゴシック"/>
                      </a:endParaRPr>
                    </a:p>
                  </a:txBody>
                  <a:tcPr marL="0" marR="0" marT="100454" marB="0">
                    <a:lnL w="28575">
                      <a:solidFill>
                        <a:srgbClr val="000000"/>
                      </a:solidFill>
                      <a:prstDash val="solid"/>
                    </a:lnL>
                    <a:lnR w="28575">
                      <a:solidFill>
                        <a:srgbClr val="000000"/>
                      </a:solidFill>
                      <a:prstDash val="solid"/>
                    </a:lnR>
                    <a:lnT w="12700">
                      <a:solidFill>
                        <a:srgbClr val="000000"/>
                      </a:solidFill>
                      <a:prstDash val="solid"/>
                    </a:lnT>
                    <a:lnB w="28575">
                      <a:solidFill>
                        <a:srgbClr val="000000"/>
                      </a:solidFill>
                      <a:prstDash val="solid"/>
                    </a:lnB>
                  </a:tcPr>
                </a:tc>
                <a:tc gridSpan="2">
                  <a:txBody>
                    <a:bodyPr/>
                    <a:lstStyle/>
                    <a:p>
                      <a:pPr>
                        <a:lnSpc>
                          <a:spcPct val="100000"/>
                        </a:lnSpc>
                      </a:pPr>
                      <a:endParaRPr sz="900">
                        <a:latin typeface="Times New Roman"/>
                        <a:cs typeface="Times New Roman"/>
                      </a:endParaRPr>
                    </a:p>
                  </a:txBody>
                  <a:tcPr marL="0" marR="0" marT="0" marB="0">
                    <a:lnL w="28575">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tcPr>
                </a:tc>
                <a:tc hMerge="1">
                  <a:txBody>
                    <a:bodyPr/>
                    <a:lstStyle/>
                    <a:p>
                      <a:endParaRPr/>
                    </a:p>
                  </a:txBody>
                  <a:tcPr marL="0" marR="0" marT="0" marB="0"/>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tcPr>
                </a:tc>
                <a:tc>
                  <a:txBody>
                    <a:bodyPr/>
                    <a:lstStyle/>
                    <a:p>
                      <a:pPr marL="254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solidFill>
                      <a:srgbClr val="FFFF00"/>
                    </a:solidFill>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tcPr>
                </a:tc>
                <a:tc>
                  <a:txBody>
                    <a:bodyPr/>
                    <a:lstStyle/>
                    <a:p>
                      <a:pPr>
                        <a:lnSpc>
                          <a:spcPct val="100000"/>
                        </a:lnSpc>
                      </a:pPr>
                      <a:endParaRPr sz="900">
                        <a:latin typeface="Times New Roman"/>
                        <a:cs typeface="Times New Roman"/>
                      </a:endParaRPr>
                    </a:p>
                  </a:txBody>
                  <a:tcPr marL="0" marR="0" marT="0" marB="0">
                    <a:lnL w="12700">
                      <a:solidFill>
                        <a:srgbClr val="000000"/>
                      </a:solidFill>
                      <a:prstDash val="solid"/>
                    </a:lnL>
                    <a:lnR w="12700">
                      <a:solidFill>
                        <a:srgbClr val="000000"/>
                      </a:solidFill>
                      <a:prstDash val="solid"/>
                    </a:lnR>
                    <a:lnT w="12700">
                      <a:solidFill>
                        <a:srgbClr val="000000"/>
                      </a:solidFill>
                      <a:prstDash val="solid"/>
                    </a:lnT>
                    <a:lnB w="28575">
                      <a:solidFill>
                        <a:srgbClr val="000000"/>
                      </a:solidFill>
                      <a:prstDash val="solid"/>
                    </a:lnB>
                  </a:tcPr>
                </a:tc>
                <a:tc gridSpan="2">
                  <a:txBody>
                    <a:bodyPr/>
                    <a:lstStyle/>
                    <a:p>
                      <a:pPr marL="3810" algn="ctr">
                        <a:lnSpc>
                          <a:spcPct val="100000"/>
                        </a:lnSpc>
                        <a:spcBef>
                          <a:spcPts val="425"/>
                        </a:spcBef>
                      </a:pPr>
                      <a:r>
                        <a:rPr sz="1500" b="1" spc="-50" dirty="0">
                          <a:latin typeface="ＭＳ Ｐゴシック"/>
                          <a:cs typeface="ＭＳ Ｐゴシック"/>
                        </a:rPr>
                        <a:t>○</a:t>
                      </a:r>
                      <a:endParaRPr sz="1500">
                        <a:latin typeface="ＭＳ Ｐゴシック"/>
                        <a:cs typeface="ＭＳ Ｐゴシック"/>
                      </a:endParaRPr>
                    </a:p>
                  </a:txBody>
                  <a:tcPr marL="0" marR="0" marT="46154" marB="0">
                    <a:lnL w="12700">
                      <a:solidFill>
                        <a:srgbClr val="000000"/>
                      </a:solidFill>
                      <a:prstDash val="solid"/>
                    </a:lnL>
                    <a:lnR w="28575">
                      <a:solidFill>
                        <a:srgbClr val="000000"/>
                      </a:solidFill>
                      <a:prstDash val="solid"/>
                    </a:lnR>
                    <a:lnT w="12700">
                      <a:solidFill>
                        <a:srgbClr val="000000"/>
                      </a:solidFill>
                      <a:prstDash val="solid"/>
                    </a:lnT>
                    <a:lnB w="28575">
                      <a:solidFill>
                        <a:srgbClr val="000000"/>
                      </a:solidFill>
                      <a:prstDash val="solid"/>
                    </a:lnB>
                    <a:solidFill>
                      <a:srgbClr val="FFFF00"/>
                    </a:solidFill>
                  </a:tcPr>
                </a:tc>
                <a:tc hMerge="1">
                  <a:txBody>
                    <a:bodyPr/>
                    <a:lstStyle/>
                    <a:p>
                      <a:endParaRPr/>
                    </a:p>
                  </a:txBody>
                  <a:tcPr marL="0" marR="0" marT="0" marB="0"/>
                </a:tc>
                <a:extLst>
                  <a:ext uri="{0D108BD9-81ED-4DB2-BD59-A6C34878D82A}">
                    <a16:rowId xmlns:a16="http://schemas.microsoft.com/office/drawing/2014/main" val="10019"/>
                  </a:ext>
                </a:extLst>
              </a:tr>
              <a:tr h="311678">
                <a:tc gridSpan="2">
                  <a:txBody>
                    <a:bodyPr/>
                    <a:lstStyle/>
                    <a:p>
                      <a:pPr marL="408305" marR="13335" indent="-381000">
                        <a:lnSpc>
                          <a:spcPts val="1100"/>
                        </a:lnSpc>
                        <a:spcBef>
                          <a:spcPts val="434"/>
                        </a:spcBef>
                      </a:pPr>
                      <a:r>
                        <a:rPr sz="900" spc="-10" dirty="0">
                          <a:latin typeface="ＭＳ Ｐゴシック"/>
                          <a:cs typeface="ＭＳ Ｐゴシック"/>
                        </a:rPr>
                        <a:t>担当</a:t>
                      </a:r>
                      <a:r>
                        <a:rPr sz="900" dirty="0">
                          <a:latin typeface="ＭＳ Ｐゴシック"/>
                          <a:cs typeface="ＭＳ Ｐゴシック"/>
                        </a:rPr>
                        <a:t>（</a:t>
                      </a:r>
                      <a:r>
                        <a:rPr sz="900" spc="-10" dirty="0">
                          <a:latin typeface="ＭＳ Ｐゴシック"/>
                          <a:cs typeface="ＭＳ Ｐゴシック"/>
                        </a:rPr>
                        <a:t>黄色着色</a:t>
                      </a:r>
                      <a:r>
                        <a:rPr sz="900" dirty="0">
                          <a:latin typeface="ＭＳ Ｐゴシック"/>
                          <a:cs typeface="ＭＳ Ｐゴシック"/>
                        </a:rPr>
                        <a:t>）</a:t>
                      </a:r>
                      <a:r>
                        <a:rPr sz="900" spc="-50" dirty="0">
                          <a:latin typeface="ＭＳ Ｐゴシック"/>
                          <a:cs typeface="ＭＳ Ｐゴシック"/>
                        </a:rPr>
                        <a:t>の</a:t>
                      </a:r>
                      <a:r>
                        <a:rPr sz="900" spc="-30" dirty="0">
                          <a:latin typeface="ＭＳ Ｐゴシック"/>
                          <a:cs typeface="ＭＳ Ｐゴシック"/>
                        </a:rPr>
                        <a:t>人数</a:t>
                      </a:r>
                      <a:endParaRPr sz="900">
                        <a:latin typeface="ＭＳ Ｐゴシック"/>
                        <a:cs typeface="ＭＳ Ｐゴシック"/>
                      </a:endParaRPr>
                    </a:p>
                  </a:txBody>
                  <a:tcPr marL="0" marR="0" marT="47240" marB="0">
                    <a:lnL w="28575">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solidFill>
                      <a:srgbClr val="FFFF00"/>
                    </a:solidFill>
                  </a:tcPr>
                </a:tc>
                <a:tc hMerge="1">
                  <a:txBody>
                    <a:bodyPr/>
                    <a:lstStyle/>
                    <a:p>
                      <a:endParaRPr/>
                    </a:p>
                  </a:txBody>
                  <a:tcPr marL="0" marR="0" marT="0" marB="0"/>
                </a:tc>
                <a:tc gridSpan="2">
                  <a:txBody>
                    <a:bodyPr/>
                    <a:lstStyle/>
                    <a:p>
                      <a:pPr marL="5080" algn="ctr">
                        <a:lnSpc>
                          <a:spcPct val="100000"/>
                        </a:lnSpc>
                        <a:spcBef>
                          <a:spcPts val="400"/>
                        </a:spcBef>
                      </a:pPr>
                      <a:r>
                        <a:rPr sz="1500" spc="-50" dirty="0">
                          <a:latin typeface="ＭＳ Ｐゴシック"/>
                          <a:cs typeface="ＭＳ Ｐゴシック"/>
                        </a:rPr>
                        <a:t>3</a:t>
                      </a:r>
                      <a:endParaRPr sz="1500">
                        <a:latin typeface="ＭＳ Ｐゴシック"/>
                        <a:cs typeface="ＭＳ Ｐゴシック"/>
                      </a:endParaRPr>
                    </a:p>
                  </a:txBody>
                  <a:tcPr marL="0" marR="0" marT="43439" marB="0">
                    <a:lnL w="28575">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tcPr>
                </a:tc>
                <a:tc hMerge="1">
                  <a:txBody>
                    <a:bodyPr/>
                    <a:lstStyle/>
                    <a:p>
                      <a:endParaRPr/>
                    </a:p>
                  </a:txBody>
                  <a:tcPr marL="0" marR="0" marT="0" marB="0"/>
                </a:tc>
                <a:tc>
                  <a:txBody>
                    <a:bodyPr/>
                    <a:lstStyle/>
                    <a:p>
                      <a:pPr marL="4445" algn="ctr">
                        <a:lnSpc>
                          <a:spcPct val="100000"/>
                        </a:lnSpc>
                        <a:spcBef>
                          <a:spcPts val="400"/>
                        </a:spcBef>
                      </a:pPr>
                      <a:r>
                        <a:rPr sz="1500" spc="-50" dirty="0">
                          <a:latin typeface="ＭＳ Ｐゴシック"/>
                          <a:cs typeface="ＭＳ Ｐゴシック"/>
                        </a:rPr>
                        <a:t>2</a:t>
                      </a:r>
                      <a:endParaRPr sz="1500">
                        <a:latin typeface="ＭＳ Ｐゴシック"/>
                        <a:cs typeface="ＭＳ Ｐゴシック"/>
                      </a:endParaRPr>
                    </a:p>
                  </a:txBody>
                  <a:tcPr marL="0" marR="0" marT="43439"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tcPr>
                </a:tc>
                <a:tc>
                  <a:txBody>
                    <a:bodyPr/>
                    <a:lstStyle/>
                    <a:p>
                      <a:pPr marL="4445" algn="ctr">
                        <a:lnSpc>
                          <a:spcPct val="100000"/>
                        </a:lnSpc>
                        <a:spcBef>
                          <a:spcPts val="400"/>
                        </a:spcBef>
                      </a:pPr>
                      <a:r>
                        <a:rPr sz="1500" spc="-50" dirty="0">
                          <a:latin typeface="ＭＳ Ｐゴシック"/>
                          <a:cs typeface="ＭＳ Ｐゴシック"/>
                        </a:rPr>
                        <a:t>2</a:t>
                      </a:r>
                      <a:endParaRPr sz="1500">
                        <a:latin typeface="ＭＳ Ｐゴシック"/>
                        <a:cs typeface="ＭＳ Ｐゴシック"/>
                      </a:endParaRPr>
                    </a:p>
                  </a:txBody>
                  <a:tcPr marL="0" marR="0" marT="43439"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tcPr>
                </a:tc>
                <a:tc>
                  <a:txBody>
                    <a:bodyPr/>
                    <a:lstStyle/>
                    <a:p>
                      <a:pPr marL="4445" algn="ctr">
                        <a:lnSpc>
                          <a:spcPct val="100000"/>
                        </a:lnSpc>
                        <a:spcBef>
                          <a:spcPts val="400"/>
                        </a:spcBef>
                      </a:pPr>
                      <a:r>
                        <a:rPr sz="1500" spc="-50" dirty="0">
                          <a:latin typeface="ＭＳ Ｐゴシック"/>
                          <a:cs typeface="ＭＳ Ｐゴシック"/>
                        </a:rPr>
                        <a:t>2</a:t>
                      </a:r>
                      <a:endParaRPr sz="1500">
                        <a:latin typeface="ＭＳ Ｐゴシック"/>
                        <a:cs typeface="ＭＳ Ｐゴシック"/>
                      </a:endParaRPr>
                    </a:p>
                  </a:txBody>
                  <a:tcPr marL="0" marR="0" marT="43439"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tcPr>
                </a:tc>
                <a:tc>
                  <a:txBody>
                    <a:bodyPr/>
                    <a:lstStyle/>
                    <a:p>
                      <a:pPr marL="4445" algn="ctr">
                        <a:lnSpc>
                          <a:spcPct val="100000"/>
                        </a:lnSpc>
                        <a:spcBef>
                          <a:spcPts val="400"/>
                        </a:spcBef>
                      </a:pPr>
                      <a:r>
                        <a:rPr sz="1500" spc="-50" dirty="0">
                          <a:latin typeface="ＭＳ Ｐゴシック"/>
                          <a:cs typeface="ＭＳ Ｐゴシック"/>
                        </a:rPr>
                        <a:t>3</a:t>
                      </a:r>
                      <a:endParaRPr sz="1500">
                        <a:latin typeface="ＭＳ Ｐゴシック"/>
                        <a:cs typeface="ＭＳ Ｐゴシック"/>
                      </a:endParaRPr>
                    </a:p>
                  </a:txBody>
                  <a:tcPr marL="0" marR="0" marT="43439"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tcPr>
                </a:tc>
                <a:tc>
                  <a:txBody>
                    <a:bodyPr/>
                    <a:lstStyle/>
                    <a:p>
                      <a:pPr marL="4445" algn="ctr">
                        <a:lnSpc>
                          <a:spcPct val="100000"/>
                        </a:lnSpc>
                        <a:spcBef>
                          <a:spcPts val="400"/>
                        </a:spcBef>
                      </a:pPr>
                      <a:r>
                        <a:rPr sz="1500" spc="-50" dirty="0">
                          <a:latin typeface="ＭＳ Ｐゴシック"/>
                          <a:cs typeface="ＭＳ Ｐゴシック"/>
                        </a:rPr>
                        <a:t>2</a:t>
                      </a:r>
                      <a:endParaRPr sz="1500">
                        <a:latin typeface="ＭＳ Ｐゴシック"/>
                        <a:cs typeface="ＭＳ Ｐゴシック"/>
                      </a:endParaRPr>
                    </a:p>
                  </a:txBody>
                  <a:tcPr marL="0" marR="0" marT="43439"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tcPr>
                </a:tc>
                <a:tc>
                  <a:txBody>
                    <a:bodyPr/>
                    <a:lstStyle/>
                    <a:p>
                      <a:pPr marL="4445" algn="ctr">
                        <a:lnSpc>
                          <a:spcPct val="100000"/>
                        </a:lnSpc>
                        <a:spcBef>
                          <a:spcPts val="400"/>
                        </a:spcBef>
                      </a:pPr>
                      <a:r>
                        <a:rPr sz="1500" spc="-50" dirty="0">
                          <a:latin typeface="ＭＳ Ｐゴシック"/>
                          <a:cs typeface="ＭＳ Ｐゴシック"/>
                        </a:rPr>
                        <a:t>2</a:t>
                      </a:r>
                      <a:endParaRPr sz="1500">
                        <a:latin typeface="ＭＳ Ｐゴシック"/>
                        <a:cs typeface="ＭＳ Ｐゴシック"/>
                      </a:endParaRPr>
                    </a:p>
                  </a:txBody>
                  <a:tcPr marL="0" marR="0" marT="43439"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tcPr>
                </a:tc>
                <a:tc>
                  <a:txBody>
                    <a:bodyPr/>
                    <a:lstStyle/>
                    <a:p>
                      <a:pPr marL="4445" algn="ctr">
                        <a:lnSpc>
                          <a:spcPct val="100000"/>
                        </a:lnSpc>
                        <a:spcBef>
                          <a:spcPts val="400"/>
                        </a:spcBef>
                      </a:pPr>
                      <a:r>
                        <a:rPr sz="1500" spc="-50" dirty="0">
                          <a:latin typeface="ＭＳ Ｐゴシック"/>
                          <a:cs typeface="ＭＳ Ｐゴシック"/>
                        </a:rPr>
                        <a:t>2</a:t>
                      </a:r>
                      <a:endParaRPr sz="1500">
                        <a:latin typeface="ＭＳ Ｐゴシック"/>
                        <a:cs typeface="ＭＳ Ｐゴシック"/>
                      </a:endParaRPr>
                    </a:p>
                  </a:txBody>
                  <a:tcPr marL="0" marR="0" marT="43439"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tcPr>
                </a:tc>
                <a:tc>
                  <a:txBody>
                    <a:bodyPr/>
                    <a:lstStyle/>
                    <a:p>
                      <a:pPr marL="4445" algn="ctr">
                        <a:lnSpc>
                          <a:spcPct val="100000"/>
                        </a:lnSpc>
                        <a:spcBef>
                          <a:spcPts val="400"/>
                        </a:spcBef>
                      </a:pPr>
                      <a:r>
                        <a:rPr sz="1500" spc="-50" dirty="0">
                          <a:latin typeface="ＭＳ Ｐゴシック"/>
                          <a:cs typeface="ＭＳ Ｐゴシック"/>
                        </a:rPr>
                        <a:t>3</a:t>
                      </a:r>
                      <a:endParaRPr sz="1500">
                        <a:latin typeface="ＭＳ Ｐゴシック"/>
                        <a:cs typeface="ＭＳ Ｐゴシック"/>
                      </a:endParaRPr>
                    </a:p>
                  </a:txBody>
                  <a:tcPr marL="0" marR="0" marT="43439"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tcPr>
                </a:tc>
                <a:tc>
                  <a:txBody>
                    <a:bodyPr/>
                    <a:lstStyle/>
                    <a:p>
                      <a:pPr marL="4445" algn="ctr">
                        <a:lnSpc>
                          <a:spcPct val="100000"/>
                        </a:lnSpc>
                        <a:spcBef>
                          <a:spcPts val="400"/>
                        </a:spcBef>
                      </a:pPr>
                      <a:r>
                        <a:rPr sz="1500" spc="-50" dirty="0">
                          <a:latin typeface="ＭＳ Ｐゴシック"/>
                          <a:cs typeface="ＭＳ Ｐゴシック"/>
                        </a:rPr>
                        <a:t>2</a:t>
                      </a:r>
                      <a:endParaRPr sz="1500">
                        <a:latin typeface="ＭＳ Ｐゴシック"/>
                        <a:cs typeface="ＭＳ Ｐゴシック"/>
                      </a:endParaRPr>
                    </a:p>
                  </a:txBody>
                  <a:tcPr marL="0" marR="0" marT="43439" marB="0">
                    <a:lnL w="12700">
                      <a:solidFill>
                        <a:srgbClr val="000000"/>
                      </a:solidFill>
                      <a:prstDash val="solid"/>
                    </a:lnL>
                    <a:lnR w="12700">
                      <a:solidFill>
                        <a:srgbClr val="000000"/>
                      </a:solidFill>
                      <a:prstDash val="solid"/>
                    </a:lnR>
                    <a:lnT w="28575">
                      <a:solidFill>
                        <a:srgbClr val="000000"/>
                      </a:solidFill>
                      <a:prstDash val="solid"/>
                    </a:lnT>
                    <a:lnB w="28575">
                      <a:solidFill>
                        <a:srgbClr val="000000"/>
                      </a:solidFill>
                      <a:prstDash val="solid"/>
                    </a:lnB>
                  </a:tcPr>
                </a:tc>
                <a:tc gridSpan="2">
                  <a:txBody>
                    <a:bodyPr/>
                    <a:lstStyle/>
                    <a:p>
                      <a:pPr marL="5080" algn="ctr">
                        <a:lnSpc>
                          <a:spcPct val="100000"/>
                        </a:lnSpc>
                        <a:spcBef>
                          <a:spcPts val="400"/>
                        </a:spcBef>
                      </a:pPr>
                      <a:r>
                        <a:rPr sz="1500" spc="-50" dirty="0">
                          <a:latin typeface="ＭＳ Ｐゴシック"/>
                          <a:cs typeface="ＭＳ Ｐゴシック"/>
                        </a:rPr>
                        <a:t>2</a:t>
                      </a:r>
                      <a:endParaRPr sz="1500">
                        <a:latin typeface="ＭＳ Ｐゴシック"/>
                        <a:cs typeface="ＭＳ Ｐゴシック"/>
                      </a:endParaRPr>
                    </a:p>
                  </a:txBody>
                  <a:tcPr marL="0" marR="0" marT="43439" marB="0">
                    <a:lnL w="12700">
                      <a:solidFill>
                        <a:srgbClr val="000000"/>
                      </a:solidFill>
                      <a:prstDash val="solid"/>
                    </a:lnL>
                    <a:lnR w="28575">
                      <a:solidFill>
                        <a:srgbClr val="000000"/>
                      </a:solidFill>
                      <a:prstDash val="solid"/>
                    </a:lnR>
                    <a:lnT w="28575">
                      <a:solidFill>
                        <a:srgbClr val="000000"/>
                      </a:solidFill>
                      <a:prstDash val="solid"/>
                    </a:lnT>
                    <a:lnB w="28575">
                      <a:solidFill>
                        <a:srgbClr val="000000"/>
                      </a:solidFill>
                      <a:prstDash val="solid"/>
                    </a:lnB>
                  </a:tcPr>
                </a:tc>
                <a:tc hMerge="1">
                  <a:txBody>
                    <a:bodyPr/>
                    <a:lstStyle/>
                    <a:p>
                      <a:endParaRPr/>
                    </a:p>
                  </a:txBody>
                  <a:tcPr marL="0" marR="0" marT="0" marB="0"/>
                </a:tc>
                <a:extLst>
                  <a:ext uri="{0D108BD9-81ED-4DB2-BD59-A6C34878D82A}">
                    <a16:rowId xmlns:a16="http://schemas.microsoft.com/office/drawing/2014/main" val="10020"/>
                  </a:ext>
                </a:extLst>
              </a:tr>
            </a:tbl>
          </a:graphicData>
        </a:graphic>
      </p:graphicFrame>
    </p:spTree>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a:extLst>
              <a:ext uri="{FF2B5EF4-FFF2-40B4-BE49-F238E27FC236}">
                <a16:creationId xmlns:a16="http://schemas.microsoft.com/office/drawing/2014/main" id="{15DEB98C-AF54-7EFD-3C6C-A5D724C6B136}"/>
              </a:ext>
            </a:extLst>
          </p:cNvPr>
          <p:cNvSpPr txBox="1"/>
          <p:nvPr/>
        </p:nvSpPr>
        <p:spPr>
          <a:xfrm>
            <a:off x="383459" y="1443841"/>
            <a:ext cx="8023122" cy="3970318"/>
          </a:xfrm>
          <a:prstGeom prst="rect">
            <a:avLst/>
          </a:prstGeom>
          <a:noFill/>
        </p:spPr>
        <p:txBody>
          <a:bodyPr wrap="square">
            <a:spAutoFit/>
          </a:bodyPr>
          <a:lstStyle/>
          <a:p>
            <a:r>
              <a:rPr lang="ja-JP" altLang="en-US" sz="2800" dirty="0"/>
              <a:t>Ｑ</a:t>
            </a:r>
            <a:r>
              <a:rPr lang="en-US" altLang="ja-JP" sz="2800" dirty="0"/>
              <a:t>:</a:t>
            </a:r>
          </a:p>
          <a:p>
            <a:r>
              <a:rPr lang="en-US" altLang="ja-JP" sz="2800" dirty="0"/>
              <a:t> </a:t>
            </a:r>
            <a:r>
              <a:rPr lang="ja-JP" altLang="en-US" sz="2800" dirty="0"/>
              <a:t>申請技術が</a:t>
            </a:r>
            <a:r>
              <a:rPr lang="en-US" altLang="ja-JP" sz="2800" dirty="0"/>
              <a:t>NETIS</a:t>
            </a:r>
            <a:r>
              <a:rPr lang="ja-JP" altLang="en-US" sz="2800" dirty="0"/>
              <a:t>に掲載されたことで、国土交通省のお墨付きを得たと考えてよいですか。</a:t>
            </a:r>
            <a:endParaRPr lang="en-US" altLang="ja-JP" sz="2800" dirty="0"/>
          </a:p>
          <a:p>
            <a:endParaRPr lang="en-US" altLang="ja-JP" sz="2800" dirty="0"/>
          </a:p>
          <a:p>
            <a:r>
              <a:rPr lang="ja-JP" altLang="en-US" sz="2800" dirty="0"/>
              <a:t> </a:t>
            </a:r>
            <a:r>
              <a:rPr lang="en-US" altLang="ja-JP" sz="2800" dirty="0"/>
              <a:t>A</a:t>
            </a:r>
            <a:r>
              <a:rPr lang="ja-JP" altLang="en-US" sz="2800" dirty="0"/>
              <a:t>：</a:t>
            </a:r>
            <a:endParaRPr lang="en-US" altLang="ja-JP" sz="2800" dirty="0"/>
          </a:p>
          <a:p>
            <a:r>
              <a:rPr lang="en-US" altLang="ja-JP" sz="2800" dirty="0"/>
              <a:t>NETIS</a:t>
            </a:r>
            <a:r>
              <a:rPr lang="ja-JP" altLang="en-US" sz="2800" dirty="0"/>
              <a:t>掲載情報は、</a:t>
            </a:r>
            <a:r>
              <a:rPr lang="ja-JP" altLang="en-US" sz="2800" dirty="0">
                <a:highlight>
                  <a:srgbClr val="FFFF00"/>
                </a:highlight>
              </a:rPr>
              <a:t>新技術活用に当たっての参考情報といった性格</a:t>
            </a:r>
            <a:r>
              <a:rPr lang="ja-JP" altLang="en-US" sz="2800" dirty="0"/>
              <a:t>のものです。 登録が完了した場合であっても、</a:t>
            </a:r>
            <a:r>
              <a:rPr lang="ja-JP" altLang="en-US" sz="2800" dirty="0">
                <a:highlight>
                  <a:srgbClr val="FFFF00"/>
                </a:highlight>
              </a:rPr>
              <a:t>当該技術に関して証明、認証するものではありません。</a:t>
            </a:r>
          </a:p>
        </p:txBody>
      </p:sp>
      <p:sp>
        <p:nvSpPr>
          <p:cNvPr id="2" name="テキスト ボックス 1">
            <a:extLst>
              <a:ext uri="{FF2B5EF4-FFF2-40B4-BE49-F238E27FC236}">
                <a16:creationId xmlns:a16="http://schemas.microsoft.com/office/drawing/2014/main" id="{E712F7C7-24CA-4BD2-B83E-B8B9FC47E9A3}"/>
              </a:ext>
            </a:extLst>
          </p:cNvPr>
          <p:cNvSpPr txBox="1"/>
          <p:nvPr/>
        </p:nvSpPr>
        <p:spPr>
          <a:xfrm>
            <a:off x="560439" y="486697"/>
            <a:ext cx="1005403" cy="584775"/>
          </a:xfrm>
          <a:prstGeom prst="rect">
            <a:avLst/>
          </a:prstGeom>
          <a:noFill/>
        </p:spPr>
        <p:txBody>
          <a:bodyPr wrap="none" rtlCol="0">
            <a:spAutoFit/>
          </a:bodyPr>
          <a:lstStyle/>
          <a:p>
            <a:r>
              <a:rPr kumimoji="1" lang="ja-JP" altLang="en-US" sz="3200" dirty="0"/>
              <a:t>注意</a:t>
            </a:r>
          </a:p>
        </p:txBody>
      </p:sp>
      <p:sp>
        <p:nvSpPr>
          <p:cNvPr id="4" name="テキスト ボックス 3">
            <a:extLst>
              <a:ext uri="{FF2B5EF4-FFF2-40B4-BE49-F238E27FC236}">
                <a16:creationId xmlns:a16="http://schemas.microsoft.com/office/drawing/2014/main" id="{DB1E6008-1A94-7FAD-C9FE-E45A6D4DB5F0}"/>
              </a:ext>
            </a:extLst>
          </p:cNvPr>
          <p:cNvSpPr txBox="1"/>
          <p:nvPr/>
        </p:nvSpPr>
        <p:spPr>
          <a:xfrm>
            <a:off x="1843548" y="5987845"/>
            <a:ext cx="2024913" cy="407035"/>
          </a:xfrm>
          <a:prstGeom prst="rect">
            <a:avLst/>
          </a:prstGeom>
          <a:noFill/>
        </p:spPr>
        <p:txBody>
          <a:bodyPr wrap="none" rtlCol="0">
            <a:spAutoFit/>
          </a:bodyPr>
          <a:lstStyle/>
          <a:p>
            <a:r>
              <a:rPr kumimoji="1" lang="ja-JP" altLang="en-US" dirty="0">
                <a:solidFill>
                  <a:srgbClr val="FF0000"/>
                </a:solidFill>
              </a:rPr>
              <a:t>勘違いが多い！</a:t>
            </a:r>
          </a:p>
        </p:txBody>
      </p:sp>
    </p:spTree>
    <p:extLst>
      <p:ext uri="{BB962C8B-B14F-4D97-AF65-F5344CB8AC3E}">
        <p14:creationId xmlns:p14="http://schemas.microsoft.com/office/powerpoint/2010/main" val="1284625887"/>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スライド番号プレースホルダ 3"/>
          <p:cNvSpPr>
            <a:spLocks noGrp="1"/>
          </p:cNvSpPr>
          <p:nvPr>
            <p:ph type="sldNum" sz="quarter" idx="12"/>
          </p:nvPr>
        </p:nvSpPr>
        <p:spPr>
          <a:xfrm>
            <a:off x="5651502" y="7100888"/>
            <a:ext cx="3889375" cy="476250"/>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fld id="{3B9261D3-E2FD-4554-AFF9-04F4AD31A253}" type="slidenum">
              <a:rPr kumimoji="0" lang="ja-JP" altLang="en-US" sz="1400"/>
              <a:pPr algn="ctr" eaLnBrk="1" hangingPunct="1">
                <a:spcBef>
                  <a:spcPct val="0"/>
                </a:spcBef>
                <a:buClrTx/>
                <a:buSzTx/>
                <a:buFontTx/>
                <a:buNone/>
              </a:pPr>
              <a:t>96</a:t>
            </a:fld>
            <a:endParaRPr kumimoji="0" lang="en-US" altLang="ja-JP" sz="1400"/>
          </a:p>
        </p:txBody>
      </p:sp>
      <p:sp>
        <p:nvSpPr>
          <p:cNvPr id="30723" name="Line 2"/>
          <p:cNvSpPr>
            <a:spLocks noChangeShapeType="1"/>
          </p:cNvSpPr>
          <p:nvPr/>
        </p:nvSpPr>
        <p:spPr bwMode="auto">
          <a:xfrm>
            <a:off x="609600" y="5791200"/>
            <a:ext cx="8001000" cy="0"/>
          </a:xfrm>
          <a:prstGeom prst="line">
            <a:avLst/>
          </a:prstGeom>
          <a:noFill/>
          <a:ln w="25400">
            <a:solidFill>
              <a:schemeClr val="tx1"/>
            </a:solidFill>
            <a:miter lim="800000"/>
            <a:headEnd/>
            <a:tailEnd/>
          </a:ln>
          <a:extLst>
            <a:ext uri="{909E8E84-426E-40DD-AFC4-6F175D3DCCD1}">
              <a14:hiddenFill xmlns:a14="http://schemas.microsoft.com/office/drawing/2010/main">
                <a:noFill/>
              </a14:hiddenFill>
            </a:ext>
          </a:extLst>
        </p:spPr>
        <p:txBody>
          <a:bodyPr wrap="none"/>
          <a:lstStyle/>
          <a:p>
            <a:endParaRPr lang="ja-JP" altLang="en-US"/>
          </a:p>
        </p:txBody>
      </p:sp>
      <p:sp>
        <p:nvSpPr>
          <p:cNvPr id="30724" name="Line 3"/>
          <p:cNvSpPr>
            <a:spLocks noChangeShapeType="1"/>
          </p:cNvSpPr>
          <p:nvPr/>
        </p:nvSpPr>
        <p:spPr bwMode="auto">
          <a:xfrm>
            <a:off x="1219200" y="533400"/>
            <a:ext cx="0" cy="5867400"/>
          </a:xfrm>
          <a:prstGeom prst="line">
            <a:avLst/>
          </a:prstGeom>
          <a:noFill/>
          <a:ln w="25400">
            <a:solidFill>
              <a:schemeClr val="tx1"/>
            </a:solidFill>
            <a:miter lim="800000"/>
            <a:headEnd/>
            <a:tailEnd/>
          </a:ln>
          <a:extLst>
            <a:ext uri="{909E8E84-426E-40DD-AFC4-6F175D3DCCD1}">
              <a14:hiddenFill xmlns:a14="http://schemas.microsoft.com/office/drawing/2010/main">
                <a:noFill/>
              </a14:hiddenFill>
            </a:ext>
          </a:extLst>
        </p:spPr>
        <p:txBody>
          <a:bodyPr wrap="none"/>
          <a:lstStyle/>
          <a:p>
            <a:endParaRPr lang="ja-JP" altLang="en-US"/>
          </a:p>
        </p:txBody>
      </p:sp>
      <p:sp>
        <p:nvSpPr>
          <p:cNvPr id="30725" name="Text Box 4"/>
          <p:cNvSpPr txBox="1">
            <a:spLocks noChangeArrowheads="1"/>
          </p:cNvSpPr>
          <p:nvPr/>
        </p:nvSpPr>
        <p:spPr bwMode="auto">
          <a:xfrm>
            <a:off x="1600200" y="5943600"/>
            <a:ext cx="18415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endParaRPr lang="ja-JP" altLang="en-US" sz="2400"/>
          </a:p>
        </p:txBody>
      </p:sp>
      <p:sp>
        <p:nvSpPr>
          <p:cNvPr id="30726" name="Text Box 5"/>
          <p:cNvSpPr txBox="1">
            <a:spLocks noChangeArrowheads="1"/>
          </p:cNvSpPr>
          <p:nvPr/>
        </p:nvSpPr>
        <p:spPr bwMode="auto">
          <a:xfrm>
            <a:off x="3573465" y="5943602"/>
            <a:ext cx="1724025" cy="461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責任の所在</a:t>
            </a:r>
          </a:p>
        </p:txBody>
      </p:sp>
      <p:sp>
        <p:nvSpPr>
          <p:cNvPr id="30727" name="Oval 6"/>
          <p:cNvSpPr>
            <a:spLocks noChangeArrowheads="1"/>
          </p:cNvSpPr>
          <p:nvPr/>
        </p:nvSpPr>
        <p:spPr bwMode="auto">
          <a:xfrm>
            <a:off x="1524000" y="5791200"/>
            <a:ext cx="914400" cy="914400"/>
          </a:xfrm>
          <a:prstGeom prst="ellipse">
            <a:avLst/>
          </a:prstGeom>
          <a:solidFill>
            <a:srgbClr val="FFFF00"/>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高</a:t>
            </a:r>
          </a:p>
        </p:txBody>
      </p:sp>
      <p:sp>
        <p:nvSpPr>
          <p:cNvPr id="30728" name="Oval 8"/>
          <p:cNvSpPr>
            <a:spLocks noChangeArrowheads="1"/>
          </p:cNvSpPr>
          <p:nvPr/>
        </p:nvSpPr>
        <p:spPr bwMode="auto">
          <a:xfrm>
            <a:off x="228600" y="685800"/>
            <a:ext cx="914400" cy="914400"/>
          </a:xfrm>
          <a:prstGeom prst="ellipse">
            <a:avLst/>
          </a:prstGeom>
          <a:solidFill>
            <a:srgbClr val="FFFF00"/>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高</a:t>
            </a:r>
          </a:p>
        </p:txBody>
      </p:sp>
      <p:sp>
        <p:nvSpPr>
          <p:cNvPr id="30729" name="Oval 9"/>
          <p:cNvSpPr>
            <a:spLocks noChangeArrowheads="1"/>
          </p:cNvSpPr>
          <p:nvPr/>
        </p:nvSpPr>
        <p:spPr bwMode="auto">
          <a:xfrm>
            <a:off x="228600" y="4648200"/>
            <a:ext cx="914400" cy="914400"/>
          </a:xfrm>
          <a:prstGeom prst="ellipse">
            <a:avLst/>
          </a:prstGeom>
          <a:solidFill>
            <a:srgbClr val="FFFF00"/>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低</a:t>
            </a:r>
          </a:p>
        </p:txBody>
      </p:sp>
      <p:sp>
        <p:nvSpPr>
          <p:cNvPr id="30730" name="Oval 10"/>
          <p:cNvSpPr>
            <a:spLocks noChangeArrowheads="1"/>
          </p:cNvSpPr>
          <p:nvPr/>
        </p:nvSpPr>
        <p:spPr bwMode="auto">
          <a:xfrm>
            <a:off x="7092950" y="5732463"/>
            <a:ext cx="914400" cy="914400"/>
          </a:xfrm>
          <a:prstGeom prst="ellipse">
            <a:avLst/>
          </a:prstGeom>
          <a:solidFill>
            <a:srgbClr val="FFFF00"/>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低</a:t>
            </a:r>
          </a:p>
        </p:txBody>
      </p:sp>
      <p:sp>
        <p:nvSpPr>
          <p:cNvPr id="30731" name="Text Box 11"/>
          <p:cNvSpPr txBox="1">
            <a:spLocks noChangeArrowheads="1"/>
          </p:cNvSpPr>
          <p:nvPr/>
        </p:nvSpPr>
        <p:spPr bwMode="auto">
          <a:xfrm>
            <a:off x="441327" y="2459038"/>
            <a:ext cx="492125" cy="1200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レ</a:t>
            </a:r>
          </a:p>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ベ</a:t>
            </a:r>
          </a:p>
          <a:p>
            <a:pPr algn="ctr" eaLnBrk="1" hangingPunct="1">
              <a:spcBef>
                <a:spcPct val="0"/>
              </a:spcBef>
              <a:buClrTx/>
              <a:buSzTx/>
              <a:buFontTx/>
              <a:buNone/>
            </a:pPr>
            <a:r>
              <a:rPr lang="ja-JP" altLang="en-US" sz="2400">
                <a:latin typeface="HG創英角ﾎﾟｯﾌﾟ体" pitchFamily="49" charset="-128"/>
                <a:ea typeface="HG創英角ﾎﾟｯﾌﾟ体" pitchFamily="49" charset="-128"/>
              </a:rPr>
              <a:t>ル</a:t>
            </a:r>
          </a:p>
        </p:txBody>
      </p:sp>
      <p:sp>
        <p:nvSpPr>
          <p:cNvPr id="30732" name="Oval 18"/>
          <p:cNvSpPr>
            <a:spLocks noChangeArrowheads="1"/>
          </p:cNvSpPr>
          <p:nvPr/>
        </p:nvSpPr>
        <p:spPr bwMode="auto">
          <a:xfrm>
            <a:off x="5457910" y="1490561"/>
            <a:ext cx="2895600" cy="779463"/>
          </a:xfrm>
          <a:prstGeom prst="ellipse">
            <a:avLst/>
          </a:prstGeom>
          <a:solidFill>
            <a:srgbClr val="FF0000"/>
          </a:solidFill>
          <a:ln w="9525">
            <a:solidFill>
              <a:schemeClr val="tx1"/>
            </a:solidFill>
            <a:miter lim="800000"/>
            <a:headEnd/>
            <a:tailEnd/>
          </a:ln>
        </p:spPr>
        <p:txBody>
          <a:bodyPr wrap="none" anchor="ctr"/>
          <a:lstStyle>
            <a:lvl1pPr eaLnBrk="0" hangingPunct="0">
              <a:spcBef>
                <a:spcPct val="20000"/>
              </a:spcBef>
              <a:buClr>
                <a:schemeClr val="hlink"/>
              </a:buClr>
              <a:buSzPct val="110000"/>
              <a:buFont typeface="Wingdings" pitchFamily="2" charset="2"/>
              <a:buBlip>
                <a:blip r:embed="rId2"/>
              </a:buBlip>
              <a:defRPr kumimoji="1" sz="3200">
                <a:solidFill>
                  <a:schemeClr val="tx1"/>
                </a:solidFill>
                <a:latin typeface="Tahoma" pitchFamily="34" charset="0"/>
                <a:ea typeface="ＭＳ Ｐゴシック" pitchFamily="50" charset="-128"/>
              </a:defRPr>
            </a:lvl1pPr>
            <a:lvl2pPr marL="742950" indent="-285750" eaLnBrk="0" hangingPunct="0">
              <a:spcBef>
                <a:spcPct val="20000"/>
              </a:spcBef>
              <a:buClr>
                <a:schemeClr val="tx1"/>
              </a:buClr>
              <a:buSzPct val="60000"/>
              <a:buFont typeface="Wingdings" pitchFamily="2" charset="2"/>
              <a:buChar char="n"/>
              <a:defRPr kumimoji="1" sz="2800">
                <a:solidFill>
                  <a:schemeClr val="tx1"/>
                </a:solidFill>
                <a:latin typeface="Tahoma" pitchFamily="34" charset="0"/>
                <a:ea typeface="ＭＳ Ｐゴシック" pitchFamily="50" charset="-128"/>
              </a:defRPr>
            </a:lvl2pPr>
            <a:lvl3pPr marL="1143000" indent="-228600" eaLnBrk="0" hangingPunct="0">
              <a:spcBef>
                <a:spcPct val="20000"/>
              </a:spcBef>
              <a:buClr>
                <a:schemeClr val="hlink"/>
              </a:buClr>
              <a:buSzPct val="95000"/>
              <a:buFont typeface="Wingdings" pitchFamily="2" charset="2"/>
              <a:buChar char="w"/>
              <a:defRPr kumimoji="1" sz="2400">
                <a:solidFill>
                  <a:schemeClr val="tx1"/>
                </a:solidFill>
                <a:latin typeface="Tahoma" pitchFamily="34" charset="0"/>
                <a:ea typeface="ＭＳ Ｐゴシック" pitchFamily="50" charset="-128"/>
              </a:defRPr>
            </a:lvl3pPr>
            <a:lvl4pPr marL="1600200" indent="-228600" eaLnBrk="0" hangingPunct="0">
              <a:spcBef>
                <a:spcPct val="20000"/>
              </a:spcBef>
              <a:buClr>
                <a:schemeClr val="tx1"/>
              </a:buClr>
              <a:buSzPct val="65000"/>
              <a:buFont typeface="Wingdings" pitchFamily="2" charset="2"/>
              <a:buChar char="n"/>
              <a:defRPr kumimoji="1" sz="2000">
                <a:solidFill>
                  <a:schemeClr val="tx1"/>
                </a:solidFill>
                <a:latin typeface="Tahoma" pitchFamily="34" charset="0"/>
                <a:ea typeface="ＭＳ Ｐゴシック" pitchFamily="50" charset="-128"/>
              </a:defRPr>
            </a:lvl4pPr>
            <a:lvl5pPr marL="2057400" indent="-228600" eaLnBrk="0" hangingPunct="0">
              <a:spcBef>
                <a:spcPct val="20000"/>
              </a:spcBef>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5pPr>
            <a:lvl6pPr marL="25146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6pPr>
            <a:lvl7pPr marL="29718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7pPr>
            <a:lvl8pPr marL="34290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8pPr>
            <a:lvl9pPr marL="3886200" indent="-228600" eaLnBrk="0" fontAlgn="base" hangingPunct="0">
              <a:spcBef>
                <a:spcPct val="20000"/>
              </a:spcBef>
              <a:spcAft>
                <a:spcPct val="0"/>
              </a:spcAft>
              <a:buClr>
                <a:schemeClr val="hlink"/>
              </a:buClr>
              <a:buSzPct val="60000"/>
              <a:buFont typeface="Wingdings" pitchFamily="2" charset="2"/>
              <a:buChar char="n"/>
              <a:defRPr kumimoji="1" sz="2000">
                <a:solidFill>
                  <a:schemeClr val="tx1"/>
                </a:solidFill>
                <a:latin typeface="Tahoma" pitchFamily="34" charset="0"/>
                <a:ea typeface="ＭＳ Ｐゴシック" pitchFamily="50" charset="-128"/>
              </a:defRPr>
            </a:lvl9pPr>
          </a:lstStyle>
          <a:p>
            <a:pPr algn="ctr" eaLnBrk="1" hangingPunct="1">
              <a:spcBef>
                <a:spcPct val="0"/>
              </a:spcBef>
              <a:buClrTx/>
              <a:buSzTx/>
              <a:buFontTx/>
              <a:buNone/>
            </a:pPr>
            <a:r>
              <a:rPr lang="ja-JP" altLang="en-US" sz="2400" dirty="0">
                <a:latin typeface="HG創英角ﾎﾟｯﾌﾟ体" pitchFamily="49" charset="-128"/>
                <a:ea typeface="HG創英角ﾎﾟｯﾌﾟ体" pitchFamily="49" charset="-128"/>
              </a:rPr>
              <a:t>学会などが出す認証</a:t>
            </a:r>
          </a:p>
        </p:txBody>
      </p:sp>
      <p:sp>
        <p:nvSpPr>
          <p:cNvPr id="25" name="角丸四角形 24"/>
          <p:cNvSpPr/>
          <p:nvPr/>
        </p:nvSpPr>
        <p:spPr bwMode="auto">
          <a:xfrm>
            <a:off x="0" y="0"/>
            <a:ext cx="7645400" cy="647700"/>
          </a:xfrm>
          <a:prstGeom prst="roundRect">
            <a:avLst/>
          </a:prstGeom>
          <a:ln>
            <a:noFill/>
            <a:headEnd type="none" w="med" len="med"/>
            <a:tailEnd type="none" w="med" len="med"/>
          </a:ln>
        </p:spPr>
        <p:style>
          <a:lnRef idx="2">
            <a:schemeClr val="dk1"/>
          </a:lnRef>
          <a:fillRef idx="1">
            <a:schemeClr val="lt1"/>
          </a:fillRef>
          <a:effectRef idx="0">
            <a:schemeClr val="dk1"/>
          </a:effectRef>
          <a:fontRef idx="minor">
            <a:schemeClr val="dk1"/>
          </a:fontRef>
        </p:style>
        <p:txBody>
          <a:bodyPr wrap="none"/>
          <a:lstStyle/>
          <a:p>
            <a:pPr>
              <a:defRPr/>
            </a:pPr>
            <a:r>
              <a:rPr lang="ja-JP" altLang="en-US" sz="3600" dirty="0">
                <a:solidFill>
                  <a:schemeClr val="tx1"/>
                </a:solidFill>
                <a:latin typeface="HGP創英角ｺﾞｼｯｸUB" panose="020B0900000000000000" pitchFamily="50" charset="-128"/>
                <a:ea typeface="HGP創英角ｺﾞｼｯｸUB" panose="020B0900000000000000" pitchFamily="50" charset="-128"/>
              </a:rPr>
              <a:t>新技術・新工法の採用問題⇒認証</a:t>
            </a:r>
          </a:p>
        </p:txBody>
      </p:sp>
      <p:sp>
        <p:nvSpPr>
          <p:cNvPr id="26" name="角丸四角形 25"/>
          <p:cNvSpPr/>
          <p:nvPr/>
        </p:nvSpPr>
        <p:spPr bwMode="auto">
          <a:xfrm>
            <a:off x="5556250" y="4914900"/>
            <a:ext cx="1498600" cy="647700"/>
          </a:xfrm>
          <a:prstGeom prst="roundRect">
            <a:avLst/>
          </a:prstGeom>
          <a:solidFill>
            <a:srgbClr val="00B0F0"/>
          </a:solidFill>
          <a:ln>
            <a:headEnd type="none" w="med" len="med"/>
            <a:tailEnd type="none" w="med" len="med"/>
          </a:ln>
        </p:spPr>
        <p:style>
          <a:lnRef idx="2">
            <a:schemeClr val="dk1"/>
          </a:lnRef>
          <a:fillRef idx="1">
            <a:schemeClr val="lt1"/>
          </a:fillRef>
          <a:effectRef idx="0">
            <a:schemeClr val="dk1"/>
          </a:effectRef>
          <a:fontRef idx="minor">
            <a:schemeClr val="dk1"/>
          </a:fontRef>
        </p:style>
        <p:txBody>
          <a:bodyPr wrap="none"/>
          <a:lstStyle/>
          <a:p>
            <a:pPr>
              <a:defRPr/>
            </a:pPr>
            <a:r>
              <a:rPr lang="en-US" altLang="ja-JP" sz="3600" dirty="0">
                <a:solidFill>
                  <a:schemeClr val="tx1"/>
                </a:solidFill>
              </a:rPr>
              <a:t>NETIS</a:t>
            </a:r>
            <a:endParaRPr lang="ja-JP" altLang="en-US" sz="3600" dirty="0">
              <a:solidFill>
                <a:schemeClr val="tx1"/>
              </a:solidFill>
            </a:endParaRPr>
          </a:p>
        </p:txBody>
      </p:sp>
      <p:sp>
        <p:nvSpPr>
          <p:cNvPr id="27" name="角丸四角形 26"/>
          <p:cNvSpPr/>
          <p:nvPr/>
        </p:nvSpPr>
        <p:spPr bwMode="auto">
          <a:xfrm>
            <a:off x="6034088" y="2513013"/>
            <a:ext cx="1973262" cy="647700"/>
          </a:xfrm>
          <a:prstGeom prst="roundRect">
            <a:avLst/>
          </a:prstGeom>
          <a:solidFill>
            <a:srgbClr val="FFFF00"/>
          </a:solidFill>
          <a:ln>
            <a:headEnd type="none" w="med" len="med"/>
            <a:tailEnd type="none" w="med" len="med"/>
          </a:ln>
        </p:spPr>
        <p:style>
          <a:lnRef idx="2">
            <a:schemeClr val="dk1"/>
          </a:lnRef>
          <a:fillRef idx="1">
            <a:schemeClr val="lt1"/>
          </a:fillRef>
          <a:effectRef idx="0">
            <a:schemeClr val="dk1"/>
          </a:effectRef>
          <a:fontRef idx="minor">
            <a:schemeClr val="dk1"/>
          </a:fontRef>
        </p:style>
        <p:txBody>
          <a:bodyPr wrap="none"/>
          <a:lstStyle/>
          <a:p>
            <a:pPr>
              <a:defRPr/>
            </a:pPr>
            <a:r>
              <a:rPr lang="ja-JP" altLang="en-US" sz="3600" b="1" dirty="0">
                <a:solidFill>
                  <a:schemeClr val="tx1"/>
                </a:solidFill>
              </a:rPr>
              <a:t>特許　等</a:t>
            </a:r>
          </a:p>
        </p:txBody>
      </p:sp>
      <p:sp>
        <p:nvSpPr>
          <p:cNvPr id="28" name="角丸四角形 27"/>
          <p:cNvSpPr/>
          <p:nvPr/>
        </p:nvSpPr>
        <p:spPr bwMode="auto">
          <a:xfrm>
            <a:off x="1336675" y="1150938"/>
            <a:ext cx="3143250" cy="647700"/>
          </a:xfrm>
          <a:prstGeom prst="roundRect">
            <a:avLst/>
          </a:prstGeom>
          <a:solidFill>
            <a:schemeClr val="accent2">
              <a:lumMod val="60000"/>
              <a:lumOff val="40000"/>
            </a:schemeClr>
          </a:solidFill>
          <a:ln>
            <a:headEnd type="none" w="med" len="med"/>
            <a:tailEnd type="none" w="med" len="med"/>
          </a:ln>
        </p:spPr>
        <p:style>
          <a:lnRef idx="2">
            <a:schemeClr val="dk1"/>
          </a:lnRef>
          <a:fillRef idx="1">
            <a:schemeClr val="lt1"/>
          </a:fillRef>
          <a:effectRef idx="0">
            <a:schemeClr val="dk1"/>
          </a:effectRef>
          <a:fontRef idx="minor">
            <a:schemeClr val="dk1"/>
          </a:fontRef>
        </p:style>
        <p:txBody>
          <a:bodyPr wrap="none"/>
          <a:lstStyle/>
          <a:p>
            <a:pPr>
              <a:defRPr/>
            </a:pPr>
            <a:r>
              <a:rPr lang="ja-JP" altLang="en-US" sz="3600" b="1" dirty="0">
                <a:solidFill>
                  <a:schemeClr val="tx1"/>
                </a:solidFill>
              </a:rPr>
              <a:t>技術審査証明</a:t>
            </a:r>
          </a:p>
        </p:txBody>
      </p:sp>
      <p:sp>
        <p:nvSpPr>
          <p:cNvPr id="29" name="四角形吹き出し 4"/>
          <p:cNvSpPr>
            <a:spLocks noChangeArrowheads="1"/>
          </p:cNvSpPr>
          <p:nvPr/>
        </p:nvSpPr>
        <p:spPr bwMode="auto">
          <a:xfrm>
            <a:off x="6559550" y="3467102"/>
            <a:ext cx="1765300" cy="682625"/>
          </a:xfrm>
          <a:prstGeom prst="wedgeRectCallout">
            <a:avLst>
              <a:gd name="adj1" fmla="val -34336"/>
              <a:gd name="adj2" fmla="val -118147"/>
            </a:avLst>
          </a:prstGeom>
          <a:solidFill>
            <a:schemeClr val="bg1">
              <a:lumMod val="85000"/>
            </a:schemeClr>
          </a:solidFill>
          <a:ln w="9525" algn="ctr">
            <a:solidFill>
              <a:schemeClr val="tx1"/>
            </a:solidFill>
            <a:round/>
            <a:headEnd/>
            <a:tailEnd/>
          </a:ln>
        </p:spPr>
        <p:txBody>
          <a:bodyPr wrap="none"/>
          <a:lstStyle/>
          <a:p>
            <a:pPr>
              <a:defRPr/>
            </a:pPr>
            <a:r>
              <a:rPr lang="ja-JP" altLang="en-US" sz="2000" dirty="0">
                <a:latin typeface="HG創英角ﾎﾟｯﾌﾟ体" pitchFamily="49" charset="-128"/>
                <a:ea typeface="HG創英角ﾎﾟｯﾌﾟ体" pitchFamily="49" charset="-128"/>
              </a:rPr>
              <a:t>公共工事では</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使いにくい</a:t>
            </a:r>
          </a:p>
        </p:txBody>
      </p:sp>
      <p:sp>
        <p:nvSpPr>
          <p:cNvPr id="31" name="四角形吹き出し 4"/>
          <p:cNvSpPr>
            <a:spLocks noChangeArrowheads="1"/>
          </p:cNvSpPr>
          <p:nvPr/>
        </p:nvSpPr>
        <p:spPr bwMode="auto">
          <a:xfrm>
            <a:off x="7054850" y="4224338"/>
            <a:ext cx="1943100" cy="1014412"/>
          </a:xfrm>
          <a:prstGeom prst="wedgeRectCallout">
            <a:avLst>
              <a:gd name="adj1" fmla="val -71549"/>
              <a:gd name="adj2" fmla="val 19121"/>
            </a:avLst>
          </a:prstGeom>
          <a:solidFill>
            <a:schemeClr val="bg1">
              <a:lumMod val="85000"/>
            </a:schemeClr>
          </a:solidFill>
          <a:ln w="9525" algn="ctr">
            <a:solidFill>
              <a:schemeClr val="tx1"/>
            </a:solidFill>
            <a:round/>
            <a:headEnd/>
            <a:tailEnd/>
          </a:ln>
        </p:spPr>
        <p:txBody>
          <a:bodyPr wrap="none"/>
          <a:lstStyle/>
          <a:p>
            <a:pPr>
              <a:defRPr/>
            </a:pPr>
            <a:r>
              <a:rPr lang="ja-JP" altLang="en-US" sz="2000" dirty="0">
                <a:latin typeface="HG創英角ﾎﾟｯﾌﾟ体" pitchFamily="49" charset="-128"/>
                <a:ea typeface="HG創英角ﾎﾟｯﾌﾟ体" pitchFamily="49" charset="-128"/>
              </a:rPr>
              <a:t>時々問題発生</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単なるカタログ</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申請のみ</a:t>
            </a:r>
          </a:p>
        </p:txBody>
      </p:sp>
      <p:sp>
        <p:nvSpPr>
          <p:cNvPr id="32" name="四角形吹き出し 5"/>
          <p:cNvSpPr>
            <a:spLocks noChangeArrowheads="1"/>
          </p:cNvSpPr>
          <p:nvPr/>
        </p:nvSpPr>
        <p:spPr bwMode="auto">
          <a:xfrm>
            <a:off x="1393827" y="2204865"/>
            <a:ext cx="3903663" cy="1728192"/>
          </a:xfrm>
          <a:prstGeom prst="wedgeRectCallout">
            <a:avLst>
              <a:gd name="adj1" fmla="val -28070"/>
              <a:gd name="adj2" fmla="val -76059"/>
            </a:avLst>
          </a:prstGeom>
          <a:solidFill>
            <a:schemeClr val="bg1">
              <a:lumMod val="85000"/>
            </a:schemeClr>
          </a:solidFill>
          <a:ln w="9525" algn="ctr">
            <a:solidFill>
              <a:schemeClr val="tx1"/>
            </a:solidFill>
            <a:round/>
            <a:headEnd/>
            <a:tailEnd/>
          </a:ln>
        </p:spPr>
        <p:txBody>
          <a:bodyPr wrap="none"/>
          <a:lstStyle/>
          <a:p>
            <a:pPr>
              <a:defRPr/>
            </a:pPr>
            <a:r>
              <a:rPr lang="ja-JP" altLang="en-US" sz="2000" dirty="0">
                <a:latin typeface="HG創英角ﾎﾟｯﾌﾟ体" pitchFamily="49" charset="-128"/>
                <a:ea typeface="HG創英角ﾎﾟｯﾌﾟ体" pitchFamily="49" charset="-128"/>
              </a:rPr>
              <a:t>審査料高い</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権威は少し高い（旧：大臣認定）</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国の委員会の設置</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新技術登録番号の交付</a:t>
            </a:r>
            <a:endParaRPr lang="en-US" altLang="ja-JP" sz="2000" dirty="0">
              <a:latin typeface="HG創英角ﾎﾟｯﾌﾟ体" pitchFamily="49" charset="-128"/>
              <a:ea typeface="HG創英角ﾎﾟｯﾌﾟ体" pitchFamily="49" charset="-128"/>
            </a:endParaRPr>
          </a:p>
          <a:p>
            <a:pPr>
              <a:defRPr/>
            </a:pPr>
            <a:r>
              <a:rPr lang="ja-JP" altLang="en-US" sz="2000" dirty="0">
                <a:latin typeface="HG創英角ﾎﾟｯﾌﾟ体" pitchFamily="49" charset="-128"/>
                <a:ea typeface="HG創英角ﾎﾟｯﾌﾟ体" pitchFamily="49" charset="-128"/>
              </a:rPr>
              <a:t>審査結果の官庁への報告</a:t>
            </a:r>
          </a:p>
        </p:txBody>
      </p:sp>
      <p:sp>
        <p:nvSpPr>
          <p:cNvPr id="20" name="角丸四角形 19"/>
          <p:cNvSpPr/>
          <p:nvPr/>
        </p:nvSpPr>
        <p:spPr bwMode="auto">
          <a:xfrm>
            <a:off x="1724821" y="4454527"/>
            <a:ext cx="3600475" cy="1108075"/>
          </a:xfrm>
          <a:prstGeom prst="roundRect">
            <a:avLst/>
          </a:prstGeom>
          <a:solidFill>
            <a:srgbClr val="FF0000"/>
          </a:solidFill>
          <a:ln w="57150">
            <a:headEnd type="none" w="med" len="med"/>
            <a:tailEnd type="none" w="med" len="med"/>
          </a:ln>
        </p:spPr>
        <p:style>
          <a:lnRef idx="2">
            <a:schemeClr val="dk1"/>
          </a:lnRef>
          <a:fillRef idx="1">
            <a:schemeClr val="lt1"/>
          </a:fillRef>
          <a:effectRef idx="0">
            <a:schemeClr val="dk1"/>
          </a:effectRef>
          <a:fontRef idx="minor">
            <a:schemeClr val="dk1"/>
          </a:fontRef>
        </p:style>
        <p:txBody>
          <a:bodyPr wrap="none"/>
          <a:lstStyle/>
          <a:p>
            <a:pPr>
              <a:defRPr/>
            </a:pPr>
            <a:r>
              <a:rPr lang="en-US" altLang="ja-JP" sz="2800" dirty="0">
                <a:solidFill>
                  <a:schemeClr val="tx1"/>
                </a:solidFill>
                <a:latin typeface="HGP創英角ﾎﾟｯﾌﾟ体" panose="040B0A00000000000000" pitchFamily="50" charset="-128"/>
                <a:ea typeface="HGP創英角ﾎﾟｯﾌﾟ体" panose="040B0A00000000000000" pitchFamily="50" charset="-128"/>
              </a:rPr>
              <a:t>NETIS</a:t>
            </a:r>
            <a:r>
              <a:rPr lang="ja-JP" altLang="en-US" sz="2800" dirty="0">
                <a:solidFill>
                  <a:schemeClr val="tx1"/>
                </a:solidFill>
                <a:latin typeface="HGP創英角ﾎﾟｯﾌﾟ体" panose="040B0A00000000000000" pitchFamily="50" charset="-128"/>
                <a:ea typeface="HGP創英角ﾎﾟｯﾌﾟ体" panose="040B0A00000000000000" pitchFamily="50" charset="-128"/>
              </a:rPr>
              <a:t>は認証ではない</a:t>
            </a:r>
            <a:endParaRPr lang="en-US" altLang="ja-JP" sz="2800" dirty="0">
              <a:solidFill>
                <a:schemeClr val="tx1"/>
              </a:solidFill>
              <a:latin typeface="HGP創英角ﾎﾟｯﾌﾟ体" panose="040B0A00000000000000" pitchFamily="50" charset="-128"/>
              <a:ea typeface="HGP創英角ﾎﾟｯﾌﾟ体" panose="040B0A00000000000000" pitchFamily="50" charset="-128"/>
            </a:endParaRPr>
          </a:p>
          <a:p>
            <a:pPr>
              <a:defRPr/>
            </a:pPr>
            <a:r>
              <a:rPr lang="ja-JP" altLang="en-US" sz="2800" dirty="0">
                <a:solidFill>
                  <a:schemeClr val="tx1"/>
                </a:solidFill>
                <a:latin typeface="HGP創英角ﾎﾟｯﾌﾟ体" panose="040B0A00000000000000" pitchFamily="50" charset="-128"/>
                <a:ea typeface="HGP創英角ﾎﾟｯﾌﾟ体" panose="040B0A00000000000000" pitchFamily="50" charset="-128"/>
              </a:rPr>
              <a:t>しっかりした認証制度を</a:t>
            </a:r>
          </a:p>
        </p:txBody>
      </p:sp>
    </p:spTree>
    <p:extLst>
      <p:ext uri="{BB962C8B-B14F-4D97-AF65-F5344CB8AC3E}">
        <p14:creationId xmlns:p14="http://schemas.microsoft.com/office/powerpoint/2010/main" val="2669608264"/>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a:extLst>
              <a:ext uri="{FF2B5EF4-FFF2-40B4-BE49-F238E27FC236}">
                <a16:creationId xmlns:a16="http://schemas.microsoft.com/office/drawing/2014/main" id="{32331FA9-8AF3-A2A2-C3F8-E29CA51B00EA}"/>
              </a:ext>
            </a:extLst>
          </p:cNvPr>
          <p:cNvSpPr>
            <a:spLocks noGrp="1"/>
          </p:cNvSpPr>
          <p:nvPr>
            <p:ph type="sldNum" sz="quarter" idx="12"/>
          </p:nvPr>
        </p:nvSpPr>
        <p:spPr/>
        <p:txBody>
          <a:bodyPr/>
          <a:lstStyle/>
          <a:p>
            <a:pPr defTabSz="371446"/>
            <a:fld id="{B424A714-972D-431A-872C-1B0FE76119C1}" type="slidenum">
              <a:rPr kumimoji="0" lang="ja-JP" altLang="en-US" smtClean="0"/>
              <a:pPr defTabSz="371446"/>
              <a:t>97</a:t>
            </a:fld>
            <a:endParaRPr kumimoji="0" lang="ja-JP" altLang="en-US" dirty="0"/>
          </a:p>
        </p:txBody>
      </p:sp>
      <p:sp>
        <p:nvSpPr>
          <p:cNvPr id="3" name="テキスト ボックス 2">
            <a:extLst>
              <a:ext uri="{FF2B5EF4-FFF2-40B4-BE49-F238E27FC236}">
                <a16:creationId xmlns:a16="http://schemas.microsoft.com/office/drawing/2014/main" id="{1B5454DC-FC7F-0010-337A-FB953F55DB1C}"/>
              </a:ext>
            </a:extLst>
          </p:cNvPr>
          <p:cNvSpPr txBox="1"/>
          <p:nvPr/>
        </p:nvSpPr>
        <p:spPr>
          <a:xfrm>
            <a:off x="1061883" y="267190"/>
            <a:ext cx="6750566" cy="6001643"/>
          </a:xfrm>
          <a:prstGeom prst="rect">
            <a:avLst/>
          </a:prstGeom>
          <a:noFill/>
        </p:spPr>
        <p:txBody>
          <a:bodyPr wrap="none" rtlCol="0">
            <a:spAutoFit/>
          </a:bodyPr>
          <a:lstStyle/>
          <a:p>
            <a:r>
              <a:rPr kumimoji="1" lang="ja-JP" altLang="en-US" sz="3200" dirty="0"/>
              <a:t>本来の目的は、民間活力の導入</a:t>
            </a:r>
            <a:endParaRPr kumimoji="1" lang="en-US" altLang="ja-JP" sz="3200" dirty="0"/>
          </a:p>
          <a:p>
            <a:endParaRPr lang="en-US" altLang="ja-JP" sz="3200" dirty="0"/>
          </a:p>
          <a:p>
            <a:r>
              <a:rPr kumimoji="1" lang="ja-JP" altLang="en-US" sz="3200" dirty="0"/>
              <a:t>手法の</a:t>
            </a:r>
            <a:r>
              <a:rPr kumimoji="1" lang="en-US" altLang="ja-JP" sz="3200" dirty="0"/>
              <a:t>1</a:t>
            </a:r>
            <a:r>
              <a:rPr kumimoji="1" lang="ja-JP" altLang="en-US" sz="3200" dirty="0"/>
              <a:t>つとして</a:t>
            </a:r>
            <a:endParaRPr kumimoji="1" lang="en-US" altLang="ja-JP" sz="3200" dirty="0"/>
          </a:p>
          <a:p>
            <a:r>
              <a:rPr lang="ja-JP" altLang="en-US" sz="3200" dirty="0"/>
              <a:t>・包括管理</a:t>
            </a:r>
            <a:endParaRPr lang="en-US" altLang="ja-JP" sz="3200" dirty="0"/>
          </a:p>
          <a:p>
            <a:endParaRPr kumimoji="1" lang="en-US" altLang="ja-JP" sz="3200" dirty="0"/>
          </a:p>
          <a:p>
            <a:r>
              <a:rPr lang="ja-JP" altLang="en-US" sz="3200" dirty="0"/>
              <a:t>・群管理、群マネ</a:t>
            </a:r>
            <a:endParaRPr lang="en-US" altLang="ja-JP" sz="3200" dirty="0"/>
          </a:p>
          <a:p>
            <a:endParaRPr lang="en-US" altLang="ja-JP" sz="3200" dirty="0"/>
          </a:p>
          <a:p>
            <a:r>
              <a:rPr kumimoji="1" lang="ja-JP" altLang="en-US" sz="3200" dirty="0"/>
              <a:t>●恐らく将来的には、</a:t>
            </a:r>
            <a:r>
              <a:rPr kumimoji="1" lang="en-US" altLang="ja-JP" sz="3200" dirty="0"/>
              <a:t>PPP/PFI</a:t>
            </a:r>
            <a:r>
              <a:rPr kumimoji="1" lang="ja-JP" altLang="en-US" sz="3200" dirty="0"/>
              <a:t>化</a:t>
            </a:r>
            <a:endParaRPr kumimoji="1" lang="en-US" altLang="ja-JP" sz="3200" dirty="0"/>
          </a:p>
          <a:p>
            <a:r>
              <a:rPr lang="ja-JP" altLang="en-US" sz="3200" dirty="0"/>
              <a:t>　さらなる進化！</a:t>
            </a:r>
            <a:endParaRPr lang="en-US" altLang="ja-JP" sz="3200" dirty="0"/>
          </a:p>
          <a:p>
            <a:endParaRPr kumimoji="1" lang="en-US" altLang="ja-JP" sz="3200" dirty="0"/>
          </a:p>
          <a:p>
            <a:r>
              <a:rPr kumimoji="1" lang="ja-JP" altLang="en-US" sz="3200" dirty="0"/>
              <a:t>民間活力</a:t>
            </a:r>
            <a:r>
              <a:rPr lang="ja-JP" altLang="en-US" sz="3200" dirty="0"/>
              <a:t>とは、技術力、効率化</a:t>
            </a:r>
            <a:endParaRPr lang="en-US" altLang="ja-JP" sz="3200" dirty="0"/>
          </a:p>
          <a:p>
            <a:r>
              <a:rPr kumimoji="1" lang="ja-JP" altLang="en-US" sz="3200" dirty="0"/>
              <a:t>　　　　　　　パワー、資金、人財</a:t>
            </a:r>
          </a:p>
        </p:txBody>
      </p:sp>
    </p:spTree>
    <p:extLst>
      <p:ext uri="{BB962C8B-B14F-4D97-AF65-F5344CB8AC3E}">
        <p14:creationId xmlns:p14="http://schemas.microsoft.com/office/powerpoint/2010/main" val="2340735505"/>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0114" name="テキスト ボックス 1">
            <a:extLst>
              <a:ext uri="{FF2B5EF4-FFF2-40B4-BE49-F238E27FC236}">
                <a16:creationId xmlns:a16="http://schemas.microsoft.com/office/drawing/2014/main" id="{7C7C07A6-8D19-4978-7F61-E3A184F43B40}"/>
              </a:ext>
            </a:extLst>
          </p:cNvPr>
          <p:cNvSpPr txBox="1">
            <a:spLocks noChangeArrowheads="1"/>
          </p:cNvSpPr>
          <p:nvPr/>
        </p:nvSpPr>
        <p:spPr bwMode="auto">
          <a:xfrm>
            <a:off x="1403350" y="908050"/>
            <a:ext cx="5737468" cy="64633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pitchFamily="50" charset="-128"/>
              </a:defRPr>
            </a:lvl1pPr>
            <a:lvl2pPr marL="742950" indent="-28575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pitchFamily="50" charset="-128"/>
              </a:defRPr>
            </a:lvl2pPr>
            <a:lvl3pPr marL="1143000" indent="-22860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pitchFamily="50" charset="-128"/>
              </a:defRPr>
            </a:lvl3pPr>
            <a:lvl4pPr marL="16002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4pPr>
            <a:lvl5pPr marL="2057400" indent="-22860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pitchFamily="50" charset="-128"/>
              </a:defRPr>
            </a:lvl9pPr>
          </a:lstStyle>
          <a:p>
            <a:pPr>
              <a:spcBef>
                <a:spcPct val="0"/>
              </a:spcBef>
              <a:buFontTx/>
              <a:buNone/>
            </a:pPr>
            <a:r>
              <a:rPr lang="ja-JP" altLang="en-US" sz="4000" dirty="0">
                <a:latin typeface="Arial" panose="020B0604020202020204" pitchFamily="34" charset="0"/>
              </a:rPr>
              <a:t>お疲れさまでした</a:t>
            </a: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何かありましたらどうぞ</a:t>
            </a: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お気軽に申し付けください</a:t>
            </a: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r>
              <a:rPr lang="ja-JP" altLang="en-US" sz="4000" dirty="0">
                <a:latin typeface="Arial" panose="020B0604020202020204" pitchFamily="34" charset="0"/>
              </a:rPr>
              <a:t>ｙ</a:t>
            </a:r>
            <a:r>
              <a:rPr lang="en-US" altLang="ja-JP" sz="4000" dirty="0">
                <a:latin typeface="Arial" panose="020B0604020202020204" pitchFamily="34" charset="0"/>
              </a:rPr>
              <a:t>-ueno@uimo.jp</a:t>
            </a: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4000" dirty="0">
              <a:latin typeface="Arial" panose="020B0604020202020204" pitchFamily="34" charset="0"/>
            </a:endParaRPr>
          </a:p>
          <a:p>
            <a:pPr>
              <a:spcBef>
                <a:spcPct val="0"/>
              </a:spcBef>
              <a:buFontTx/>
              <a:buNone/>
            </a:pPr>
            <a:endParaRPr lang="en-US" altLang="ja-JP" sz="1400" dirty="0">
              <a:latin typeface="Arial" panose="020B0604020202020204" pitchFamily="34" charset="0"/>
            </a:endParaRPr>
          </a:p>
        </p:txBody>
      </p:sp>
    </p:spTree>
  </p:cSld>
  <p:clrMapOvr>
    <a:masterClrMapping/>
  </p:clrMapOvr>
</p:sld>
</file>

<file path=ppt/theme/_rels/theme3.xml.rels><?xml version="1.0" encoding="UTF-8" standalone="yes"?>
<Relationships xmlns="http://schemas.openxmlformats.org/package/2006/relationships"><Relationship Id="rId1" Type="http://schemas.openxmlformats.org/officeDocument/2006/relationships/image" Target="../media/image17.jpeg"/></Relationships>
</file>

<file path=ppt/theme/_rels/themeOverride1.xml.rels><?xml version="1.0" encoding="UTF-8" standalone="yes"?>
<Relationships xmlns="http://schemas.openxmlformats.org/package/2006/relationships"><Relationship Id="rId1" Type="http://schemas.openxmlformats.org/officeDocument/2006/relationships/image" Target="../media/image368.jpeg"/></Relationships>
</file>

<file path=ppt/theme/theme1.xml><?xml version="1.0" encoding="utf-8"?>
<a:theme xmlns:a="http://schemas.openxmlformats.org/drawingml/2006/main" name="pp2007">
  <a:themeElements>
    <a:clrScheme name="powerpoint 1">
      <a:dk1>
        <a:srgbClr val="000000"/>
      </a:dk1>
      <a:lt1>
        <a:srgbClr val="FFFFFF"/>
      </a:lt1>
      <a:dk2>
        <a:srgbClr val="000000"/>
      </a:dk2>
      <a:lt2>
        <a:srgbClr val="808080"/>
      </a:lt2>
      <a:accent1>
        <a:srgbClr val="D1EAEA"/>
      </a:accent1>
      <a:accent2>
        <a:srgbClr val="0A1E92"/>
      </a:accent2>
      <a:accent3>
        <a:srgbClr val="FFFFFF"/>
      </a:accent3>
      <a:accent4>
        <a:srgbClr val="000000"/>
      </a:accent4>
      <a:accent5>
        <a:srgbClr val="E5F3F3"/>
      </a:accent5>
      <a:accent6>
        <a:srgbClr val="081A84"/>
      </a:accent6>
      <a:hlink>
        <a:srgbClr val="81BD1E"/>
      </a:hlink>
      <a:folHlink>
        <a:srgbClr val="FD9F0A"/>
      </a:folHlink>
    </a:clrScheme>
    <a:fontScheme name="powerpoint">
      <a:majorFont>
        <a:latin typeface="HGPｺﾞｼｯｸE"/>
        <a:ea typeface="HGPｺﾞｼｯｸE"/>
        <a:cs typeface=""/>
      </a:majorFont>
      <a:minorFont>
        <a:latin typeface="HGPｺﾞｼｯｸE"/>
        <a:ea typeface="HGPｺﾞｼｯｸ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powerpoint 1">
        <a:dk1>
          <a:srgbClr val="000000"/>
        </a:dk1>
        <a:lt1>
          <a:srgbClr val="FFFFFF"/>
        </a:lt1>
        <a:dk2>
          <a:srgbClr val="000000"/>
        </a:dk2>
        <a:lt2>
          <a:srgbClr val="808080"/>
        </a:lt2>
        <a:accent1>
          <a:srgbClr val="D1EAEA"/>
        </a:accent1>
        <a:accent2>
          <a:srgbClr val="0A1E92"/>
        </a:accent2>
        <a:accent3>
          <a:srgbClr val="FFFFFF"/>
        </a:accent3>
        <a:accent4>
          <a:srgbClr val="000000"/>
        </a:accent4>
        <a:accent5>
          <a:srgbClr val="E5F3F3"/>
        </a:accent5>
        <a:accent6>
          <a:srgbClr val="081A84"/>
        </a:accent6>
        <a:hlink>
          <a:srgbClr val="81BD1E"/>
        </a:hlink>
        <a:folHlink>
          <a:srgbClr val="FD9F0A"/>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1_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PCKK01">
      <a:majorFont>
        <a:latin typeface="メイリオ"/>
        <a:ea typeface="メイリオ"/>
        <a:cs typeface=""/>
      </a:majorFont>
      <a:minorFont>
        <a:latin typeface="メイリオ"/>
        <a:ea typeface="メイリオ"/>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プレゼンテーション2" id="{DF3AB83B-8C64-46CD-B989-D36C7EB1A88F}" vid="{91F70964-04F5-44F0-BC9D-C75926DD2596}"/>
    </a:ext>
  </a:extLst>
</a:theme>
</file>

<file path=ppt/theme/theme3.xml><?xml version="1.0" encoding="utf-8"?>
<a:theme xmlns:a="http://schemas.openxmlformats.org/drawingml/2006/main" name="BrainstrmSess">
  <a:themeElements>
    <a:clrScheme name="Mod">
      <a:dk1>
        <a:sysClr val="windowText" lastClr="000000"/>
      </a:dk1>
      <a:lt1>
        <a:sysClr val="window" lastClr="FFFFFF"/>
      </a:lt1>
      <a:dk2>
        <a:srgbClr val="065218"/>
      </a:dk2>
      <a:lt2>
        <a:srgbClr val="EDF3AE"/>
      </a:lt2>
      <a:accent1>
        <a:srgbClr val="8FCB17"/>
      </a:accent1>
      <a:accent2>
        <a:srgbClr val="769F11"/>
      </a:accent2>
      <a:accent3>
        <a:srgbClr val="D4E336"/>
      </a:accent3>
      <a:accent4>
        <a:srgbClr val="0C8228"/>
      </a:accent4>
      <a:accent5>
        <a:srgbClr val="C0EDA8"/>
      </a:accent5>
      <a:accent6>
        <a:srgbClr val="3B4F18"/>
      </a:accent6>
      <a:hlink>
        <a:srgbClr val="0A6A21"/>
      </a:hlink>
      <a:folHlink>
        <a:srgbClr val="406EA5"/>
      </a:folHlink>
    </a:clrScheme>
    <a:fontScheme name="ユーザー定義 2">
      <a:majorFont>
        <a:latin typeface="ＭＳ Ｐゴシック"/>
        <a:ea typeface="ＭＳ Ｐゴシック"/>
        <a:cs typeface=""/>
      </a:majorFont>
      <a:minorFont>
        <a:latin typeface="ＭＳ Ｐゴシック"/>
        <a:ea typeface="ＭＳ Ｐゴシック"/>
        <a:cs typeface=""/>
      </a:minorFont>
    </a:fontScheme>
    <a:fmtScheme name="Concourse">
      <a:fillStyleLst>
        <a:solidFill>
          <a:schemeClr val="phClr"/>
        </a:solidFill>
        <a:gradFill rotWithShape="1">
          <a:gsLst>
            <a:gs pos="0">
              <a:schemeClr val="phClr">
                <a:tint val="62000"/>
                <a:satMod val="180000"/>
              </a:schemeClr>
            </a:gs>
            <a:gs pos="65000">
              <a:schemeClr val="phClr">
                <a:tint val="32000"/>
                <a:satMod val="250000"/>
              </a:schemeClr>
            </a:gs>
            <a:gs pos="100000">
              <a:schemeClr val="phClr">
                <a:tint val="23000"/>
                <a:satMod val="300000"/>
              </a:schemeClr>
            </a:gs>
          </a:gsLst>
          <a:lin ang="16200000" scaled="0"/>
        </a:gradFill>
        <a:gradFill rotWithShape="1">
          <a:gsLst>
            <a:gs pos="0">
              <a:schemeClr val="phClr">
                <a:shade val="15000"/>
                <a:satMod val="180000"/>
              </a:schemeClr>
            </a:gs>
            <a:gs pos="50000">
              <a:schemeClr val="phClr">
                <a:shade val="45000"/>
                <a:satMod val="170000"/>
              </a:schemeClr>
            </a:gs>
            <a:gs pos="70000">
              <a:schemeClr val="phClr">
                <a:tint val="99000"/>
                <a:shade val="65000"/>
                <a:satMod val="155000"/>
              </a:schemeClr>
            </a:gs>
            <a:gs pos="100000">
              <a:schemeClr val="phClr">
                <a:tint val="95500"/>
                <a:shade val="100000"/>
                <a:satMod val="155000"/>
              </a:schemeClr>
            </a:gs>
          </a:gsLst>
          <a:lin ang="16200000" scaled="0"/>
        </a:gradFill>
      </a:fillStyleLst>
      <a:lnStyleLst>
        <a:ln w="9525" cap="flat" cmpd="sng" algn="ctr">
          <a:solidFill>
            <a:schemeClr val="phClr"/>
          </a:solidFill>
          <a:prstDash val="solid"/>
        </a:ln>
        <a:ln w="55000" cap="flat" cmpd="thickThin" algn="ctr">
          <a:solidFill>
            <a:schemeClr val="phClr"/>
          </a:solidFill>
          <a:prstDash val="solid"/>
        </a:ln>
        <a:ln w="63500" cap="flat" cmpd="thickThin" algn="ctr">
          <a:solidFill>
            <a:schemeClr val="phClr"/>
          </a:solidFill>
          <a:prstDash val="solid"/>
        </a:ln>
      </a:lnStyleLst>
      <a:effectStyleLst>
        <a:effectStyle>
          <a:effectLst>
            <a:outerShdw blurRad="50800" dist="38100" dir="5400000" rotWithShape="0">
              <a:srgbClr val="000000">
                <a:alpha val="35000"/>
              </a:srgbClr>
            </a:outerShdw>
          </a:effectLst>
        </a:effectStyle>
        <a:effectStyle>
          <a:effectLst>
            <a:outerShdw blurRad="50800" dist="38100" dir="5400000" rotWithShape="0">
              <a:srgbClr val="000000">
                <a:alpha val="35000"/>
              </a:srgbClr>
            </a:outerShdw>
          </a:effectLst>
        </a:effectStyle>
        <a:effectStyle>
          <a:effectLst>
            <a:outerShdw blurRad="63500" dist="38100" dir="5400000" rotWithShape="0">
              <a:srgbClr val="000000">
                <a:alpha val="45000"/>
              </a:srgbClr>
            </a:outerShdw>
          </a:effectLst>
          <a:scene3d>
            <a:camera prst="orthographicFront" fov="0">
              <a:rot lat="0" lon="0" rev="0"/>
            </a:camera>
            <a:lightRig rig="glow" dir="t">
              <a:rot lat="0" lon="0" rev="6360000"/>
            </a:lightRig>
          </a:scene3d>
          <a:sp3d contourW="1000" prstMaterial="flat">
            <a:bevelT w="95250" h="101600"/>
            <a:contourClr>
              <a:schemeClr val="phClr">
                <a:satMod val="300000"/>
              </a:schemeClr>
            </a:contourClr>
          </a:sp3d>
        </a:effectStyle>
      </a:effectStyleLst>
      <a:bgFillStyleLst>
        <a:solidFill>
          <a:schemeClr val="phClr"/>
        </a:solidFill>
        <a:gradFill rotWithShape="1">
          <a:gsLst>
            <a:gs pos="0">
              <a:schemeClr val="phClr">
                <a:tint val="55000"/>
                <a:satMod val="300000"/>
              </a:schemeClr>
            </a:gs>
            <a:gs pos="40000">
              <a:schemeClr val="phClr">
                <a:tint val="65000"/>
                <a:satMod val="300000"/>
              </a:schemeClr>
            </a:gs>
            <a:gs pos="100000">
              <a:schemeClr val="phClr">
                <a:shade val="65000"/>
                <a:satMod val="300000"/>
              </a:schemeClr>
            </a:gs>
          </a:gsLst>
          <a:path path="circle">
            <a:fillToRect l="130000" t="-95000" r="40000" b="218000"/>
          </a:path>
        </a:gradFill>
        <a:blipFill>
          <a:blip xmlns:r="http://schemas.openxmlformats.org/officeDocument/2006/relationships" r:embed="rId1">
            <a:duotone>
              <a:schemeClr val="phClr">
                <a:shade val="60000"/>
                <a:satMod val="110000"/>
              </a:schemeClr>
              <a:schemeClr val="phClr">
                <a:tint val="95000"/>
              </a:schemeClr>
            </a:duotone>
          </a:blip>
          <a:tile tx="0" ty="0" sx="50000" sy="50000" flip="none" algn="tl"/>
        </a:blipFill>
      </a:bgFillStyleLst>
    </a:fmtScheme>
  </a:themeElements>
  <a:objectDefaults/>
  <a:extraClrSchemeLst/>
</a:theme>
</file>

<file path=ppt/theme/theme4.xml><?xml version="1.0" encoding="utf-8"?>
<a:theme xmlns:a="http://schemas.openxmlformats.org/drawingml/2006/main" name="1_contents">
  <a:themeElements>
    <a:clrScheme name="Office テーマ">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5.xml><?xml version="1.0" encoding="utf-8"?>
<a:theme xmlns:a="http://schemas.openxmlformats.org/drawingml/2006/main" name="Office テーマ">
  <a:themeElements>
    <a:clrScheme name="Office テーマ">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テーマ">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テーマ">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2013 - 2022" id="{62F939B6-93AF-4DB8-9C6B-D6C7DFDC589F}" vid="{4A3C46E8-61CC-4603-A589-7422A47A8E4A}"/>
    </a:ext>
  </a:extLst>
</a:theme>
</file>

<file path=ppt/theme/theme6.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7.xml><?xml version="1.0" encoding="utf-8"?>
<a:theme xmlns:a="http://schemas.openxmlformats.org/drawingml/2006/main" name="Office テーマ">
  <a:themeElements>
    <a:clrScheme name="Office">
      <a:dk1>
        <a:sysClr val="windowText" lastClr="000000"/>
      </a:dk1>
      <a:lt1>
        <a:sysClr val="window" lastClr="FFFFFF"/>
      </a:lt1>
      <a:dk2>
        <a:srgbClr val="0E2841"/>
      </a:dk2>
      <a:lt2>
        <a:srgbClr val="E8E8E8"/>
      </a:lt2>
      <a:accent1>
        <a:srgbClr val="156082"/>
      </a:accent1>
      <a:accent2>
        <a:srgbClr val="E97132"/>
      </a:accent2>
      <a:accent3>
        <a:srgbClr val="196B24"/>
      </a:accent3>
      <a:accent4>
        <a:srgbClr val="0F9ED5"/>
      </a:accent4>
      <a:accent5>
        <a:srgbClr val="A02B93"/>
      </a:accent5>
      <a:accent6>
        <a:srgbClr val="4EA72E"/>
      </a:accent6>
      <a:hlink>
        <a:srgbClr val="467886"/>
      </a:hlink>
      <a:folHlink>
        <a:srgbClr val="96607D"/>
      </a:folHlink>
    </a:clrScheme>
    <a:fontScheme name="Office">
      <a:majorFont>
        <a:latin typeface="游ゴシック Light" panose="0211000402020202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游ゴシック" panose="0211000402020202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12700" cap="flat" cmpd="sng" algn="ctr">
          <a:solidFill>
            <a:schemeClr val="phClr"/>
          </a:solidFill>
          <a:prstDash val="solid"/>
          <a:miter lim="800000"/>
        </a:ln>
        <a:ln w="19050" cap="flat" cmpd="sng" algn="ctr">
          <a:solidFill>
            <a:schemeClr val="phClr"/>
          </a:solidFill>
          <a:prstDash val="solid"/>
          <a:miter lim="800000"/>
        </a:ln>
        <a:ln w="2540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lnDef>
      <a:spPr/>
      <a:bodyPr/>
      <a:lstStyle/>
      <a:style>
        <a:lnRef idx="2">
          <a:schemeClr val="accent1"/>
        </a:lnRef>
        <a:fillRef idx="0">
          <a:schemeClr val="accent1"/>
        </a:fillRef>
        <a:effectRef idx="1">
          <a:schemeClr val="accent1"/>
        </a:effectRef>
        <a:fontRef idx="minor">
          <a:schemeClr val="tx1"/>
        </a:fontRef>
      </a:style>
    </a:lnDef>
  </a:objectDefaults>
  <a:extraClrSchemeLst/>
  <a:extLst>
    <a:ext uri="{05A4C25C-085E-4340-85A3-A5531E510DB2}">
      <thm15:themeFamily xmlns:thm15="http://schemas.microsoft.com/office/thememl/2012/main" name="Office Theme" id="{2E142A2C-CD16-42D6-873A-C26D2A0506FA}" vid="{1BDDFF52-6CD6-40A5-AB3C-68EB2F1E4D0A}"/>
    </a:ext>
  </a:extLst>
</a:theme>
</file>

<file path=ppt/theme/themeOverride1.xml><?xml version="1.0" encoding="utf-8"?>
<a:themeOverride xmlns:a="http://schemas.openxmlformats.org/drawingml/2006/main">
  <a:clrScheme name="アース">
    <a:dk1>
      <a:sysClr val="windowText" lastClr="000000"/>
    </a:dk1>
    <a:lt1>
      <a:sysClr val="window" lastClr="FFFFFF"/>
    </a:lt1>
    <a:dk2>
      <a:srgbClr val="464653"/>
    </a:dk2>
    <a:lt2>
      <a:srgbClr val="DDE9EC"/>
    </a:lt2>
    <a:accent1>
      <a:srgbClr val="727CA3"/>
    </a:accent1>
    <a:accent2>
      <a:srgbClr val="9FB8CD"/>
    </a:accent2>
    <a:accent3>
      <a:srgbClr val="D2DA7A"/>
    </a:accent3>
    <a:accent4>
      <a:srgbClr val="FADA7A"/>
    </a:accent4>
    <a:accent5>
      <a:srgbClr val="B88472"/>
    </a:accent5>
    <a:accent6>
      <a:srgbClr val="8E736A"/>
    </a:accent6>
    <a:hlink>
      <a:srgbClr val="B292CA"/>
    </a:hlink>
    <a:folHlink>
      <a:srgbClr val="6B5680"/>
    </a:folHlink>
  </a:clrScheme>
  <a:fontScheme name="アース">
    <a:majorFont>
      <a:latin typeface="Bookman Old Style"/>
      <a:ea typeface=""/>
      <a:cs typeface=""/>
      <a:font script="Grek" typeface="Cambria"/>
      <a:font script="Cyrl" typeface="Cambria"/>
      <a:font script="Jpan" typeface="HG明朝E"/>
      <a:font script="Hang" typeface="돋움"/>
      <a:font script="Hans" typeface="宋体"/>
      <a:font script="Hant" typeface="標楷體"/>
      <a:font script="Arab" typeface="Times New Roman"/>
      <a:font script="Hebr" typeface="Times New Roman"/>
      <a:font script="Thai" typeface="Browalli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Gill Sans MT"/>
      <a:ea typeface=""/>
      <a:cs typeface=""/>
      <a:font script="Grek" typeface="Calibri"/>
      <a:font script="Cyrl" typeface="Calibri"/>
      <a:font script="Jpan" typeface="ＭＳ Ｐゴシック"/>
      <a:font script="Hang" typeface="맑은 고딕"/>
      <a:font script="Hans" typeface="华文新魏"/>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アース">
    <a:fillStyleLst>
      <a:solidFill>
        <a:schemeClr val="phClr"/>
      </a:solidFill>
      <a:gradFill rotWithShape="1">
        <a:gsLst>
          <a:gs pos="0">
            <a:schemeClr val="phClr">
              <a:tint val="45000"/>
              <a:satMod val="200000"/>
            </a:schemeClr>
          </a:gs>
          <a:gs pos="30000">
            <a:schemeClr val="phClr">
              <a:tint val="61000"/>
              <a:satMod val="200000"/>
            </a:schemeClr>
          </a:gs>
          <a:gs pos="45000">
            <a:schemeClr val="phClr">
              <a:tint val="66000"/>
              <a:satMod val="200000"/>
            </a:schemeClr>
          </a:gs>
          <a:gs pos="55000">
            <a:schemeClr val="phClr">
              <a:tint val="66000"/>
              <a:satMod val="200000"/>
            </a:schemeClr>
          </a:gs>
          <a:gs pos="73000">
            <a:schemeClr val="phClr">
              <a:tint val="61000"/>
              <a:satMod val="200000"/>
            </a:schemeClr>
          </a:gs>
          <a:gs pos="100000">
            <a:schemeClr val="phClr">
              <a:tint val="45000"/>
              <a:satMod val="200000"/>
            </a:schemeClr>
          </a:gs>
        </a:gsLst>
        <a:lin ang="950000" scaled="1"/>
      </a:gradFill>
      <a:gradFill rotWithShape="1">
        <a:gsLst>
          <a:gs pos="0">
            <a:schemeClr val="phClr">
              <a:shade val="63000"/>
            </a:schemeClr>
          </a:gs>
          <a:gs pos="30000">
            <a:schemeClr val="phClr">
              <a:shade val="90000"/>
              <a:satMod val="110000"/>
            </a:schemeClr>
          </a:gs>
          <a:gs pos="45000">
            <a:schemeClr val="phClr">
              <a:shade val="100000"/>
              <a:satMod val="118000"/>
            </a:schemeClr>
          </a:gs>
          <a:gs pos="55000">
            <a:schemeClr val="phClr">
              <a:shade val="100000"/>
              <a:satMod val="118000"/>
            </a:schemeClr>
          </a:gs>
          <a:gs pos="73000">
            <a:schemeClr val="phClr">
              <a:shade val="90000"/>
              <a:satMod val="110000"/>
            </a:schemeClr>
          </a:gs>
          <a:gs pos="100000">
            <a:schemeClr val="phClr">
              <a:shade val="63000"/>
            </a:schemeClr>
          </a:gs>
        </a:gsLst>
        <a:lin ang="950000" scaled="1"/>
      </a:gradFill>
    </a:fillStyleLst>
    <a:lnStyleLst>
      <a:ln w="9525" cap="flat" cmpd="sng" algn="ctr">
        <a:solidFill>
          <a:schemeClr val="phClr"/>
        </a:solidFill>
        <a:prstDash val="solid"/>
      </a:ln>
      <a:ln w="19050" cap="flat" cmpd="sng" algn="ctr">
        <a:solidFill>
          <a:schemeClr val="phClr"/>
        </a:solidFill>
        <a:prstDash val="solid"/>
      </a:ln>
      <a:ln w="25400" cap="flat" cmpd="sng" algn="ctr">
        <a:solidFill>
          <a:schemeClr val="phClr"/>
        </a:solidFill>
        <a:prstDash val="solid"/>
      </a:ln>
    </a:lnStyleLst>
    <a:effectStyleLst>
      <a:effectStyle>
        <a:effectLst>
          <a:outerShdw blurRad="38100" dist="25400" dir="5400000" rotWithShape="0">
            <a:srgbClr val="000000">
              <a:alpha val="40000"/>
            </a:srgbClr>
          </a:outerShdw>
        </a:effectLst>
      </a:effectStyle>
      <a:effectStyle>
        <a:effectLst>
          <a:outerShdw blurRad="50800" dist="43000" dir="5400000" rotWithShape="0">
            <a:srgbClr val="000000">
              <a:alpha val="40000"/>
            </a:srgbClr>
          </a:outerShdw>
        </a:effectLst>
        <a:scene3d>
          <a:camera prst="orthographicFront" fov="0">
            <a:rot lat="0" lon="0" rev="0"/>
          </a:camera>
          <a:lightRig rig="balanced" dir="t">
            <a:rot lat="0" lon="0" rev="0"/>
          </a:lightRig>
        </a:scene3d>
        <a:sp3d prstMaterial="matte">
          <a:bevelT w="0" h="0"/>
          <a:contourClr>
            <a:schemeClr val="phClr">
              <a:tint val="100000"/>
              <a:shade val="100000"/>
              <a:hueMod val="100000"/>
              <a:satMod val="100000"/>
            </a:schemeClr>
          </a:contourClr>
        </a:sp3d>
      </a:effectStyle>
      <a:effectStyle>
        <a:effectLst>
          <a:outerShdw blurRad="50800" dist="25400" dir="5400000" rotWithShape="0">
            <a:srgbClr val="000000">
              <a:alpha val="50000"/>
            </a:srgbClr>
          </a:outerShdw>
        </a:effectLst>
        <a:scene3d>
          <a:camera prst="orthographicFront" fov="0">
            <a:rot lat="0" lon="0" rev="0"/>
          </a:camera>
          <a:lightRig rig="soft" dir="t">
            <a:rot lat="0" lon="0" rev="2700000"/>
          </a:lightRig>
        </a:scene3d>
        <a:sp3d prstMaterial="matte">
          <a:bevelT w="50800" h="50800"/>
          <a:contourClr>
            <a:schemeClr val="phClr"/>
          </a:contourClr>
        </a:sp3d>
      </a:effectStyle>
    </a:effectStyleLst>
    <a:bgFillStyleLst>
      <a:solidFill>
        <a:schemeClr val="phClr"/>
      </a:solidFill>
      <a:gradFill rotWithShape="1">
        <a:gsLst>
          <a:gs pos="0">
            <a:schemeClr val="phClr">
              <a:shade val="60000"/>
              <a:satMod val="300000"/>
            </a:schemeClr>
          </a:gs>
          <a:gs pos="30000">
            <a:schemeClr val="phClr">
              <a:shade val="80000"/>
              <a:satMod val="230000"/>
            </a:schemeClr>
          </a:gs>
          <a:gs pos="100000">
            <a:schemeClr val="phClr">
              <a:tint val="97000"/>
              <a:satMod val="220000"/>
            </a:schemeClr>
          </a:gs>
        </a:gsLst>
        <a:lin ang="16200000" scaled="1"/>
      </a:gradFill>
      <a:blipFill>
        <a:blip xmlns:r="http://schemas.openxmlformats.org/officeDocument/2006/relationships" r:embed="rId1">
          <a:duotone>
            <a:schemeClr val="phClr">
              <a:shade val="6000"/>
              <a:satMod val="120000"/>
            </a:schemeClr>
            <a:schemeClr val="phClr">
              <a:tint val="90000"/>
            </a:schemeClr>
          </a:duotone>
        </a:blip>
        <a:tile tx="0" ty="0" sx="35000" sy="40000" flip="x" algn="tl"/>
      </a:blipFill>
    </a:bgFillStyleLst>
  </a:fmtScheme>
</a:themeOverride>
</file>

<file path=docProps/app.xml><?xml version="1.0" encoding="utf-8"?>
<Properties xmlns="http://schemas.openxmlformats.org/officeDocument/2006/extended-properties" xmlns:vt="http://schemas.openxmlformats.org/officeDocument/2006/docPropsVTypes">
  <Template>Office Theme</Template>
  <TotalTime>4263</TotalTime>
  <Words>8942</Words>
  <Application>Microsoft Office PowerPoint</Application>
  <PresentationFormat>画面に合わせる (4:3)</PresentationFormat>
  <Paragraphs>2877</Paragraphs>
  <Slides>98</Slides>
  <Notes>4</Notes>
  <HiddenSlides>0</HiddenSlides>
  <MMClips>0</MMClips>
  <ScaleCrop>false</ScaleCrop>
  <HeadingPairs>
    <vt:vector size="6" baseType="variant">
      <vt:variant>
        <vt:lpstr>使用されているフォント</vt:lpstr>
      </vt:variant>
      <vt:variant>
        <vt:i4>34</vt:i4>
      </vt:variant>
      <vt:variant>
        <vt:lpstr>テーマ</vt:lpstr>
      </vt:variant>
      <vt:variant>
        <vt:i4>5</vt:i4>
      </vt:variant>
      <vt:variant>
        <vt:lpstr>スライド タイトル</vt:lpstr>
      </vt:variant>
      <vt:variant>
        <vt:i4>98</vt:i4>
      </vt:variant>
    </vt:vector>
  </HeadingPairs>
  <TitlesOfParts>
    <vt:vector size="137" baseType="lpstr">
      <vt:lpstr>HGPｺﾞｼｯｸE</vt:lpstr>
      <vt:lpstr>HGPｺﾞｼｯｸM</vt:lpstr>
      <vt:lpstr>HGP教科書体</vt:lpstr>
      <vt:lpstr>HGP創英角ｺﾞｼｯｸUB</vt:lpstr>
      <vt:lpstr>HGP創英角ﾎﾟｯﾌﾟ体</vt:lpstr>
      <vt:lpstr>HGS</vt:lpstr>
      <vt:lpstr>HGSｺﾞｼｯｸM</vt:lpstr>
      <vt:lpstr>HGS創英角ﾎﾟｯﾌﾟ体</vt:lpstr>
      <vt:lpstr>HG丸ｺﾞｼｯｸM-PRO</vt:lpstr>
      <vt:lpstr>HG教科書体</vt:lpstr>
      <vt:lpstr>HG創英角ﾎﾟｯﾌﾟ体</vt:lpstr>
      <vt:lpstr>Meiryo UI</vt:lpstr>
      <vt:lpstr>MeiryoUI</vt:lpstr>
      <vt:lpstr>MeiryoUIBold</vt:lpstr>
      <vt:lpstr>Microsoft JhengHei</vt:lpstr>
      <vt:lpstr>ＭＳ Ｐゴシック</vt:lpstr>
      <vt:lpstr>MS UI Gothic</vt:lpstr>
      <vt:lpstr>ＭＳ ゴシック</vt:lpstr>
      <vt:lpstr>Myriad Pro</vt:lpstr>
      <vt:lpstr>UD デジタル 教科書体 NK-B</vt:lpstr>
      <vt:lpstr>UDデジタル教科書体NP-R</vt:lpstr>
      <vt:lpstr>メイリオ</vt:lpstr>
      <vt:lpstr>小塚ゴシック Pro L</vt:lpstr>
      <vt:lpstr>游ゴシック</vt:lpstr>
      <vt:lpstr>游明朝</vt:lpstr>
      <vt:lpstr>Arial</vt:lpstr>
      <vt:lpstr>Calibri</vt:lpstr>
      <vt:lpstr>Calibri Light</vt:lpstr>
      <vt:lpstr>Tahoma</vt:lpstr>
      <vt:lpstr>Times New Roman</vt:lpstr>
      <vt:lpstr>Verdana</vt:lpstr>
      <vt:lpstr>Wingdings</vt:lpstr>
      <vt:lpstr>Wingdings 2</vt:lpstr>
      <vt:lpstr>Wingdings 3</vt:lpstr>
      <vt:lpstr>pp2007</vt:lpstr>
      <vt:lpstr>1_Office テーマ</vt:lpstr>
      <vt:lpstr>BrainstrmSess</vt:lpstr>
      <vt:lpstr>1_contents</vt:lpstr>
      <vt:lpstr>Office テーマ</vt:lpstr>
      <vt:lpstr>PowerPoint プレゼンテーション</vt:lpstr>
      <vt:lpstr>PowerPoint プレゼンテーション</vt:lpstr>
      <vt:lpstr>群マネ</vt:lpstr>
      <vt:lpstr>PowerPoint プレゼンテーション</vt:lpstr>
      <vt:lpstr>PowerPoint プレゼンテーション</vt:lpstr>
      <vt:lpstr>PowerPoint プレゼンテーション</vt:lpstr>
      <vt:lpstr>PowerPoint プレゼンテーション</vt:lpstr>
      <vt:lpstr>群マネモデル地域 選定案件一覧</vt:lpstr>
      <vt:lpstr>群マネ計画検討会・実施検討会 検討の方針（案）</vt:lpstr>
      <vt:lpstr>群マネ計画検討会・実施検討会 議論の当面の進め方（案）</vt:lpstr>
      <vt:lpstr>群マネ計画検討会・実施検討会 議論の内容（案）</vt:lpstr>
      <vt:lpstr>市区町村・地域事業者の課題を踏まえたこれから取り組むべき方針</vt:lpstr>
      <vt:lpstr>群マネ 全体イメージ（案）</vt:lpstr>
      <vt:lpstr>群マネの具体的方策（案）</vt:lpstr>
      <vt:lpstr>これまでの取組と課題</vt:lpstr>
      <vt:lpstr>【自治体・事業者間の役割分担】インフラメンテナンスの民間委託のイメージ(案)</vt:lpstr>
      <vt:lpstr>【自治体・事業者間の役割分担】行政が担っていた業務の民間委託(府中市の取組事例)</vt:lpstr>
      <vt:lpstr>【自治体・事業者間の役割分担】 主な課題</vt:lpstr>
      <vt:lpstr>【技術者の束】 専門家によるハンズオン支援の取組み</vt:lpstr>
      <vt:lpstr>【技術者の束】 市町村の技術者育成（奈良県の取組事例）</vt:lpstr>
      <vt:lpstr>【技術者の束】 主な課題</vt:lpstr>
      <vt:lpstr>【自治体の束】 広域・多分野の先行事例</vt:lpstr>
      <vt:lpstr>【自治体の束】 広域連携の手法</vt:lpstr>
      <vt:lpstr>【自治体の束】 広域連携の手法</vt:lpstr>
      <vt:lpstr>【自治体の束】 広域連携の手法</vt:lpstr>
      <vt:lpstr>【自治体の束】 広域連携の手法</vt:lpstr>
      <vt:lpstr>【自治体の束】 主な課題</vt:lpstr>
      <vt:lpstr>計画検討会における論点（案）</vt:lpstr>
      <vt:lpstr>計画検討会における論点（案）</vt:lpstr>
      <vt:lpstr>群マネ計画検討会・実施検討会 当面のスケジュール（案）</vt:lpstr>
      <vt:lpstr>PowerPoint プレゼンテーション</vt:lpstr>
      <vt:lpstr>新技術  新技術導入ハンズオン会議  SIPを意識しているが、 モデル自治体の採用技術は関係がない</vt:lpstr>
      <vt:lpstr>PowerPoint プレゼンテーション</vt:lpstr>
      <vt:lpstr>（青森県黒石市）除雪事業者の連携体制構築、除雪出動の判断基準の適正化</vt:lpstr>
      <vt:lpstr>（山形県山形市）橋梁点検に関する新技術・産学官連携の仕組み導入への助言</vt:lpstr>
      <vt:lpstr>（山形県山形市）公園の維持管理に関する新技術による効率化への助言</vt:lpstr>
      <vt:lpstr>（茨城県桜川市）補修工法や維持管理の方針・基準、職員体制等含めた道路舗装管理の仕組み作り</vt:lpstr>
      <vt:lpstr>（新潟県十日町市）排雪・攪拌作業の効率化、除雪体制適正化への助言、情報提供</vt:lpstr>
      <vt:lpstr>（静岡県静岡市）タブレットを活用した橋梁点検への新技術導入、要領の見直しに関する助言、情報提供</vt:lpstr>
      <vt:lpstr>（愛知県豊川市）AIカメラによる道路損傷個所検出の精度向上、日常点検の効率化</vt:lpstr>
      <vt:lpstr>（京都府大山崎町）新技術導入による日常点検の効率化、職員の負担軽減の仕組みの構築</vt:lpstr>
      <vt:lpstr>（兵庫県川西市）道路・橋梁の点検、緑地法面の除草・樹木管理に関する新技術導入への助言</vt:lpstr>
      <vt:lpstr>（奈良県十津川村）広域に点在する橋梁の点検の効率化、吊橋の安価な点検手法の検討</vt:lpstr>
      <vt:lpstr>（山口県周南市）監視対象橋梁の措置・監視方法に対する助言および新技術導入</vt:lpstr>
      <vt:lpstr>（徳島県美波町）損傷度判定に関する職員、地元企業のノウハウ向上・継承、修繕に対する方針の明確化</vt:lpstr>
      <vt:lpstr>（大分県津久見市）中小規模橋梁の点検・補修への新技術導入、直営点検導入に向けた支援</vt:lpstr>
      <vt:lpstr>（大分県杵築市）包括的民間委託による3次元データ導入に対する発注支援</vt:lpstr>
      <vt:lpstr>新技術導入に関するハンズオン支援事業検討会の方針</vt:lpstr>
      <vt:lpstr>群マネの具体的方策（案） 第４回群マネ計画検討会資料</vt:lpstr>
      <vt:lpstr>【技術者の束】</vt:lpstr>
      <vt:lpstr>維持管理業務のレベルと地方自治体の技術力（イメージ）</vt:lpstr>
      <vt:lpstr>自立的な支援体制のイメージ</vt:lpstr>
      <vt:lpstr>テーマ① アドバイザーの人材確保・育成の手法</vt:lpstr>
      <vt:lpstr>テーマ① アドバイザーの人材確保・育成の手法</vt:lpstr>
      <vt:lpstr>テーマ① アドバイザーの人材確保・育成の手法</vt:lpstr>
      <vt:lpstr>テーマ②【産との連携】 関係機関との連携</vt:lpstr>
      <vt:lpstr>テーマ②【産との連携】 関係機関との連携</vt:lpstr>
      <vt:lpstr>テーマ②【学との連携】 関係機関との連携</vt:lpstr>
      <vt:lpstr>テーマ②【官との連携】 関係機関との連携</vt:lpstr>
      <vt:lpstr>テーマ③ 支援体制のあり方について</vt:lpstr>
      <vt:lpstr>SIP</vt:lpstr>
      <vt:lpstr>PowerPoint プレゼンテーション</vt:lpstr>
      <vt:lpstr>PRISMからBRIDGE（研究開発とSociety5.0との橋渡しプログラム）への見直し</vt:lpstr>
      <vt:lpstr>PowerPoint プレゼンテーション</vt:lpstr>
      <vt:lpstr>PowerPoint プレゼンテーション</vt:lpstr>
      <vt:lpstr>ＳＩＰ第１期追跡評価</vt:lpstr>
      <vt:lpstr>ＳＩＰ第２期の主な成果</vt:lpstr>
      <vt:lpstr>戦略的イノベーションプログラム第３期（ＳＩＰ第３期）の１４課題</vt:lpstr>
      <vt:lpstr>PowerPoint プレゼンテーション</vt:lpstr>
      <vt:lpstr>社会実装に向けた５つの視点：基本的考え方</vt:lpstr>
      <vt:lpstr>アジャイルな開発モデル：基本的考え方</vt:lpstr>
      <vt:lpstr>PowerPoint プレゼンテーション</vt:lpstr>
      <vt:lpstr>PowerPoint プレゼンテーション</vt:lpstr>
      <vt:lpstr>富山市の事例  </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既存技術を応用した点検の実証試験</vt:lpstr>
      <vt:lpstr>PowerPoint プレゼンテーション</vt:lpstr>
      <vt:lpstr>PowerPoint プレゼンテーション</vt:lpstr>
      <vt:lpstr>PowerPoint プレゼンテーション</vt:lpstr>
      <vt:lpstr>高速道路上のオーバーブリッジ</vt:lpstr>
      <vt:lpstr>新技術導入のポイントの本音</vt:lpstr>
      <vt:lpstr>PowerPoint プレゼンテーション</vt:lpstr>
      <vt:lpstr>富山市内橋梁（道路橋）の打撃振動試験 橋梁を構造物全体形として安全誌を確認 衝撃弾性波を利用し固有振動数を検知</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HP Inc.</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植野</dc:creator>
  <cp:lastModifiedBy>ichirou kikuchi</cp:lastModifiedBy>
  <cp:revision>166</cp:revision>
  <dcterms:created xsi:type="dcterms:W3CDTF">2020-12-21T06:45:22Z</dcterms:created>
  <dcterms:modified xsi:type="dcterms:W3CDTF">2024-08-19T02:10:11Z</dcterms:modified>
</cp:coreProperties>
</file>